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externalReferences>
    <externalReference r:id="rId26"/>
  </externalReference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A:$A</definedName>
  </definedNames>
  <calcPr calcId="162913"/>
</workbook>
</file>

<file path=xl/calcChain.xml><?xml version="1.0" encoding="utf-8"?>
<calcChain xmlns="http://schemas.openxmlformats.org/spreadsheetml/2006/main">
  <c r="I41" i="1" l="1"/>
  <c r="H41" i="1"/>
  <c r="G41" i="1"/>
  <c r="F41" i="1"/>
  <c r="I40" i="1"/>
  <c r="H40" i="1"/>
  <c r="G40" i="1"/>
  <c r="F40" i="1"/>
  <c r="I39" i="1"/>
  <c r="H39" i="1"/>
  <c r="G39" i="1"/>
  <c r="F39" i="1"/>
  <c r="I38" i="1"/>
  <c r="H38" i="1"/>
  <c r="G38" i="1"/>
  <c r="F38" i="1"/>
  <c r="I37" i="1"/>
  <c r="H37" i="1"/>
  <c r="G37" i="1"/>
  <c r="F37" i="1"/>
  <c r="I36" i="1"/>
  <c r="H36" i="1"/>
  <c r="G36" i="1"/>
  <c r="F36" i="1"/>
  <c r="I35" i="1"/>
  <c r="H35" i="1"/>
  <c r="G35" i="1"/>
  <c r="F35" i="1"/>
  <c r="I34" i="1"/>
  <c r="H34" i="1"/>
  <c r="G34" i="1"/>
  <c r="F34" i="1"/>
  <c r="I33" i="1"/>
  <c r="H33" i="1"/>
  <c r="G33" i="1"/>
  <c r="F33" i="1"/>
  <c r="I32" i="1"/>
  <c r="H32" i="1"/>
  <c r="G32" i="1"/>
  <c r="F32" i="1"/>
  <c r="I31" i="1"/>
  <c r="H31" i="1"/>
  <c r="G31" i="1"/>
  <c r="F31" i="1"/>
  <c r="I30" i="1"/>
  <c r="H30" i="1"/>
  <c r="G30" i="1"/>
  <c r="F30" i="1"/>
  <c r="I29" i="1"/>
  <c r="H29" i="1"/>
  <c r="G29" i="1"/>
  <c r="F29" i="1"/>
  <c r="I28" i="1"/>
  <c r="H28" i="1"/>
  <c r="G28" i="1"/>
  <c r="F28" i="1"/>
  <c r="I27" i="1"/>
  <c r="H27" i="1"/>
  <c r="G27" i="1"/>
  <c r="F27" i="1"/>
  <c r="I26" i="1"/>
  <c r="H26" i="1"/>
  <c r="G26" i="1"/>
  <c r="F26" i="1"/>
  <c r="I25" i="1"/>
  <c r="H25" i="1"/>
  <c r="G25" i="1"/>
  <c r="F25" i="1"/>
  <c r="I24" i="1"/>
  <c r="H24" i="1"/>
  <c r="G24" i="1"/>
  <c r="F24" i="1"/>
  <c r="I23" i="1"/>
  <c r="H23" i="1"/>
  <c r="G23" i="1"/>
  <c r="F23" i="1"/>
  <c r="I22" i="1"/>
  <c r="H22" i="1"/>
  <c r="G22" i="1"/>
  <c r="F22" i="1"/>
  <c r="I21" i="1"/>
  <c r="H21" i="1"/>
  <c r="G21" i="1"/>
  <c r="F21" i="1"/>
  <c r="I20" i="1"/>
  <c r="H20" i="1"/>
  <c r="G20" i="1"/>
  <c r="F20" i="1"/>
  <c r="I19" i="1"/>
  <c r="H19" i="1"/>
  <c r="G19" i="1"/>
  <c r="F19" i="1"/>
  <c r="I18" i="1"/>
  <c r="H18" i="1"/>
  <c r="G18" i="1"/>
  <c r="F18" i="1"/>
  <c r="I17" i="1"/>
  <c r="H17" i="1"/>
  <c r="G17" i="1"/>
  <c r="F17" i="1"/>
  <c r="I16" i="1"/>
  <c r="H16" i="1"/>
  <c r="G16" i="1"/>
  <c r="F16" i="1"/>
  <c r="I15" i="1"/>
  <c r="H15" i="1"/>
  <c r="G15" i="1"/>
  <c r="F15" i="1"/>
  <c r="I14" i="1"/>
  <c r="H14" i="1"/>
  <c r="G14" i="1"/>
  <c r="F14" i="1"/>
  <c r="I13" i="1"/>
  <c r="H13" i="1"/>
  <c r="G13" i="1"/>
  <c r="F13" i="1"/>
  <c r="I12" i="1"/>
  <c r="H12" i="1"/>
  <c r="G12" i="1"/>
  <c r="F12" i="1"/>
  <c r="I11" i="1"/>
  <c r="H11" i="1"/>
  <c r="G11" i="1"/>
  <c r="F11" i="1"/>
  <c r="I10" i="1"/>
  <c r="H10" i="1"/>
  <c r="G10" i="1"/>
  <c r="F10" i="1"/>
  <c r="I9" i="1"/>
  <c r="H9" i="1"/>
  <c r="G9" i="1"/>
  <c r="F9" i="1"/>
  <c r="I8" i="1"/>
  <c r="H8" i="1"/>
  <c r="G8" i="1"/>
  <c r="F8" i="1"/>
  <c r="I1" i="10" l="1"/>
  <c r="H4" i="1" l="1"/>
  <c r="F1" i="34" l="1"/>
  <c r="G1" i="34" s="1"/>
  <c r="E1" i="34"/>
  <c r="F1" i="6"/>
  <c r="G1" i="6" s="1"/>
  <c r="I1" i="33"/>
  <c r="J1" i="33" s="1"/>
  <c r="H1" i="33"/>
  <c r="J1" i="5"/>
  <c r="K1" i="5" s="1"/>
  <c r="H1" i="5"/>
  <c r="J1" i="30"/>
  <c r="I1" i="25" l="1"/>
  <c r="J1" i="25" s="1"/>
  <c r="H1" i="25"/>
  <c r="J1" i="32" l="1"/>
  <c r="K1" i="32" s="1"/>
  <c r="H1" i="32"/>
  <c r="K1" i="31"/>
  <c r="L1" i="31" s="1"/>
  <c r="I1" i="31"/>
  <c r="L1" i="30"/>
  <c r="M1" i="30" s="1"/>
  <c r="K1" i="29"/>
  <c r="L1" i="29" s="1"/>
  <c r="I1" i="29"/>
  <c r="H1" i="28"/>
  <c r="I1" i="28" s="1"/>
  <c r="F1" i="28"/>
  <c r="D1" i="18" l="1"/>
  <c r="E1" i="26"/>
  <c r="E1" i="6"/>
  <c r="H1" i="24"/>
  <c r="H1" i="14"/>
  <c r="I1" i="23"/>
  <c r="I1" i="13"/>
  <c r="H1" i="4"/>
  <c r="J1" i="22"/>
  <c r="J1" i="11"/>
  <c r="I1" i="21"/>
  <c r="G1" i="9"/>
  <c r="F1" i="19"/>
  <c r="F1" i="8"/>
  <c r="E1" i="18" l="1"/>
  <c r="F1" i="26"/>
  <c r="J1" i="24"/>
  <c r="J1" i="14"/>
  <c r="K1" i="23"/>
  <c r="K1" i="13"/>
  <c r="J1" i="4"/>
  <c r="L1" i="22"/>
  <c r="L1" i="11"/>
  <c r="K1" i="21"/>
  <c r="K1" i="10"/>
  <c r="I1" i="9"/>
  <c r="H1" i="19"/>
  <c r="I1" i="19" s="1"/>
  <c r="H1" i="8"/>
  <c r="I1" i="8" s="1"/>
  <c r="J1" i="9" l="1"/>
  <c r="G1" i="26"/>
  <c r="K1" i="24"/>
  <c r="L1" i="23"/>
  <c r="M1" i="22"/>
  <c r="L1" i="21"/>
  <c r="F1" i="18"/>
  <c r="K1" i="14"/>
  <c r="L1" i="13"/>
  <c r="M1" i="11"/>
  <c r="L1" i="10"/>
  <c r="K1" i="4"/>
</calcChain>
</file>

<file path=xl/sharedStrings.xml><?xml version="1.0" encoding="utf-8"?>
<sst xmlns="http://schemas.openxmlformats.org/spreadsheetml/2006/main" count="5571" uniqueCount="162">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6">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3" xfId="0" applyBorder="1" applyAlignment="1">
      <alignment horizontal="center" vertical="center" shrinkToFit="1"/>
    </xf>
    <xf numFmtId="0" fontId="0" fillId="0" borderId="7" xfId="0" applyBorder="1" applyAlignment="1">
      <alignment horizontal="center" vertical="center" shrinkToFit="1"/>
    </xf>
    <xf numFmtId="177" fontId="2" fillId="0" borderId="38" xfId="4" applyNumberFormat="1" applyFont="1" applyBorder="1" applyAlignment="1">
      <alignment vertical="center"/>
    </xf>
    <xf numFmtId="177" fontId="2" fillId="0" borderId="6" xfId="4" applyNumberFormat="1" applyFont="1" applyBorder="1" applyAlignment="1">
      <alignment vertical="center"/>
    </xf>
    <xf numFmtId="177" fontId="2" fillId="0" borderId="25" xfId="4" applyNumberFormat="1" applyFont="1" applyBorder="1" applyAlignment="1">
      <alignment vertical="center"/>
    </xf>
    <xf numFmtId="177" fontId="2" fillId="0" borderId="41" xfId="4" applyNumberFormat="1" applyFont="1" applyBorder="1" applyAlignment="1">
      <alignmen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3" fillId="0" borderId="0" xfId="0" applyNumberFormat="1" applyFont="1" applyAlignment="1">
      <alignment horizontal="left" vertical="center"/>
    </xf>
    <xf numFmtId="182" fontId="3" fillId="0" borderId="0" xfId="0" applyNumberFormat="1" applyFont="1" applyBorder="1" applyAlignment="1">
      <alignment horizontal="left"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182" fontId="2" fillId="0" borderId="0" xfId="0" applyNumberFormat="1" applyFont="1" applyBorder="1" applyAlignment="1">
      <alignment horizontal="left"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theme" Target="theme/theme1.xml"/><Relationship Id="rId30"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31532;1&#34920;&#20837;&#21147;&#2999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第１表"/>
      <sheetName val="ここから"/>
      <sheetName val="完成データ_様式１_202306_神奈川県"/>
      <sheetName val="ここまで"/>
    </sheetNames>
    <sheetDataSet>
      <sheetData sheetId="0"/>
      <sheetData sheetId="1"/>
      <sheetData sheetId="2">
        <row r="5">
          <cell r="F5">
            <v>1036003</v>
          </cell>
          <cell r="J5">
            <v>904742</v>
          </cell>
          <cell r="N5">
            <v>404090</v>
          </cell>
          <cell r="Z5">
            <v>2344835</v>
          </cell>
        </row>
        <row r="6">
          <cell r="F6">
            <v>411854</v>
          </cell>
          <cell r="J6">
            <v>356389</v>
          </cell>
          <cell r="N6">
            <v>167383</v>
          </cell>
          <cell r="Z6">
            <v>935626</v>
          </cell>
        </row>
        <row r="7">
          <cell r="F7">
            <v>141977</v>
          </cell>
          <cell r="J7">
            <v>113271</v>
          </cell>
          <cell r="N7">
            <v>52854</v>
          </cell>
          <cell r="Z7">
            <v>308102</v>
          </cell>
        </row>
        <row r="8">
          <cell r="F8">
            <v>84444</v>
          </cell>
          <cell r="J8">
            <v>75203</v>
          </cell>
          <cell r="N8">
            <v>28911</v>
          </cell>
          <cell r="Z8">
            <v>188558</v>
          </cell>
        </row>
        <row r="9">
          <cell r="F9">
            <v>52493</v>
          </cell>
          <cell r="J9">
            <v>50254</v>
          </cell>
          <cell r="N9">
            <v>22629</v>
          </cell>
          <cell r="Z9">
            <v>125376</v>
          </cell>
        </row>
        <row r="10">
          <cell r="F10">
            <v>33154</v>
          </cell>
          <cell r="J10">
            <v>28421</v>
          </cell>
          <cell r="N10">
            <v>11915</v>
          </cell>
          <cell r="Z10">
            <v>73490</v>
          </cell>
        </row>
        <row r="11">
          <cell r="F11">
            <v>20591</v>
          </cell>
          <cell r="J11">
            <v>21111</v>
          </cell>
          <cell r="N11">
            <v>11820</v>
          </cell>
          <cell r="Z11">
            <v>53522</v>
          </cell>
        </row>
        <row r="12">
          <cell r="F12">
            <v>46867</v>
          </cell>
          <cell r="J12">
            <v>42091</v>
          </cell>
          <cell r="N12">
            <v>19501</v>
          </cell>
          <cell r="Z12">
            <v>108459</v>
          </cell>
        </row>
        <row r="13">
          <cell r="F13">
            <v>25559</v>
          </cell>
          <cell r="J13">
            <v>21761</v>
          </cell>
          <cell r="N13">
            <v>10097</v>
          </cell>
          <cell r="Z13">
            <v>57417</v>
          </cell>
        </row>
        <row r="14">
          <cell r="F14">
            <v>28274</v>
          </cell>
          <cell r="J14">
            <v>25723</v>
          </cell>
          <cell r="N14">
            <v>11771</v>
          </cell>
          <cell r="Z14">
            <v>65768</v>
          </cell>
        </row>
        <row r="15">
          <cell r="F15">
            <v>7092</v>
          </cell>
          <cell r="J15">
            <v>7357</v>
          </cell>
          <cell r="N15">
            <v>4103</v>
          </cell>
          <cell r="Z15">
            <v>18552</v>
          </cell>
        </row>
        <row r="16">
          <cell r="F16">
            <v>7111</v>
          </cell>
          <cell r="J16">
            <v>6195</v>
          </cell>
          <cell r="N16">
            <v>2883</v>
          </cell>
          <cell r="Z16">
            <v>16189</v>
          </cell>
        </row>
        <row r="17">
          <cell r="F17">
            <v>23167</v>
          </cell>
          <cell r="J17">
            <v>19217</v>
          </cell>
          <cell r="N17">
            <v>7061</v>
          </cell>
          <cell r="Z17">
            <v>49445</v>
          </cell>
        </row>
        <row r="18">
          <cell r="F18">
            <v>27195</v>
          </cell>
          <cell r="J18">
            <v>23359</v>
          </cell>
          <cell r="N18">
            <v>8171</v>
          </cell>
          <cell r="Z18">
            <v>58725</v>
          </cell>
        </row>
        <row r="19">
          <cell r="F19">
            <v>25842</v>
          </cell>
          <cell r="J19">
            <v>23369</v>
          </cell>
          <cell r="N19">
            <v>9052</v>
          </cell>
          <cell r="Z19">
            <v>58263</v>
          </cell>
        </row>
        <row r="20">
          <cell r="F20">
            <v>11970</v>
          </cell>
          <cell r="J20">
            <v>10532</v>
          </cell>
          <cell r="N20">
            <v>4182</v>
          </cell>
          <cell r="Z20">
            <v>26684</v>
          </cell>
        </row>
        <row r="21">
          <cell r="F21">
            <v>15558</v>
          </cell>
          <cell r="J21">
            <v>13601</v>
          </cell>
          <cell r="N21">
            <v>5023</v>
          </cell>
          <cell r="Z21">
            <v>34182</v>
          </cell>
        </row>
        <row r="22">
          <cell r="F22">
            <v>15558</v>
          </cell>
          <cell r="J22">
            <v>13724</v>
          </cell>
          <cell r="N22">
            <v>5149</v>
          </cell>
          <cell r="Z22">
            <v>34431</v>
          </cell>
        </row>
        <row r="23">
          <cell r="F23">
            <v>5758</v>
          </cell>
          <cell r="J23">
            <v>5493</v>
          </cell>
          <cell r="N23">
            <v>2391</v>
          </cell>
          <cell r="Z23">
            <v>13642</v>
          </cell>
        </row>
        <row r="24">
          <cell r="F24">
            <v>9616</v>
          </cell>
          <cell r="J24">
            <v>9954</v>
          </cell>
          <cell r="N24">
            <v>3231</v>
          </cell>
          <cell r="Z24">
            <v>22801</v>
          </cell>
        </row>
        <row r="25">
          <cell r="F25">
            <v>3915</v>
          </cell>
          <cell r="J25">
            <v>4186</v>
          </cell>
          <cell r="N25">
            <v>2056</v>
          </cell>
          <cell r="Z25">
            <v>10157</v>
          </cell>
        </row>
        <row r="26">
          <cell r="F26">
            <v>6277</v>
          </cell>
          <cell r="J26">
            <v>5319</v>
          </cell>
          <cell r="N26">
            <v>1867</v>
          </cell>
          <cell r="Z26">
            <v>13463</v>
          </cell>
        </row>
        <row r="27">
          <cell r="F27">
            <v>4695</v>
          </cell>
          <cell r="J27">
            <v>4511</v>
          </cell>
          <cell r="N27">
            <v>1913</v>
          </cell>
          <cell r="Z27">
            <v>11119</v>
          </cell>
        </row>
        <row r="28">
          <cell r="F28">
            <v>3938</v>
          </cell>
          <cell r="J28">
            <v>3991</v>
          </cell>
          <cell r="N28">
            <v>1916</v>
          </cell>
          <cell r="Z28">
            <v>9845</v>
          </cell>
        </row>
        <row r="29">
          <cell r="F29">
            <v>1506</v>
          </cell>
          <cell r="J29">
            <v>1268</v>
          </cell>
          <cell r="N29">
            <v>445</v>
          </cell>
          <cell r="Z29">
            <v>3219</v>
          </cell>
        </row>
        <row r="30">
          <cell r="F30">
            <v>2238</v>
          </cell>
          <cell r="J30">
            <v>2009</v>
          </cell>
          <cell r="N30">
            <v>742</v>
          </cell>
          <cell r="Z30">
            <v>4989</v>
          </cell>
        </row>
        <row r="31">
          <cell r="F31">
            <v>1601</v>
          </cell>
          <cell r="J31">
            <v>1412</v>
          </cell>
          <cell r="N31">
            <v>709</v>
          </cell>
          <cell r="Z31">
            <v>3722</v>
          </cell>
        </row>
        <row r="32">
          <cell r="F32">
            <v>1885</v>
          </cell>
          <cell r="J32">
            <v>1384</v>
          </cell>
          <cell r="N32">
            <v>755</v>
          </cell>
          <cell r="Z32">
            <v>4024</v>
          </cell>
        </row>
        <row r="33">
          <cell r="F33">
            <v>2080</v>
          </cell>
          <cell r="J33">
            <v>1792</v>
          </cell>
          <cell r="N33">
            <v>785</v>
          </cell>
          <cell r="Z33">
            <v>4657</v>
          </cell>
        </row>
        <row r="34">
          <cell r="F34">
            <v>1814</v>
          </cell>
          <cell r="J34">
            <v>1613</v>
          </cell>
          <cell r="N34">
            <v>703</v>
          </cell>
          <cell r="Z34">
            <v>4130</v>
          </cell>
        </row>
        <row r="35">
          <cell r="F35">
            <v>1300</v>
          </cell>
          <cell r="J35">
            <v>1170</v>
          </cell>
          <cell r="N35">
            <v>541</v>
          </cell>
          <cell r="Z35">
            <v>3011</v>
          </cell>
        </row>
        <row r="36">
          <cell r="F36">
            <v>4103</v>
          </cell>
          <cell r="J36">
            <v>3926</v>
          </cell>
          <cell r="N36">
            <v>1787</v>
          </cell>
          <cell r="Z36">
            <v>9816</v>
          </cell>
        </row>
        <row r="37">
          <cell r="F37">
            <v>6031</v>
          </cell>
          <cell r="J37">
            <v>4768</v>
          </cell>
          <cell r="N37">
            <v>1586</v>
          </cell>
          <cell r="Z37">
            <v>12385</v>
          </cell>
        </row>
        <row r="38">
          <cell r="F38">
            <v>540</v>
          </cell>
          <cell r="J38">
            <v>368</v>
          </cell>
          <cell r="N38">
            <v>158</v>
          </cell>
          <cell r="Z38">
            <v>1066</v>
          </cell>
        </row>
      </sheetData>
      <sheetData sheetId="3"/>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500" t="s">
        <v>0</v>
      </c>
      <c r="F1" s="500"/>
      <c r="G1" s="500"/>
      <c r="H1" s="500"/>
      <c r="I1" s="2"/>
      <c r="J1" s="2"/>
      <c r="K1" s="2"/>
      <c r="L1" s="2"/>
    </row>
    <row r="2" spans="1:13" ht="24" customHeight="1" x14ac:dyDescent="0.2">
      <c r="A2" s="2"/>
      <c r="B2" s="2"/>
      <c r="C2" s="2"/>
      <c r="D2" s="2"/>
      <c r="E2" s="2"/>
      <c r="F2" s="364">
        <v>5</v>
      </c>
      <c r="G2" s="246">
        <v>6</v>
      </c>
      <c r="H2" s="2"/>
      <c r="I2" s="2"/>
      <c r="J2" s="2"/>
      <c r="K2" s="2"/>
      <c r="L2" s="2"/>
      <c r="M2" s="2"/>
    </row>
    <row r="3" spans="1:13" ht="24" customHeight="1" x14ac:dyDescent="0.2"/>
    <row r="4" spans="1:13" ht="20.25" customHeight="1" x14ac:dyDescent="0.2">
      <c r="D4" s="3"/>
      <c r="E4" s="4" t="s">
        <v>1</v>
      </c>
      <c r="F4" s="3"/>
      <c r="H4" s="253">
        <f>G2</f>
        <v>6</v>
      </c>
    </row>
    <row r="5" spans="1:13" ht="10.5" customHeight="1" thickBot="1" x14ac:dyDescent="0.25">
      <c r="E5" s="5"/>
    </row>
    <row r="6" spans="1:13" ht="21" customHeight="1" x14ac:dyDescent="0.2">
      <c r="E6" s="340"/>
      <c r="F6" s="501" t="s">
        <v>2</v>
      </c>
      <c r="G6" s="502"/>
      <c r="H6" s="502"/>
      <c r="I6" s="503"/>
    </row>
    <row r="7" spans="1:13" ht="21" customHeight="1" x14ac:dyDescent="0.2">
      <c r="E7" s="7"/>
      <c r="F7" s="8"/>
      <c r="G7" s="9" t="s">
        <v>3</v>
      </c>
      <c r="H7" s="343" t="s">
        <v>149</v>
      </c>
      <c r="I7" s="344" t="s">
        <v>148</v>
      </c>
    </row>
    <row r="8" spans="1:13" ht="21" customHeight="1" x14ac:dyDescent="0.2">
      <c r="E8" s="341" t="s">
        <v>4</v>
      </c>
      <c r="F8" s="496">
        <f>SUM([1]ここから:ここまで!Z5)</f>
        <v>2344835</v>
      </c>
      <c r="G8" s="496">
        <f>SUM([1]ここから:ここまで!F5)</f>
        <v>1036003</v>
      </c>
      <c r="H8" s="496">
        <f>SUM([1]ここから:ここまで!J5)</f>
        <v>904742</v>
      </c>
      <c r="I8" s="497">
        <f>SUM([1]ここから:ここまで!N5)</f>
        <v>404090</v>
      </c>
    </row>
    <row r="9" spans="1:13" ht="21" customHeight="1" x14ac:dyDescent="0.2">
      <c r="E9" s="10" t="s">
        <v>5</v>
      </c>
      <c r="F9" s="496">
        <f>SUM([1]ここから:ここまで!Z6)</f>
        <v>935626</v>
      </c>
      <c r="G9" s="496">
        <f>SUM([1]ここから:ここまで!F6)</f>
        <v>411854</v>
      </c>
      <c r="H9" s="496">
        <f>SUM([1]ここから:ここまで!J6)</f>
        <v>356389</v>
      </c>
      <c r="I9" s="497">
        <f>SUM([1]ここから:ここまで!N6)</f>
        <v>167383</v>
      </c>
    </row>
    <row r="10" spans="1:13" ht="21" customHeight="1" x14ac:dyDescent="0.2">
      <c r="E10" s="10" t="s">
        <v>6</v>
      </c>
      <c r="F10" s="496">
        <f>SUM([1]ここから:ここまで!Z7)</f>
        <v>308102</v>
      </c>
      <c r="G10" s="496">
        <f>SUM([1]ここから:ここまで!F7)</f>
        <v>141977</v>
      </c>
      <c r="H10" s="496">
        <f>SUM([1]ここから:ここまで!J7)</f>
        <v>113271</v>
      </c>
      <c r="I10" s="497">
        <f>SUM([1]ここから:ここまで!N7)</f>
        <v>52854</v>
      </c>
    </row>
    <row r="11" spans="1:13" ht="21" customHeight="1" x14ac:dyDescent="0.2">
      <c r="E11" s="10" t="s">
        <v>14</v>
      </c>
      <c r="F11" s="496">
        <f>SUM([1]ここから:ここまで!Z8)</f>
        <v>188558</v>
      </c>
      <c r="G11" s="496">
        <f>SUM([1]ここから:ここまで!F8)</f>
        <v>84444</v>
      </c>
      <c r="H11" s="496">
        <f>SUM([1]ここから:ここまで!J8)</f>
        <v>75203</v>
      </c>
      <c r="I11" s="497">
        <f>SUM([1]ここから:ここまで!N8)</f>
        <v>28911</v>
      </c>
    </row>
    <row r="12" spans="1:13" ht="21" customHeight="1" x14ac:dyDescent="0.2">
      <c r="E12" s="10" t="s">
        <v>7</v>
      </c>
      <c r="F12" s="496">
        <f>SUM([1]ここから:ここまで!Z9)</f>
        <v>125376</v>
      </c>
      <c r="G12" s="496">
        <f>SUM([1]ここから:ここまで!F9)</f>
        <v>52493</v>
      </c>
      <c r="H12" s="496">
        <f>SUM([1]ここから:ここまで!J9)</f>
        <v>50254</v>
      </c>
      <c r="I12" s="497">
        <f>SUM([1]ここから:ここまで!N9)</f>
        <v>22629</v>
      </c>
    </row>
    <row r="13" spans="1:13" ht="21" customHeight="1" x14ac:dyDescent="0.2">
      <c r="E13" s="10" t="s">
        <v>8</v>
      </c>
      <c r="F13" s="496">
        <f>SUM([1]ここから:ここまで!Z10)</f>
        <v>73490</v>
      </c>
      <c r="G13" s="496">
        <f>SUM([1]ここから:ここまで!F10)</f>
        <v>33154</v>
      </c>
      <c r="H13" s="496">
        <f>SUM([1]ここから:ここまで!J10)</f>
        <v>28421</v>
      </c>
      <c r="I13" s="497">
        <f>SUM([1]ここから:ここまで!N10)</f>
        <v>11915</v>
      </c>
    </row>
    <row r="14" spans="1:13" ht="21" customHeight="1" x14ac:dyDescent="0.2">
      <c r="E14" s="10" t="s">
        <v>9</v>
      </c>
      <c r="F14" s="496">
        <f>SUM([1]ここから:ここまで!Z11)</f>
        <v>53522</v>
      </c>
      <c r="G14" s="496">
        <f>SUM([1]ここから:ここまで!F11)</f>
        <v>20591</v>
      </c>
      <c r="H14" s="496">
        <f>SUM([1]ここから:ここまで!J11)</f>
        <v>21111</v>
      </c>
      <c r="I14" s="497">
        <f>SUM([1]ここから:ここまで!N11)</f>
        <v>11820</v>
      </c>
    </row>
    <row r="15" spans="1:13" ht="21" customHeight="1" x14ac:dyDescent="0.2">
      <c r="E15" s="10" t="s">
        <v>10</v>
      </c>
      <c r="F15" s="496">
        <f>SUM([1]ここから:ここまで!Z12)</f>
        <v>108459</v>
      </c>
      <c r="G15" s="496">
        <f>SUM([1]ここから:ここまで!F12)</f>
        <v>46867</v>
      </c>
      <c r="H15" s="496">
        <f>SUM([1]ここから:ここまで!J12)</f>
        <v>42091</v>
      </c>
      <c r="I15" s="497">
        <f>SUM([1]ここから:ここまで!N12)</f>
        <v>19501</v>
      </c>
    </row>
    <row r="16" spans="1:13" ht="21" customHeight="1" x14ac:dyDescent="0.2">
      <c r="E16" s="10" t="s">
        <v>11</v>
      </c>
      <c r="F16" s="496">
        <f>SUM([1]ここから:ここまで!Z13)</f>
        <v>57417</v>
      </c>
      <c r="G16" s="496">
        <f>SUM([1]ここから:ここまで!F13)</f>
        <v>25559</v>
      </c>
      <c r="H16" s="496">
        <f>SUM([1]ここから:ここまで!J13)</f>
        <v>21761</v>
      </c>
      <c r="I16" s="497">
        <f>SUM([1]ここから:ここまで!N13)</f>
        <v>10097</v>
      </c>
    </row>
    <row r="17" spans="5:13" ht="21" customHeight="1" x14ac:dyDescent="0.2">
      <c r="E17" s="10" t="s">
        <v>12</v>
      </c>
      <c r="F17" s="496">
        <f>SUM([1]ここから:ここまで!Z14)</f>
        <v>65768</v>
      </c>
      <c r="G17" s="496">
        <f>SUM([1]ここから:ここまで!F14)</f>
        <v>28274</v>
      </c>
      <c r="H17" s="496">
        <f>SUM([1]ここから:ここまで!J14)</f>
        <v>25723</v>
      </c>
      <c r="I17" s="497">
        <f>SUM([1]ここから:ここまで!N14)</f>
        <v>11771</v>
      </c>
    </row>
    <row r="18" spans="5:13" ht="21" customHeight="1" x14ac:dyDescent="0.2">
      <c r="E18" s="10" t="s">
        <v>13</v>
      </c>
      <c r="F18" s="496">
        <f>SUM([1]ここから:ここまで!Z15)</f>
        <v>18552</v>
      </c>
      <c r="G18" s="496">
        <f>SUM([1]ここから:ここまで!F15)</f>
        <v>7092</v>
      </c>
      <c r="H18" s="496">
        <f>SUM([1]ここから:ここまで!J15)</f>
        <v>7357</v>
      </c>
      <c r="I18" s="497">
        <f>SUM([1]ここから:ここまで!N15)</f>
        <v>4103</v>
      </c>
      <c r="M18" s="1" t="s">
        <v>87</v>
      </c>
    </row>
    <row r="19" spans="5:13" ht="21" customHeight="1" x14ac:dyDescent="0.2">
      <c r="E19" s="10" t="s">
        <v>15</v>
      </c>
      <c r="F19" s="496">
        <f>SUM([1]ここから:ここまで!Z16)</f>
        <v>16189</v>
      </c>
      <c r="G19" s="496">
        <f>SUM([1]ここから:ここまで!F16)</f>
        <v>7111</v>
      </c>
      <c r="H19" s="496">
        <f>SUM([1]ここから:ここまで!J16)</f>
        <v>6195</v>
      </c>
      <c r="I19" s="497">
        <f>SUM([1]ここから:ここまで!N16)</f>
        <v>2883</v>
      </c>
    </row>
    <row r="20" spans="5:13" ht="21" customHeight="1" x14ac:dyDescent="0.2">
      <c r="E20" s="10" t="s">
        <v>16</v>
      </c>
      <c r="F20" s="496">
        <f>SUM([1]ここから:ここまで!Z17)</f>
        <v>49445</v>
      </c>
      <c r="G20" s="496">
        <f>SUM([1]ここから:ここまで!F17)</f>
        <v>23167</v>
      </c>
      <c r="H20" s="496">
        <f>SUM([1]ここから:ここまで!J17)</f>
        <v>19217</v>
      </c>
      <c r="I20" s="497">
        <f>SUM([1]ここから:ここまで!N17)</f>
        <v>7061</v>
      </c>
    </row>
    <row r="21" spans="5:13" ht="21" customHeight="1" x14ac:dyDescent="0.2">
      <c r="E21" s="10" t="s">
        <v>17</v>
      </c>
      <c r="F21" s="496">
        <f>SUM([1]ここから:ここまで!Z18)</f>
        <v>58725</v>
      </c>
      <c r="G21" s="496">
        <f>SUM([1]ここから:ここまで!F18)</f>
        <v>27195</v>
      </c>
      <c r="H21" s="496">
        <f>SUM([1]ここから:ここまで!J18)</f>
        <v>23359</v>
      </c>
      <c r="I21" s="497">
        <f>SUM([1]ここから:ここまで!N18)</f>
        <v>8171</v>
      </c>
    </row>
    <row r="22" spans="5:13" ht="21" customHeight="1" x14ac:dyDescent="0.2">
      <c r="E22" s="10" t="s">
        <v>18</v>
      </c>
      <c r="F22" s="496">
        <f>SUM([1]ここから:ここまで!Z19)</f>
        <v>58263</v>
      </c>
      <c r="G22" s="496">
        <f>SUM([1]ここから:ここまで!F19)</f>
        <v>25842</v>
      </c>
      <c r="H22" s="496">
        <f>SUM([1]ここから:ここまで!J19)</f>
        <v>23369</v>
      </c>
      <c r="I22" s="497">
        <f>SUM([1]ここから:ここまで!N19)</f>
        <v>9052</v>
      </c>
    </row>
    <row r="23" spans="5:13" ht="21" customHeight="1" x14ac:dyDescent="0.2">
      <c r="E23" s="10" t="s">
        <v>19</v>
      </c>
      <c r="F23" s="496">
        <f>SUM([1]ここから:ここまで!Z20)</f>
        <v>26684</v>
      </c>
      <c r="G23" s="496">
        <f>SUM([1]ここから:ここまで!F20)</f>
        <v>11970</v>
      </c>
      <c r="H23" s="496">
        <f>SUM([1]ここから:ここまで!J20)</f>
        <v>10532</v>
      </c>
      <c r="I23" s="497">
        <f>SUM([1]ここから:ここまで!N20)</f>
        <v>4182</v>
      </c>
    </row>
    <row r="24" spans="5:13" ht="21" customHeight="1" x14ac:dyDescent="0.2">
      <c r="E24" s="10" t="s">
        <v>20</v>
      </c>
      <c r="F24" s="496">
        <f>SUM([1]ここから:ここまで!Z21)</f>
        <v>34182</v>
      </c>
      <c r="G24" s="496">
        <f>SUM([1]ここから:ここまで!F21)</f>
        <v>15558</v>
      </c>
      <c r="H24" s="496">
        <f>SUM([1]ここから:ここまで!J21)</f>
        <v>13601</v>
      </c>
      <c r="I24" s="497">
        <f>SUM([1]ここから:ここまで!N21)</f>
        <v>5023</v>
      </c>
    </row>
    <row r="25" spans="5:13" ht="21" customHeight="1" x14ac:dyDescent="0.2">
      <c r="E25" s="10" t="s">
        <v>21</v>
      </c>
      <c r="F25" s="496">
        <f>SUM([1]ここから:ここまで!Z22)</f>
        <v>34431</v>
      </c>
      <c r="G25" s="496">
        <f>SUM([1]ここから:ここまで!F22)</f>
        <v>15558</v>
      </c>
      <c r="H25" s="496">
        <f>SUM([1]ここから:ここまで!J22)</f>
        <v>13724</v>
      </c>
      <c r="I25" s="497">
        <f>SUM([1]ここから:ここまで!N22)</f>
        <v>5149</v>
      </c>
    </row>
    <row r="26" spans="5:13" ht="21" customHeight="1" x14ac:dyDescent="0.2">
      <c r="E26" s="10" t="s">
        <v>22</v>
      </c>
      <c r="F26" s="496">
        <f>SUM([1]ここから:ここまで!Z23)</f>
        <v>13642</v>
      </c>
      <c r="G26" s="496">
        <f>SUM([1]ここから:ここまで!F23)</f>
        <v>5758</v>
      </c>
      <c r="H26" s="496">
        <f>SUM([1]ここから:ここまで!J23)</f>
        <v>5493</v>
      </c>
      <c r="I26" s="497">
        <f>SUM([1]ここから:ここまで!N23)</f>
        <v>2391</v>
      </c>
    </row>
    <row r="27" spans="5:13" ht="21" customHeight="1" x14ac:dyDescent="0.2">
      <c r="E27" s="10" t="s">
        <v>23</v>
      </c>
      <c r="F27" s="496">
        <f>SUM([1]ここから:ここまで!Z24)</f>
        <v>22801</v>
      </c>
      <c r="G27" s="496">
        <f>SUM([1]ここから:ここまで!F24)</f>
        <v>9616</v>
      </c>
      <c r="H27" s="496">
        <f>SUM([1]ここから:ここまで!J24)</f>
        <v>9954</v>
      </c>
      <c r="I27" s="497">
        <f>SUM([1]ここから:ここまで!N24)</f>
        <v>3231</v>
      </c>
    </row>
    <row r="28" spans="5:13" ht="21" customHeight="1" x14ac:dyDescent="0.2">
      <c r="E28" s="10" t="s">
        <v>24</v>
      </c>
      <c r="F28" s="496">
        <f>SUM([1]ここから:ここまで!Z25)</f>
        <v>10157</v>
      </c>
      <c r="G28" s="496">
        <f>SUM([1]ここから:ここまで!F25)</f>
        <v>3915</v>
      </c>
      <c r="H28" s="496">
        <f>SUM([1]ここから:ここまで!J25)</f>
        <v>4186</v>
      </c>
      <c r="I28" s="497">
        <f>SUM([1]ここから:ここまで!N25)</f>
        <v>2056</v>
      </c>
    </row>
    <row r="29" spans="5:13" ht="21" customHeight="1" x14ac:dyDescent="0.2">
      <c r="E29" s="10" t="s">
        <v>25</v>
      </c>
      <c r="F29" s="496">
        <f>SUM([1]ここから:ここまで!Z26)</f>
        <v>13463</v>
      </c>
      <c r="G29" s="496">
        <f>SUM([1]ここから:ここまで!F26)</f>
        <v>6277</v>
      </c>
      <c r="H29" s="496">
        <f>SUM([1]ここから:ここまで!J26)</f>
        <v>5319</v>
      </c>
      <c r="I29" s="497">
        <f>SUM([1]ここから:ここまで!N26)</f>
        <v>1867</v>
      </c>
    </row>
    <row r="30" spans="5:13" ht="21" customHeight="1" x14ac:dyDescent="0.2">
      <c r="E30" s="10" t="s">
        <v>26</v>
      </c>
      <c r="F30" s="496">
        <f>SUM([1]ここから:ここまで!Z27)</f>
        <v>11119</v>
      </c>
      <c r="G30" s="496">
        <f>SUM([1]ここから:ここまで!F27)</f>
        <v>4695</v>
      </c>
      <c r="H30" s="496">
        <f>SUM([1]ここから:ここまで!J27)</f>
        <v>4511</v>
      </c>
      <c r="I30" s="497">
        <f>SUM([1]ここから:ここまで!N27)</f>
        <v>1913</v>
      </c>
    </row>
    <row r="31" spans="5:13" ht="21" customHeight="1" x14ac:dyDescent="0.2">
      <c r="E31" s="10" t="s">
        <v>27</v>
      </c>
      <c r="F31" s="496">
        <f>SUM([1]ここから:ここまで!Z28)</f>
        <v>9845</v>
      </c>
      <c r="G31" s="496">
        <f>SUM([1]ここから:ここまで!F28)</f>
        <v>3938</v>
      </c>
      <c r="H31" s="496">
        <f>SUM([1]ここから:ここまで!J28)</f>
        <v>3991</v>
      </c>
      <c r="I31" s="497">
        <f>SUM([1]ここから:ここまで!N28)</f>
        <v>1916</v>
      </c>
    </row>
    <row r="32" spans="5:13" ht="21" customHeight="1" x14ac:dyDescent="0.2">
      <c r="E32" s="10" t="s">
        <v>28</v>
      </c>
      <c r="F32" s="496">
        <f>SUM([1]ここから:ここまで!Z29)</f>
        <v>3219</v>
      </c>
      <c r="G32" s="496">
        <f>SUM([1]ここから:ここまで!F29)</f>
        <v>1506</v>
      </c>
      <c r="H32" s="496">
        <f>SUM([1]ここから:ここまで!J29)</f>
        <v>1268</v>
      </c>
      <c r="I32" s="497">
        <f>SUM([1]ここから:ここまで!N29)</f>
        <v>445</v>
      </c>
    </row>
    <row r="33" spans="5:9" ht="21" customHeight="1" x14ac:dyDescent="0.2">
      <c r="E33" s="10" t="s">
        <v>29</v>
      </c>
      <c r="F33" s="496">
        <f>SUM([1]ここから:ここまで!Z30)</f>
        <v>4989</v>
      </c>
      <c r="G33" s="496">
        <f>SUM([1]ここから:ここまで!F30)</f>
        <v>2238</v>
      </c>
      <c r="H33" s="496">
        <f>SUM([1]ここから:ここまで!J30)</f>
        <v>2009</v>
      </c>
      <c r="I33" s="497">
        <f>SUM([1]ここから:ここまで!N30)</f>
        <v>742</v>
      </c>
    </row>
    <row r="34" spans="5:9" ht="21" customHeight="1" x14ac:dyDescent="0.2">
      <c r="E34" s="10" t="s">
        <v>30</v>
      </c>
      <c r="F34" s="496">
        <f>SUM([1]ここから:ここまで!Z31)</f>
        <v>3722</v>
      </c>
      <c r="G34" s="496">
        <f>SUM([1]ここから:ここまで!F31)</f>
        <v>1601</v>
      </c>
      <c r="H34" s="496">
        <f>SUM([1]ここから:ここまで!J31)</f>
        <v>1412</v>
      </c>
      <c r="I34" s="497">
        <f>SUM([1]ここから:ここまで!N31)</f>
        <v>709</v>
      </c>
    </row>
    <row r="35" spans="5:9" ht="21" customHeight="1" x14ac:dyDescent="0.2">
      <c r="E35" s="10" t="s">
        <v>31</v>
      </c>
      <c r="F35" s="496">
        <f>SUM([1]ここから:ここまで!Z32)</f>
        <v>4024</v>
      </c>
      <c r="G35" s="496">
        <f>SUM([1]ここから:ここまで!F32)</f>
        <v>1885</v>
      </c>
      <c r="H35" s="496">
        <f>SUM([1]ここから:ここまで!J32)</f>
        <v>1384</v>
      </c>
      <c r="I35" s="497">
        <f>SUM([1]ここから:ここまで!N32)</f>
        <v>755</v>
      </c>
    </row>
    <row r="36" spans="5:9" ht="21" customHeight="1" x14ac:dyDescent="0.2">
      <c r="E36" s="10" t="s">
        <v>32</v>
      </c>
      <c r="F36" s="496">
        <f>SUM([1]ここから:ここまで!Z33)</f>
        <v>4657</v>
      </c>
      <c r="G36" s="496">
        <f>SUM([1]ここから:ここまで!F33)</f>
        <v>2080</v>
      </c>
      <c r="H36" s="496">
        <f>SUM([1]ここから:ここまで!J33)</f>
        <v>1792</v>
      </c>
      <c r="I36" s="497">
        <f>SUM([1]ここから:ここまで!N33)</f>
        <v>785</v>
      </c>
    </row>
    <row r="37" spans="5:9" ht="21" customHeight="1" x14ac:dyDescent="0.2">
      <c r="E37" s="10" t="s">
        <v>33</v>
      </c>
      <c r="F37" s="496">
        <f>SUM([1]ここから:ここまで!Z34)</f>
        <v>4130</v>
      </c>
      <c r="G37" s="496">
        <f>SUM([1]ここから:ここまで!F34)</f>
        <v>1814</v>
      </c>
      <c r="H37" s="496">
        <f>SUM([1]ここから:ここまで!J34)</f>
        <v>1613</v>
      </c>
      <c r="I37" s="497">
        <f>SUM([1]ここから:ここまで!N34)</f>
        <v>703</v>
      </c>
    </row>
    <row r="38" spans="5:9" ht="21" customHeight="1" x14ac:dyDescent="0.2">
      <c r="E38" s="10" t="s">
        <v>34</v>
      </c>
      <c r="F38" s="496">
        <f>SUM([1]ここから:ここまで!Z35)</f>
        <v>3011</v>
      </c>
      <c r="G38" s="496">
        <f>SUM([1]ここから:ここまで!F35)</f>
        <v>1300</v>
      </c>
      <c r="H38" s="496">
        <f>SUM([1]ここから:ここまで!J35)</f>
        <v>1170</v>
      </c>
      <c r="I38" s="497">
        <f>SUM([1]ここから:ここまで!N35)</f>
        <v>541</v>
      </c>
    </row>
    <row r="39" spans="5:9" ht="21" customHeight="1" x14ac:dyDescent="0.2">
      <c r="E39" s="10" t="s">
        <v>35</v>
      </c>
      <c r="F39" s="496">
        <f>SUM([1]ここから:ここまで!Z36)</f>
        <v>9816</v>
      </c>
      <c r="G39" s="496">
        <f>SUM([1]ここから:ここまで!F36)</f>
        <v>4103</v>
      </c>
      <c r="H39" s="496">
        <f>SUM([1]ここから:ここまで!J36)</f>
        <v>3926</v>
      </c>
      <c r="I39" s="497">
        <f>SUM([1]ここから:ここまで!N36)</f>
        <v>1787</v>
      </c>
    </row>
    <row r="40" spans="5:9" ht="21" customHeight="1" x14ac:dyDescent="0.2">
      <c r="E40" s="10" t="s">
        <v>36</v>
      </c>
      <c r="F40" s="496">
        <f>SUM([1]ここから:ここまで!Z37)</f>
        <v>12385</v>
      </c>
      <c r="G40" s="496">
        <f>SUM([1]ここから:ここまで!F37)</f>
        <v>6031</v>
      </c>
      <c r="H40" s="496">
        <f>SUM([1]ここから:ここまで!J37)</f>
        <v>4768</v>
      </c>
      <c r="I40" s="497">
        <f>SUM([1]ここから:ここまで!N37)</f>
        <v>1586</v>
      </c>
    </row>
    <row r="41" spans="5:9" ht="21" customHeight="1" thickBot="1" x14ac:dyDescent="0.25">
      <c r="E41" s="11" t="s">
        <v>37</v>
      </c>
      <c r="F41" s="498">
        <f>SUM([1]ここから:ここまで!Z38)</f>
        <v>1066</v>
      </c>
      <c r="G41" s="498">
        <f>SUM([1]ここから:ここまで!F38)</f>
        <v>540</v>
      </c>
      <c r="H41" s="498">
        <f>SUM([1]ここから:ここまで!J38)</f>
        <v>368</v>
      </c>
      <c r="I41" s="499">
        <f>SUM([1]ここから:ここまで!N38)</f>
        <v>158</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6.777343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2">
        <f>第１表!F2</f>
        <v>5</v>
      </c>
      <c r="K1" s="522"/>
      <c r="L1" s="248">
        <f>第１表!G2</f>
        <v>6</v>
      </c>
      <c r="M1" s="527">
        <f>IF(L1&lt;3,L1+12-2,L1-2)</f>
        <v>4</v>
      </c>
      <c r="N1" s="527"/>
    </row>
    <row r="2" spans="2:112" ht="24" customHeight="1" thickBot="1" x14ac:dyDescent="0.25">
      <c r="B2" s="290" t="s">
        <v>130</v>
      </c>
    </row>
    <row r="3" spans="2:112" ht="21" customHeight="1" thickBot="1" x14ac:dyDescent="0.25">
      <c r="B3" s="547"/>
      <c r="C3" s="550" t="s">
        <v>112</v>
      </c>
      <c r="D3" s="550"/>
      <c r="E3" s="550"/>
      <c r="F3" s="550"/>
      <c r="G3" s="550"/>
      <c r="H3" s="550"/>
      <c r="I3" s="550"/>
      <c r="J3" s="550"/>
      <c r="K3" s="550"/>
      <c r="L3" s="550"/>
      <c r="M3" s="551"/>
      <c r="N3" s="545" t="s">
        <v>111</v>
      </c>
      <c r="O3" s="545"/>
      <c r="P3" s="545"/>
      <c r="Q3" s="545"/>
      <c r="R3" s="545"/>
      <c r="S3" s="545"/>
      <c r="T3" s="545"/>
      <c r="U3" s="545"/>
      <c r="V3" s="545"/>
      <c r="W3" s="545"/>
      <c r="X3" s="546"/>
      <c r="Y3" s="544" t="s">
        <v>110</v>
      </c>
      <c r="Z3" s="545"/>
      <c r="AA3" s="545"/>
      <c r="AB3" s="545"/>
      <c r="AC3" s="545"/>
      <c r="AD3" s="545"/>
      <c r="AE3" s="545"/>
      <c r="AF3" s="545"/>
      <c r="AG3" s="545"/>
      <c r="AH3" s="545"/>
      <c r="AI3" s="546"/>
      <c r="AJ3" s="544" t="s">
        <v>109</v>
      </c>
      <c r="AK3" s="545"/>
      <c r="AL3" s="545"/>
      <c r="AM3" s="545"/>
      <c r="AN3" s="545"/>
      <c r="AO3" s="545"/>
      <c r="AP3" s="545"/>
      <c r="AQ3" s="545"/>
      <c r="AR3" s="545"/>
      <c r="AS3" s="545"/>
      <c r="AT3" s="546"/>
      <c r="AU3" s="544" t="s">
        <v>108</v>
      </c>
      <c r="AV3" s="545"/>
      <c r="AW3" s="545"/>
      <c r="AX3" s="545"/>
      <c r="AY3" s="545"/>
      <c r="AZ3" s="545"/>
      <c r="BA3" s="545"/>
      <c r="BB3" s="545"/>
      <c r="BC3" s="545"/>
      <c r="BD3" s="545"/>
      <c r="BE3" s="546"/>
      <c r="BF3" s="544" t="s">
        <v>107</v>
      </c>
      <c r="BG3" s="545"/>
      <c r="BH3" s="545"/>
      <c r="BI3" s="545"/>
      <c r="BJ3" s="545"/>
      <c r="BK3" s="545"/>
      <c r="BL3" s="545"/>
      <c r="BM3" s="545"/>
      <c r="BN3" s="545"/>
      <c r="BO3" s="545"/>
      <c r="BP3" s="546"/>
      <c r="BQ3" s="544" t="s">
        <v>106</v>
      </c>
      <c r="BR3" s="545"/>
      <c r="BS3" s="545"/>
      <c r="BT3" s="545"/>
      <c r="BU3" s="545"/>
      <c r="BV3" s="545"/>
      <c r="BW3" s="545"/>
      <c r="BX3" s="545"/>
      <c r="BY3" s="545"/>
      <c r="BZ3" s="545"/>
      <c r="CA3" s="546"/>
      <c r="CB3" s="544" t="s">
        <v>127</v>
      </c>
      <c r="CC3" s="545"/>
      <c r="CD3" s="545"/>
      <c r="CE3" s="545"/>
      <c r="CF3" s="545"/>
      <c r="CG3" s="545"/>
      <c r="CH3" s="545"/>
      <c r="CI3" s="545"/>
      <c r="CJ3" s="545"/>
      <c r="CK3" s="545"/>
      <c r="CL3" s="546"/>
      <c r="CM3" s="544" t="s">
        <v>160</v>
      </c>
      <c r="CN3" s="545"/>
      <c r="CO3" s="545"/>
      <c r="CP3" s="545"/>
      <c r="CQ3" s="545"/>
      <c r="CR3" s="545"/>
      <c r="CS3" s="545"/>
      <c r="CT3" s="545"/>
      <c r="CU3" s="545"/>
      <c r="CV3" s="545"/>
      <c r="CW3" s="546"/>
      <c r="CX3" s="544" t="s">
        <v>156</v>
      </c>
      <c r="CY3" s="545"/>
      <c r="CZ3" s="545"/>
      <c r="DA3" s="545"/>
      <c r="DB3" s="545"/>
      <c r="DC3" s="545"/>
      <c r="DD3" s="545"/>
      <c r="DE3" s="545"/>
      <c r="DF3" s="545"/>
      <c r="DG3" s="545"/>
      <c r="DH3" s="546"/>
    </row>
    <row r="4" spans="2:112" ht="21" customHeight="1" x14ac:dyDescent="0.2">
      <c r="B4" s="548"/>
      <c r="C4" s="552" t="s">
        <v>61</v>
      </c>
      <c r="D4" s="531"/>
      <c r="E4" s="532"/>
      <c r="F4" s="533" t="s">
        <v>62</v>
      </c>
      <c r="G4" s="531"/>
      <c r="H4" s="531"/>
      <c r="I4" s="531"/>
      <c r="J4" s="531"/>
      <c r="K4" s="531"/>
      <c r="L4" s="534"/>
      <c r="M4" s="528" t="s">
        <v>52</v>
      </c>
      <c r="N4" s="552" t="s">
        <v>61</v>
      </c>
      <c r="O4" s="531"/>
      <c r="P4" s="532"/>
      <c r="Q4" s="533" t="s">
        <v>62</v>
      </c>
      <c r="R4" s="531"/>
      <c r="S4" s="531"/>
      <c r="T4" s="531"/>
      <c r="U4" s="531"/>
      <c r="V4" s="531"/>
      <c r="W4" s="532"/>
      <c r="X4" s="528" t="s">
        <v>52</v>
      </c>
      <c r="Y4" s="530" t="s">
        <v>61</v>
      </c>
      <c r="Z4" s="531"/>
      <c r="AA4" s="534"/>
      <c r="AB4" s="533" t="s">
        <v>62</v>
      </c>
      <c r="AC4" s="531"/>
      <c r="AD4" s="531"/>
      <c r="AE4" s="531"/>
      <c r="AF4" s="531"/>
      <c r="AG4" s="531"/>
      <c r="AH4" s="532"/>
      <c r="AI4" s="528" t="s">
        <v>52</v>
      </c>
      <c r="AJ4" s="530" t="s">
        <v>61</v>
      </c>
      <c r="AK4" s="531"/>
      <c r="AL4" s="532"/>
      <c r="AM4" s="533" t="s">
        <v>62</v>
      </c>
      <c r="AN4" s="531"/>
      <c r="AO4" s="531"/>
      <c r="AP4" s="531"/>
      <c r="AQ4" s="531"/>
      <c r="AR4" s="531"/>
      <c r="AS4" s="532"/>
      <c r="AT4" s="528" t="s">
        <v>52</v>
      </c>
      <c r="AU4" s="530" t="s">
        <v>61</v>
      </c>
      <c r="AV4" s="531"/>
      <c r="AW4" s="534"/>
      <c r="AX4" s="533" t="s">
        <v>62</v>
      </c>
      <c r="AY4" s="531"/>
      <c r="AZ4" s="531"/>
      <c r="BA4" s="531"/>
      <c r="BB4" s="531"/>
      <c r="BC4" s="531"/>
      <c r="BD4" s="534"/>
      <c r="BE4" s="528" t="s">
        <v>52</v>
      </c>
      <c r="BF4" s="530" t="s">
        <v>61</v>
      </c>
      <c r="BG4" s="531"/>
      <c r="BH4" s="532"/>
      <c r="BI4" s="533" t="s">
        <v>62</v>
      </c>
      <c r="BJ4" s="531"/>
      <c r="BK4" s="531"/>
      <c r="BL4" s="531"/>
      <c r="BM4" s="531"/>
      <c r="BN4" s="531"/>
      <c r="BO4" s="532"/>
      <c r="BP4" s="528" t="s">
        <v>52</v>
      </c>
      <c r="BQ4" s="530" t="s">
        <v>61</v>
      </c>
      <c r="BR4" s="531"/>
      <c r="BS4" s="532"/>
      <c r="BT4" s="533" t="s">
        <v>62</v>
      </c>
      <c r="BU4" s="531"/>
      <c r="BV4" s="531"/>
      <c r="BW4" s="531"/>
      <c r="BX4" s="531"/>
      <c r="BY4" s="531"/>
      <c r="BZ4" s="532"/>
      <c r="CA4" s="528" t="s">
        <v>52</v>
      </c>
      <c r="CB4" s="530" t="s">
        <v>61</v>
      </c>
      <c r="CC4" s="531"/>
      <c r="CD4" s="532"/>
      <c r="CE4" s="533" t="s">
        <v>62</v>
      </c>
      <c r="CF4" s="531"/>
      <c r="CG4" s="531"/>
      <c r="CH4" s="531"/>
      <c r="CI4" s="531"/>
      <c r="CJ4" s="531"/>
      <c r="CK4" s="532"/>
      <c r="CL4" s="528" t="s">
        <v>52</v>
      </c>
      <c r="CM4" s="530" t="s">
        <v>61</v>
      </c>
      <c r="CN4" s="531"/>
      <c r="CO4" s="532"/>
      <c r="CP4" s="533" t="s">
        <v>62</v>
      </c>
      <c r="CQ4" s="531"/>
      <c r="CR4" s="531"/>
      <c r="CS4" s="531"/>
      <c r="CT4" s="531"/>
      <c r="CU4" s="531"/>
      <c r="CV4" s="532"/>
      <c r="CW4" s="528" t="s">
        <v>52</v>
      </c>
      <c r="CX4" s="530" t="s">
        <v>61</v>
      </c>
      <c r="CY4" s="531"/>
      <c r="CZ4" s="532"/>
      <c r="DA4" s="533" t="s">
        <v>62</v>
      </c>
      <c r="DB4" s="531"/>
      <c r="DC4" s="531"/>
      <c r="DD4" s="531"/>
      <c r="DE4" s="531"/>
      <c r="DF4" s="531"/>
      <c r="DG4" s="532"/>
      <c r="DH4" s="528" t="s">
        <v>52</v>
      </c>
    </row>
    <row r="5" spans="2:112" ht="30" customHeight="1" thickBot="1" x14ac:dyDescent="0.25">
      <c r="B5" s="549"/>
      <c r="C5" s="264" t="s">
        <v>43</v>
      </c>
      <c r="D5" s="259" t="s">
        <v>44</v>
      </c>
      <c r="E5" s="374" t="s">
        <v>45</v>
      </c>
      <c r="F5" s="267" t="s">
        <v>83</v>
      </c>
      <c r="G5" s="259" t="s">
        <v>47</v>
      </c>
      <c r="H5" s="259" t="s">
        <v>48</v>
      </c>
      <c r="I5" s="259" t="s">
        <v>49</v>
      </c>
      <c r="J5" s="259" t="s">
        <v>50</v>
      </c>
      <c r="K5" s="259" t="s">
        <v>51</v>
      </c>
      <c r="L5" s="268" t="s">
        <v>45</v>
      </c>
      <c r="M5" s="529"/>
      <c r="N5" s="264" t="s">
        <v>43</v>
      </c>
      <c r="O5" s="259" t="s">
        <v>44</v>
      </c>
      <c r="P5" s="265" t="s">
        <v>45</v>
      </c>
      <c r="Q5" s="267" t="s">
        <v>83</v>
      </c>
      <c r="R5" s="259" t="s">
        <v>47</v>
      </c>
      <c r="S5" s="259" t="s">
        <v>48</v>
      </c>
      <c r="T5" s="259" t="s">
        <v>49</v>
      </c>
      <c r="U5" s="259" t="s">
        <v>50</v>
      </c>
      <c r="V5" s="259" t="s">
        <v>51</v>
      </c>
      <c r="W5" s="265" t="s">
        <v>45</v>
      </c>
      <c r="X5" s="529"/>
      <c r="Y5" s="321" t="s">
        <v>43</v>
      </c>
      <c r="Z5" s="259" t="s">
        <v>44</v>
      </c>
      <c r="AA5" s="268" t="s">
        <v>45</v>
      </c>
      <c r="AB5" s="267" t="s">
        <v>83</v>
      </c>
      <c r="AC5" s="259" t="s">
        <v>47</v>
      </c>
      <c r="AD5" s="259" t="s">
        <v>48</v>
      </c>
      <c r="AE5" s="259" t="s">
        <v>49</v>
      </c>
      <c r="AF5" s="259" t="s">
        <v>50</v>
      </c>
      <c r="AG5" s="259" t="s">
        <v>51</v>
      </c>
      <c r="AH5" s="265" t="s">
        <v>45</v>
      </c>
      <c r="AI5" s="529"/>
      <c r="AJ5" s="321" t="s">
        <v>43</v>
      </c>
      <c r="AK5" s="259" t="s">
        <v>44</v>
      </c>
      <c r="AL5" s="265" t="s">
        <v>45</v>
      </c>
      <c r="AM5" s="267" t="s">
        <v>83</v>
      </c>
      <c r="AN5" s="259" t="s">
        <v>47</v>
      </c>
      <c r="AO5" s="259" t="s">
        <v>48</v>
      </c>
      <c r="AP5" s="259" t="s">
        <v>49</v>
      </c>
      <c r="AQ5" s="259" t="s">
        <v>50</v>
      </c>
      <c r="AR5" s="259" t="s">
        <v>51</v>
      </c>
      <c r="AS5" s="265" t="s">
        <v>45</v>
      </c>
      <c r="AT5" s="529"/>
      <c r="AU5" s="321" t="s">
        <v>43</v>
      </c>
      <c r="AV5" s="259" t="s">
        <v>44</v>
      </c>
      <c r="AW5" s="268" t="s">
        <v>45</v>
      </c>
      <c r="AX5" s="267" t="s">
        <v>83</v>
      </c>
      <c r="AY5" s="259" t="s">
        <v>47</v>
      </c>
      <c r="AZ5" s="259" t="s">
        <v>48</v>
      </c>
      <c r="BA5" s="259" t="s">
        <v>49</v>
      </c>
      <c r="BB5" s="259" t="s">
        <v>50</v>
      </c>
      <c r="BC5" s="259" t="s">
        <v>51</v>
      </c>
      <c r="BD5" s="268" t="s">
        <v>45</v>
      </c>
      <c r="BE5" s="529"/>
      <c r="BF5" s="321" t="s">
        <v>43</v>
      </c>
      <c r="BG5" s="259" t="s">
        <v>44</v>
      </c>
      <c r="BH5" s="265" t="s">
        <v>45</v>
      </c>
      <c r="BI5" s="267" t="s">
        <v>83</v>
      </c>
      <c r="BJ5" s="259" t="s">
        <v>47</v>
      </c>
      <c r="BK5" s="259" t="s">
        <v>48</v>
      </c>
      <c r="BL5" s="259" t="s">
        <v>49</v>
      </c>
      <c r="BM5" s="259" t="s">
        <v>50</v>
      </c>
      <c r="BN5" s="259" t="s">
        <v>51</v>
      </c>
      <c r="BO5" s="265" t="s">
        <v>45</v>
      </c>
      <c r="BP5" s="529"/>
      <c r="BQ5" s="321" t="s">
        <v>43</v>
      </c>
      <c r="BR5" s="259" t="s">
        <v>44</v>
      </c>
      <c r="BS5" s="265" t="s">
        <v>45</v>
      </c>
      <c r="BT5" s="267" t="s">
        <v>83</v>
      </c>
      <c r="BU5" s="259" t="s">
        <v>47</v>
      </c>
      <c r="BV5" s="259" t="s">
        <v>48</v>
      </c>
      <c r="BW5" s="259" t="s">
        <v>49</v>
      </c>
      <c r="BX5" s="259" t="s">
        <v>50</v>
      </c>
      <c r="BY5" s="259" t="s">
        <v>51</v>
      </c>
      <c r="BZ5" s="265" t="s">
        <v>45</v>
      </c>
      <c r="CA5" s="529"/>
      <c r="CB5" s="321" t="s">
        <v>43</v>
      </c>
      <c r="CC5" s="259" t="s">
        <v>44</v>
      </c>
      <c r="CD5" s="265" t="s">
        <v>45</v>
      </c>
      <c r="CE5" s="267" t="s">
        <v>83</v>
      </c>
      <c r="CF5" s="259" t="s">
        <v>47</v>
      </c>
      <c r="CG5" s="259" t="s">
        <v>48</v>
      </c>
      <c r="CH5" s="259" t="s">
        <v>49</v>
      </c>
      <c r="CI5" s="259" t="s">
        <v>50</v>
      </c>
      <c r="CJ5" s="259" t="s">
        <v>51</v>
      </c>
      <c r="CK5" s="265" t="s">
        <v>45</v>
      </c>
      <c r="CL5" s="529"/>
      <c r="CM5" s="321" t="s">
        <v>43</v>
      </c>
      <c r="CN5" s="259" t="s">
        <v>44</v>
      </c>
      <c r="CO5" s="265" t="s">
        <v>45</v>
      </c>
      <c r="CP5" s="267" t="s">
        <v>83</v>
      </c>
      <c r="CQ5" s="259" t="s">
        <v>47</v>
      </c>
      <c r="CR5" s="259" t="s">
        <v>48</v>
      </c>
      <c r="CS5" s="259" t="s">
        <v>49</v>
      </c>
      <c r="CT5" s="259" t="s">
        <v>50</v>
      </c>
      <c r="CU5" s="259" t="s">
        <v>51</v>
      </c>
      <c r="CV5" s="265" t="s">
        <v>45</v>
      </c>
      <c r="CW5" s="529"/>
      <c r="CX5" s="363" t="s">
        <v>43</v>
      </c>
      <c r="CY5" s="259" t="s">
        <v>44</v>
      </c>
      <c r="CZ5" s="265" t="s">
        <v>45</v>
      </c>
      <c r="DA5" s="267" t="s">
        <v>83</v>
      </c>
      <c r="DB5" s="259" t="s">
        <v>47</v>
      </c>
      <c r="DC5" s="259" t="s">
        <v>48</v>
      </c>
      <c r="DD5" s="259" t="s">
        <v>49</v>
      </c>
      <c r="DE5" s="259" t="s">
        <v>50</v>
      </c>
      <c r="DF5" s="259" t="s">
        <v>51</v>
      </c>
      <c r="DG5" s="265" t="s">
        <v>45</v>
      </c>
      <c r="DH5" s="529"/>
    </row>
    <row r="6" spans="2:112" ht="21" customHeight="1" x14ac:dyDescent="0.2">
      <c r="B6" s="260" t="s">
        <v>4</v>
      </c>
      <c r="C6" s="269">
        <v>0</v>
      </c>
      <c r="D6" s="273">
        <v>0</v>
      </c>
      <c r="E6" s="375">
        <v>0</v>
      </c>
      <c r="F6" s="272">
        <v>0</v>
      </c>
      <c r="G6" s="273">
        <v>13057</v>
      </c>
      <c r="H6" s="273">
        <v>18203</v>
      </c>
      <c r="I6" s="273">
        <v>19994</v>
      </c>
      <c r="J6" s="273">
        <v>22506</v>
      </c>
      <c r="K6" s="273">
        <v>20755</v>
      </c>
      <c r="L6" s="274">
        <v>94515</v>
      </c>
      <c r="M6" s="275">
        <v>94515</v>
      </c>
      <c r="N6" s="269">
        <v>0</v>
      </c>
      <c r="O6" s="273">
        <v>2</v>
      </c>
      <c r="P6" s="270">
        <v>2</v>
      </c>
      <c r="Q6" s="272">
        <v>0</v>
      </c>
      <c r="R6" s="273">
        <v>44</v>
      </c>
      <c r="S6" s="273">
        <v>132</v>
      </c>
      <c r="T6" s="273">
        <v>236</v>
      </c>
      <c r="U6" s="273">
        <v>594</v>
      </c>
      <c r="V6" s="273">
        <v>955</v>
      </c>
      <c r="W6" s="270">
        <v>1961</v>
      </c>
      <c r="X6" s="275">
        <v>1963</v>
      </c>
      <c r="Y6" s="269">
        <v>1060</v>
      </c>
      <c r="Z6" s="273">
        <v>2511</v>
      </c>
      <c r="AA6" s="270">
        <v>3571</v>
      </c>
      <c r="AB6" s="272">
        <v>0</v>
      </c>
      <c r="AC6" s="273">
        <v>7717</v>
      </c>
      <c r="AD6" s="273">
        <v>12247</v>
      </c>
      <c r="AE6" s="273">
        <v>8007</v>
      </c>
      <c r="AF6" s="273">
        <v>6870</v>
      </c>
      <c r="AG6" s="273">
        <v>4818</v>
      </c>
      <c r="AH6" s="270">
        <v>39659</v>
      </c>
      <c r="AI6" s="275">
        <v>43230</v>
      </c>
      <c r="AJ6" s="269">
        <v>125</v>
      </c>
      <c r="AK6" s="273">
        <v>560</v>
      </c>
      <c r="AL6" s="270">
        <v>685</v>
      </c>
      <c r="AM6" s="272">
        <v>0</v>
      </c>
      <c r="AN6" s="273">
        <v>838</v>
      </c>
      <c r="AO6" s="273">
        <v>1519</v>
      </c>
      <c r="AP6" s="273">
        <v>879</v>
      </c>
      <c r="AQ6" s="273">
        <v>928</v>
      </c>
      <c r="AR6" s="273">
        <v>303</v>
      </c>
      <c r="AS6" s="270">
        <v>4467</v>
      </c>
      <c r="AT6" s="275">
        <v>5152</v>
      </c>
      <c r="AU6" s="269">
        <v>0</v>
      </c>
      <c r="AV6" s="273">
        <v>0</v>
      </c>
      <c r="AW6" s="270">
        <v>0</v>
      </c>
      <c r="AX6" s="272">
        <v>0</v>
      </c>
      <c r="AY6" s="273">
        <v>12410</v>
      </c>
      <c r="AZ6" s="273">
        <v>12032</v>
      </c>
      <c r="BA6" s="273">
        <v>7186</v>
      </c>
      <c r="BB6" s="273">
        <v>3721</v>
      </c>
      <c r="BC6" s="273">
        <v>1414</v>
      </c>
      <c r="BD6" s="274">
        <v>36763</v>
      </c>
      <c r="BE6" s="275">
        <v>36763</v>
      </c>
      <c r="BF6" s="269">
        <v>0</v>
      </c>
      <c r="BG6" s="273">
        <v>0</v>
      </c>
      <c r="BH6" s="270">
        <v>0</v>
      </c>
      <c r="BI6" s="272">
        <v>0</v>
      </c>
      <c r="BJ6" s="273">
        <v>2455</v>
      </c>
      <c r="BK6" s="273">
        <v>3584</v>
      </c>
      <c r="BL6" s="273">
        <v>2257</v>
      </c>
      <c r="BM6" s="273">
        <v>1315</v>
      </c>
      <c r="BN6" s="273">
        <v>385</v>
      </c>
      <c r="BO6" s="270">
        <v>9996</v>
      </c>
      <c r="BP6" s="275">
        <v>9996</v>
      </c>
      <c r="BQ6" s="269">
        <v>68</v>
      </c>
      <c r="BR6" s="273">
        <v>143</v>
      </c>
      <c r="BS6" s="270">
        <v>211</v>
      </c>
      <c r="BT6" s="272">
        <v>0</v>
      </c>
      <c r="BU6" s="273">
        <v>1230</v>
      </c>
      <c r="BV6" s="273">
        <v>2004</v>
      </c>
      <c r="BW6" s="273">
        <v>3668</v>
      </c>
      <c r="BX6" s="273">
        <v>2802</v>
      </c>
      <c r="BY6" s="273">
        <v>1052</v>
      </c>
      <c r="BZ6" s="270">
        <v>10756</v>
      </c>
      <c r="CA6" s="275">
        <v>10967</v>
      </c>
      <c r="CB6" s="269">
        <v>3</v>
      </c>
      <c r="CC6" s="273">
        <v>6</v>
      </c>
      <c r="CD6" s="270">
        <v>9</v>
      </c>
      <c r="CE6" s="272">
        <v>0</v>
      </c>
      <c r="CF6" s="273">
        <v>114</v>
      </c>
      <c r="CG6" s="273">
        <v>358</v>
      </c>
      <c r="CH6" s="273">
        <v>423</v>
      </c>
      <c r="CI6" s="273">
        <v>283</v>
      </c>
      <c r="CJ6" s="273">
        <v>190</v>
      </c>
      <c r="CK6" s="270">
        <v>1368</v>
      </c>
      <c r="CL6" s="275">
        <v>1377</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76">
        <v>0</v>
      </c>
      <c r="F7" s="279">
        <v>0</v>
      </c>
      <c r="G7" s="280">
        <v>5002</v>
      </c>
      <c r="H7" s="280">
        <v>8080</v>
      </c>
      <c r="I7" s="280">
        <v>8683</v>
      </c>
      <c r="J7" s="280">
        <v>8865</v>
      </c>
      <c r="K7" s="280">
        <v>8349</v>
      </c>
      <c r="L7" s="281">
        <v>38979</v>
      </c>
      <c r="M7" s="282">
        <v>38979</v>
      </c>
      <c r="N7" s="276">
        <v>0</v>
      </c>
      <c r="O7" s="280">
        <v>0</v>
      </c>
      <c r="P7" s="277">
        <v>0</v>
      </c>
      <c r="Q7" s="279">
        <v>0</v>
      </c>
      <c r="R7" s="280">
        <v>9</v>
      </c>
      <c r="S7" s="280">
        <v>54</v>
      </c>
      <c r="T7" s="280">
        <v>99</v>
      </c>
      <c r="U7" s="280">
        <v>260</v>
      </c>
      <c r="V7" s="280">
        <v>448</v>
      </c>
      <c r="W7" s="277">
        <v>870</v>
      </c>
      <c r="X7" s="282">
        <v>870</v>
      </c>
      <c r="Y7" s="276">
        <v>491</v>
      </c>
      <c r="Z7" s="280">
        <v>1424</v>
      </c>
      <c r="AA7" s="277">
        <v>1915</v>
      </c>
      <c r="AB7" s="279">
        <v>0</v>
      </c>
      <c r="AC7" s="280">
        <v>3165</v>
      </c>
      <c r="AD7" s="280">
        <v>6509</v>
      </c>
      <c r="AE7" s="280">
        <v>4287</v>
      </c>
      <c r="AF7" s="280">
        <v>3346</v>
      </c>
      <c r="AG7" s="280">
        <v>2155</v>
      </c>
      <c r="AH7" s="277">
        <v>19462</v>
      </c>
      <c r="AI7" s="282">
        <v>21377</v>
      </c>
      <c r="AJ7" s="276">
        <v>60</v>
      </c>
      <c r="AK7" s="280">
        <v>285</v>
      </c>
      <c r="AL7" s="277">
        <v>345</v>
      </c>
      <c r="AM7" s="279">
        <v>0</v>
      </c>
      <c r="AN7" s="280">
        <v>235</v>
      </c>
      <c r="AO7" s="280">
        <v>603</v>
      </c>
      <c r="AP7" s="280">
        <v>384</v>
      </c>
      <c r="AQ7" s="280">
        <v>341</v>
      </c>
      <c r="AR7" s="280">
        <v>118</v>
      </c>
      <c r="AS7" s="277">
        <v>1681</v>
      </c>
      <c r="AT7" s="282">
        <v>2026</v>
      </c>
      <c r="AU7" s="276">
        <v>0</v>
      </c>
      <c r="AV7" s="280">
        <v>0</v>
      </c>
      <c r="AW7" s="277">
        <v>0</v>
      </c>
      <c r="AX7" s="279">
        <v>0</v>
      </c>
      <c r="AY7" s="280">
        <v>4481</v>
      </c>
      <c r="AZ7" s="280">
        <v>5158</v>
      </c>
      <c r="BA7" s="280">
        <v>2880</v>
      </c>
      <c r="BB7" s="280">
        <v>1487</v>
      </c>
      <c r="BC7" s="280">
        <v>592</v>
      </c>
      <c r="BD7" s="281">
        <v>14598</v>
      </c>
      <c r="BE7" s="282">
        <v>14598</v>
      </c>
      <c r="BF7" s="276">
        <v>0</v>
      </c>
      <c r="BG7" s="280">
        <v>0</v>
      </c>
      <c r="BH7" s="277">
        <v>0</v>
      </c>
      <c r="BI7" s="279">
        <v>0</v>
      </c>
      <c r="BJ7" s="280">
        <v>832</v>
      </c>
      <c r="BK7" s="280">
        <v>1480</v>
      </c>
      <c r="BL7" s="280">
        <v>1093</v>
      </c>
      <c r="BM7" s="280">
        <v>625</v>
      </c>
      <c r="BN7" s="280">
        <v>162</v>
      </c>
      <c r="BO7" s="277">
        <v>4192</v>
      </c>
      <c r="BP7" s="282">
        <v>4192</v>
      </c>
      <c r="BQ7" s="276">
        <v>33</v>
      </c>
      <c r="BR7" s="280">
        <v>59</v>
      </c>
      <c r="BS7" s="277">
        <v>92</v>
      </c>
      <c r="BT7" s="279">
        <v>0</v>
      </c>
      <c r="BU7" s="280">
        <v>405</v>
      </c>
      <c r="BV7" s="280">
        <v>817</v>
      </c>
      <c r="BW7" s="280">
        <v>1700</v>
      </c>
      <c r="BX7" s="280">
        <v>941</v>
      </c>
      <c r="BY7" s="280">
        <v>480</v>
      </c>
      <c r="BZ7" s="277">
        <v>4343</v>
      </c>
      <c r="CA7" s="282">
        <v>4435</v>
      </c>
      <c r="CB7" s="276">
        <v>0</v>
      </c>
      <c r="CC7" s="280">
        <v>3</v>
      </c>
      <c r="CD7" s="277">
        <v>3</v>
      </c>
      <c r="CE7" s="279">
        <v>0</v>
      </c>
      <c r="CF7" s="280">
        <v>77</v>
      </c>
      <c r="CG7" s="280">
        <v>195</v>
      </c>
      <c r="CH7" s="280">
        <v>286</v>
      </c>
      <c r="CI7" s="280">
        <v>187</v>
      </c>
      <c r="CJ7" s="280">
        <v>123</v>
      </c>
      <c r="CK7" s="277">
        <v>868</v>
      </c>
      <c r="CL7" s="282">
        <v>871</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76">
        <v>0</v>
      </c>
      <c r="F8" s="279">
        <v>0</v>
      </c>
      <c r="G8" s="280">
        <v>1648</v>
      </c>
      <c r="H8" s="280">
        <v>1579</v>
      </c>
      <c r="I8" s="280">
        <v>2239</v>
      </c>
      <c r="J8" s="280">
        <v>2751</v>
      </c>
      <c r="K8" s="280">
        <v>2759</v>
      </c>
      <c r="L8" s="281">
        <v>10976</v>
      </c>
      <c r="M8" s="282">
        <v>10976</v>
      </c>
      <c r="N8" s="276">
        <v>0</v>
      </c>
      <c r="O8" s="280">
        <v>0</v>
      </c>
      <c r="P8" s="277">
        <v>0</v>
      </c>
      <c r="Q8" s="279">
        <v>0</v>
      </c>
      <c r="R8" s="280">
        <v>4</v>
      </c>
      <c r="S8" s="280">
        <v>10</v>
      </c>
      <c r="T8" s="280">
        <v>34</v>
      </c>
      <c r="U8" s="280">
        <v>53</v>
      </c>
      <c r="V8" s="280">
        <v>125</v>
      </c>
      <c r="W8" s="277">
        <v>226</v>
      </c>
      <c r="X8" s="282">
        <v>226</v>
      </c>
      <c r="Y8" s="276">
        <v>169</v>
      </c>
      <c r="Z8" s="280">
        <v>369</v>
      </c>
      <c r="AA8" s="277">
        <v>538</v>
      </c>
      <c r="AB8" s="279">
        <v>0</v>
      </c>
      <c r="AC8" s="280">
        <v>1278</v>
      </c>
      <c r="AD8" s="280">
        <v>1712</v>
      </c>
      <c r="AE8" s="280">
        <v>977</v>
      </c>
      <c r="AF8" s="280">
        <v>1147</v>
      </c>
      <c r="AG8" s="280">
        <v>782</v>
      </c>
      <c r="AH8" s="277">
        <v>5896</v>
      </c>
      <c r="AI8" s="282">
        <v>6434</v>
      </c>
      <c r="AJ8" s="276">
        <v>16</v>
      </c>
      <c r="AK8" s="280">
        <v>24</v>
      </c>
      <c r="AL8" s="277">
        <v>40</v>
      </c>
      <c r="AM8" s="279">
        <v>0</v>
      </c>
      <c r="AN8" s="280">
        <v>128</v>
      </c>
      <c r="AO8" s="280">
        <v>195</v>
      </c>
      <c r="AP8" s="280">
        <v>61</v>
      </c>
      <c r="AQ8" s="280">
        <v>136</v>
      </c>
      <c r="AR8" s="280">
        <v>35</v>
      </c>
      <c r="AS8" s="277">
        <v>555</v>
      </c>
      <c r="AT8" s="282">
        <v>595</v>
      </c>
      <c r="AU8" s="276">
        <v>0</v>
      </c>
      <c r="AV8" s="280">
        <v>0</v>
      </c>
      <c r="AW8" s="277">
        <v>0</v>
      </c>
      <c r="AX8" s="279">
        <v>0</v>
      </c>
      <c r="AY8" s="280">
        <v>1529</v>
      </c>
      <c r="AZ8" s="280">
        <v>1347</v>
      </c>
      <c r="BA8" s="280">
        <v>704</v>
      </c>
      <c r="BB8" s="280">
        <v>528</v>
      </c>
      <c r="BC8" s="280">
        <v>167</v>
      </c>
      <c r="BD8" s="281">
        <v>4275</v>
      </c>
      <c r="BE8" s="282">
        <v>4275</v>
      </c>
      <c r="BF8" s="276">
        <v>0</v>
      </c>
      <c r="BG8" s="280">
        <v>0</v>
      </c>
      <c r="BH8" s="277">
        <v>0</v>
      </c>
      <c r="BI8" s="279">
        <v>0</v>
      </c>
      <c r="BJ8" s="280">
        <v>271</v>
      </c>
      <c r="BK8" s="280">
        <v>458</v>
      </c>
      <c r="BL8" s="280">
        <v>231</v>
      </c>
      <c r="BM8" s="280">
        <v>151</v>
      </c>
      <c r="BN8" s="280">
        <v>97</v>
      </c>
      <c r="BO8" s="277">
        <v>1208</v>
      </c>
      <c r="BP8" s="282">
        <v>1208</v>
      </c>
      <c r="BQ8" s="276">
        <v>7</v>
      </c>
      <c r="BR8" s="280">
        <v>2</v>
      </c>
      <c r="BS8" s="277">
        <v>9</v>
      </c>
      <c r="BT8" s="279">
        <v>0</v>
      </c>
      <c r="BU8" s="280">
        <v>101</v>
      </c>
      <c r="BV8" s="280">
        <v>193</v>
      </c>
      <c r="BW8" s="280">
        <v>207</v>
      </c>
      <c r="BX8" s="280">
        <v>166</v>
      </c>
      <c r="BY8" s="280">
        <v>83</v>
      </c>
      <c r="BZ8" s="277">
        <v>750</v>
      </c>
      <c r="CA8" s="282">
        <v>759</v>
      </c>
      <c r="CB8" s="276">
        <v>0</v>
      </c>
      <c r="CC8" s="280">
        <v>0</v>
      </c>
      <c r="CD8" s="277">
        <v>0</v>
      </c>
      <c r="CE8" s="279">
        <v>0</v>
      </c>
      <c r="CF8" s="280">
        <v>14</v>
      </c>
      <c r="CG8" s="280">
        <v>46</v>
      </c>
      <c r="CH8" s="280">
        <v>35</v>
      </c>
      <c r="CI8" s="280">
        <v>52</v>
      </c>
      <c r="CJ8" s="280">
        <v>28</v>
      </c>
      <c r="CK8" s="277">
        <v>175</v>
      </c>
      <c r="CL8" s="282">
        <v>175</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76">
        <v>0</v>
      </c>
      <c r="F9" s="279">
        <v>0</v>
      </c>
      <c r="G9" s="280">
        <v>710</v>
      </c>
      <c r="H9" s="280">
        <v>1404</v>
      </c>
      <c r="I9" s="280">
        <v>1364</v>
      </c>
      <c r="J9" s="280">
        <v>1316</v>
      </c>
      <c r="K9" s="280">
        <v>1240</v>
      </c>
      <c r="L9" s="281">
        <v>6034</v>
      </c>
      <c r="M9" s="282">
        <v>6034</v>
      </c>
      <c r="N9" s="276">
        <v>0</v>
      </c>
      <c r="O9" s="280">
        <v>2</v>
      </c>
      <c r="P9" s="277">
        <v>2</v>
      </c>
      <c r="Q9" s="279">
        <v>0</v>
      </c>
      <c r="R9" s="280">
        <v>0</v>
      </c>
      <c r="S9" s="280">
        <v>4</v>
      </c>
      <c r="T9" s="280">
        <v>0</v>
      </c>
      <c r="U9" s="280">
        <v>19</v>
      </c>
      <c r="V9" s="280">
        <v>46</v>
      </c>
      <c r="W9" s="277">
        <v>69</v>
      </c>
      <c r="X9" s="282">
        <v>71</v>
      </c>
      <c r="Y9" s="276">
        <v>37</v>
      </c>
      <c r="Z9" s="280">
        <v>136</v>
      </c>
      <c r="AA9" s="277">
        <v>173</v>
      </c>
      <c r="AB9" s="279">
        <v>0</v>
      </c>
      <c r="AC9" s="280">
        <v>334</v>
      </c>
      <c r="AD9" s="280">
        <v>909</v>
      </c>
      <c r="AE9" s="280">
        <v>591</v>
      </c>
      <c r="AF9" s="280">
        <v>307</v>
      </c>
      <c r="AG9" s="280">
        <v>342</v>
      </c>
      <c r="AH9" s="277">
        <v>2483</v>
      </c>
      <c r="AI9" s="282">
        <v>2656</v>
      </c>
      <c r="AJ9" s="276">
        <v>0</v>
      </c>
      <c r="AK9" s="280">
        <v>34</v>
      </c>
      <c r="AL9" s="277">
        <v>34</v>
      </c>
      <c r="AM9" s="279">
        <v>0</v>
      </c>
      <c r="AN9" s="280">
        <v>28</v>
      </c>
      <c r="AO9" s="280">
        <v>8</v>
      </c>
      <c r="AP9" s="280">
        <v>18</v>
      </c>
      <c r="AQ9" s="280">
        <v>68</v>
      </c>
      <c r="AR9" s="280">
        <v>0</v>
      </c>
      <c r="AS9" s="277">
        <v>122</v>
      </c>
      <c r="AT9" s="282">
        <v>156</v>
      </c>
      <c r="AU9" s="276">
        <v>0</v>
      </c>
      <c r="AV9" s="280">
        <v>0</v>
      </c>
      <c r="AW9" s="277">
        <v>0</v>
      </c>
      <c r="AX9" s="279">
        <v>0</v>
      </c>
      <c r="AY9" s="280">
        <v>1001</v>
      </c>
      <c r="AZ9" s="280">
        <v>1031</v>
      </c>
      <c r="BA9" s="280">
        <v>837</v>
      </c>
      <c r="BB9" s="280">
        <v>348</v>
      </c>
      <c r="BC9" s="280">
        <v>110</v>
      </c>
      <c r="BD9" s="281">
        <v>3327</v>
      </c>
      <c r="BE9" s="282">
        <v>3327</v>
      </c>
      <c r="BF9" s="276">
        <v>0</v>
      </c>
      <c r="BG9" s="280">
        <v>0</v>
      </c>
      <c r="BH9" s="277">
        <v>0</v>
      </c>
      <c r="BI9" s="279">
        <v>0</v>
      </c>
      <c r="BJ9" s="280">
        <v>97</v>
      </c>
      <c r="BK9" s="280">
        <v>231</v>
      </c>
      <c r="BL9" s="280">
        <v>92</v>
      </c>
      <c r="BM9" s="280">
        <v>74</v>
      </c>
      <c r="BN9" s="280">
        <v>0</v>
      </c>
      <c r="BO9" s="277">
        <v>494</v>
      </c>
      <c r="BP9" s="282">
        <v>494</v>
      </c>
      <c r="BQ9" s="276">
        <v>0</v>
      </c>
      <c r="BR9" s="280">
        <v>8</v>
      </c>
      <c r="BS9" s="277">
        <v>8</v>
      </c>
      <c r="BT9" s="279">
        <v>0</v>
      </c>
      <c r="BU9" s="280">
        <v>60</v>
      </c>
      <c r="BV9" s="280">
        <v>126</v>
      </c>
      <c r="BW9" s="280">
        <v>345</v>
      </c>
      <c r="BX9" s="280">
        <v>231</v>
      </c>
      <c r="BY9" s="280">
        <v>34</v>
      </c>
      <c r="BZ9" s="277">
        <v>796</v>
      </c>
      <c r="CA9" s="282">
        <v>804</v>
      </c>
      <c r="CB9" s="276">
        <v>0</v>
      </c>
      <c r="CC9" s="280">
        <v>0</v>
      </c>
      <c r="CD9" s="277">
        <v>0</v>
      </c>
      <c r="CE9" s="279">
        <v>0</v>
      </c>
      <c r="CF9" s="280">
        <v>0</v>
      </c>
      <c r="CG9" s="280">
        <v>33</v>
      </c>
      <c r="CH9" s="280">
        <v>3</v>
      </c>
      <c r="CI9" s="280">
        <v>3</v>
      </c>
      <c r="CJ9" s="280">
        <v>2</v>
      </c>
      <c r="CK9" s="277">
        <v>41</v>
      </c>
      <c r="CL9" s="282">
        <v>41</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76">
        <v>0</v>
      </c>
      <c r="F10" s="279">
        <v>0</v>
      </c>
      <c r="G10" s="280">
        <v>1327</v>
      </c>
      <c r="H10" s="280">
        <v>1582</v>
      </c>
      <c r="I10" s="280">
        <v>1570</v>
      </c>
      <c r="J10" s="280">
        <v>1638</v>
      </c>
      <c r="K10" s="280">
        <v>1142</v>
      </c>
      <c r="L10" s="281">
        <v>7259</v>
      </c>
      <c r="M10" s="282">
        <v>7259</v>
      </c>
      <c r="N10" s="276">
        <v>0</v>
      </c>
      <c r="O10" s="280">
        <v>0</v>
      </c>
      <c r="P10" s="277">
        <v>0</v>
      </c>
      <c r="Q10" s="279">
        <v>0</v>
      </c>
      <c r="R10" s="280">
        <v>10</v>
      </c>
      <c r="S10" s="280">
        <v>13</v>
      </c>
      <c r="T10" s="280">
        <v>34</v>
      </c>
      <c r="U10" s="280">
        <v>93</v>
      </c>
      <c r="V10" s="280">
        <v>63</v>
      </c>
      <c r="W10" s="277">
        <v>213</v>
      </c>
      <c r="X10" s="282">
        <v>213</v>
      </c>
      <c r="Y10" s="276">
        <v>13</v>
      </c>
      <c r="Z10" s="280">
        <v>24</v>
      </c>
      <c r="AA10" s="277">
        <v>37</v>
      </c>
      <c r="AB10" s="279">
        <v>0</v>
      </c>
      <c r="AC10" s="280">
        <v>509</v>
      </c>
      <c r="AD10" s="280">
        <v>472</v>
      </c>
      <c r="AE10" s="280">
        <v>328</v>
      </c>
      <c r="AF10" s="280">
        <v>270</v>
      </c>
      <c r="AG10" s="280">
        <v>225</v>
      </c>
      <c r="AH10" s="277">
        <v>1804</v>
      </c>
      <c r="AI10" s="282">
        <v>1841</v>
      </c>
      <c r="AJ10" s="276">
        <v>0</v>
      </c>
      <c r="AK10" s="280">
        <v>0</v>
      </c>
      <c r="AL10" s="277">
        <v>0</v>
      </c>
      <c r="AM10" s="279">
        <v>0</v>
      </c>
      <c r="AN10" s="280">
        <v>96</v>
      </c>
      <c r="AO10" s="280">
        <v>24</v>
      </c>
      <c r="AP10" s="280">
        <v>108</v>
      </c>
      <c r="AQ10" s="280">
        <v>58</v>
      </c>
      <c r="AR10" s="280">
        <v>12</v>
      </c>
      <c r="AS10" s="277">
        <v>298</v>
      </c>
      <c r="AT10" s="282">
        <v>298</v>
      </c>
      <c r="AU10" s="276">
        <v>0</v>
      </c>
      <c r="AV10" s="280">
        <v>0</v>
      </c>
      <c r="AW10" s="277">
        <v>0</v>
      </c>
      <c r="AX10" s="279">
        <v>0</v>
      </c>
      <c r="AY10" s="280">
        <v>1156</v>
      </c>
      <c r="AZ10" s="280">
        <v>734</v>
      </c>
      <c r="BA10" s="280">
        <v>376</v>
      </c>
      <c r="BB10" s="280">
        <v>180</v>
      </c>
      <c r="BC10" s="280">
        <v>102</v>
      </c>
      <c r="BD10" s="281">
        <v>2548</v>
      </c>
      <c r="BE10" s="282">
        <v>2548</v>
      </c>
      <c r="BF10" s="276">
        <v>0</v>
      </c>
      <c r="BG10" s="280">
        <v>0</v>
      </c>
      <c r="BH10" s="277">
        <v>0</v>
      </c>
      <c r="BI10" s="279">
        <v>0</v>
      </c>
      <c r="BJ10" s="280">
        <v>152</v>
      </c>
      <c r="BK10" s="280">
        <v>168</v>
      </c>
      <c r="BL10" s="280">
        <v>118</v>
      </c>
      <c r="BM10" s="280">
        <v>30</v>
      </c>
      <c r="BN10" s="280">
        <v>10</v>
      </c>
      <c r="BO10" s="277">
        <v>478</v>
      </c>
      <c r="BP10" s="282">
        <v>478</v>
      </c>
      <c r="BQ10" s="276">
        <v>0</v>
      </c>
      <c r="BR10" s="280">
        <v>0</v>
      </c>
      <c r="BS10" s="277">
        <v>0</v>
      </c>
      <c r="BT10" s="279">
        <v>0</v>
      </c>
      <c r="BU10" s="280">
        <v>198</v>
      </c>
      <c r="BV10" s="280">
        <v>246</v>
      </c>
      <c r="BW10" s="280">
        <v>259</v>
      </c>
      <c r="BX10" s="280">
        <v>113</v>
      </c>
      <c r="BY10" s="280">
        <v>40</v>
      </c>
      <c r="BZ10" s="277">
        <v>856</v>
      </c>
      <c r="CA10" s="282">
        <v>856</v>
      </c>
      <c r="CB10" s="276">
        <v>0</v>
      </c>
      <c r="CC10" s="280">
        <v>0</v>
      </c>
      <c r="CD10" s="277">
        <v>0</v>
      </c>
      <c r="CE10" s="279">
        <v>0</v>
      </c>
      <c r="CF10" s="280">
        <v>4</v>
      </c>
      <c r="CG10" s="280">
        <v>0</v>
      </c>
      <c r="CH10" s="280">
        <v>5</v>
      </c>
      <c r="CI10" s="280">
        <v>10</v>
      </c>
      <c r="CJ10" s="280">
        <v>0</v>
      </c>
      <c r="CK10" s="277">
        <v>19</v>
      </c>
      <c r="CL10" s="282">
        <v>19</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76">
        <v>0</v>
      </c>
      <c r="F11" s="279">
        <v>0</v>
      </c>
      <c r="G11" s="280">
        <v>278</v>
      </c>
      <c r="H11" s="280">
        <v>770</v>
      </c>
      <c r="I11" s="280">
        <v>792</v>
      </c>
      <c r="J11" s="280">
        <v>693</v>
      </c>
      <c r="K11" s="280">
        <v>555</v>
      </c>
      <c r="L11" s="281">
        <v>3088</v>
      </c>
      <c r="M11" s="282">
        <v>3088</v>
      </c>
      <c r="N11" s="276">
        <v>0</v>
      </c>
      <c r="O11" s="280">
        <v>0</v>
      </c>
      <c r="P11" s="277">
        <v>0</v>
      </c>
      <c r="Q11" s="279">
        <v>0</v>
      </c>
      <c r="R11" s="280">
        <v>0</v>
      </c>
      <c r="S11" s="280">
        <v>8</v>
      </c>
      <c r="T11" s="280">
        <v>8</v>
      </c>
      <c r="U11" s="280">
        <v>2</v>
      </c>
      <c r="V11" s="280">
        <v>26</v>
      </c>
      <c r="W11" s="277">
        <v>44</v>
      </c>
      <c r="X11" s="282">
        <v>44</v>
      </c>
      <c r="Y11" s="276">
        <v>8</v>
      </c>
      <c r="Z11" s="280">
        <v>17</v>
      </c>
      <c r="AA11" s="277">
        <v>25</v>
      </c>
      <c r="AB11" s="279">
        <v>0</v>
      </c>
      <c r="AC11" s="280">
        <v>123</v>
      </c>
      <c r="AD11" s="280">
        <v>141</v>
      </c>
      <c r="AE11" s="280">
        <v>174</v>
      </c>
      <c r="AF11" s="280">
        <v>181</v>
      </c>
      <c r="AG11" s="280">
        <v>89</v>
      </c>
      <c r="AH11" s="277">
        <v>708</v>
      </c>
      <c r="AI11" s="282">
        <v>733</v>
      </c>
      <c r="AJ11" s="276">
        <v>0</v>
      </c>
      <c r="AK11" s="280">
        <v>8</v>
      </c>
      <c r="AL11" s="277">
        <v>8</v>
      </c>
      <c r="AM11" s="279">
        <v>0</v>
      </c>
      <c r="AN11" s="280">
        <v>31</v>
      </c>
      <c r="AO11" s="280">
        <v>44</v>
      </c>
      <c r="AP11" s="280">
        <v>59</v>
      </c>
      <c r="AQ11" s="280">
        <v>36</v>
      </c>
      <c r="AR11" s="280">
        <v>0</v>
      </c>
      <c r="AS11" s="277">
        <v>170</v>
      </c>
      <c r="AT11" s="282">
        <v>178</v>
      </c>
      <c r="AU11" s="276">
        <v>0</v>
      </c>
      <c r="AV11" s="280">
        <v>0</v>
      </c>
      <c r="AW11" s="277">
        <v>0</v>
      </c>
      <c r="AX11" s="279">
        <v>0</v>
      </c>
      <c r="AY11" s="280">
        <v>242</v>
      </c>
      <c r="AZ11" s="280">
        <v>316</v>
      </c>
      <c r="BA11" s="280">
        <v>271</v>
      </c>
      <c r="BB11" s="280">
        <v>145</v>
      </c>
      <c r="BC11" s="280">
        <v>123</v>
      </c>
      <c r="BD11" s="281">
        <v>1097</v>
      </c>
      <c r="BE11" s="282">
        <v>1097</v>
      </c>
      <c r="BF11" s="276">
        <v>0</v>
      </c>
      <c r="BG11" s="280">
        <v>0</v>
      </c>
      <c r="BH11" s="277">
        <v>0</v>
      </c>
      <c r="BI11" s="279">
        <v>0</v>
      </c>
      <c r="BJ11" s="280">
        <v>60</v>
      </c>
      <c r="BK11" s="280">
        <v>64</v>
      </c>
      <c r="BL11" s="280">
        <v>51</v>
      </c>
      <c r="BM11" s="280">
        <v>15</v>
      </c>
      <c r="BN11" s="280">
        <v>0</v>
      </c>
      <c r="BO11" s="277">
        <v>190</v>
      </c>
      <c r="BP11" s="282">
        <v>190</v>
      </c>
      <c r="BQ11" s="276">
        <v>6</v>
      </c>
      <c r="BR11" s="280">
        <v>0</v>
      </c>
      <c r="BS11" s="277">
        <v>6</v>
      </c>
      <c r="BT11" s="279">
        <v>0</v>
      </c>
      <c r="BU11" s="280">
        <v>28</v>
      </c>
      <c r="BV11" s="280">
        <v>23</v>
      </c>
      <c r="BW11" s="280">
        <v>216</v>
      </c>
      <c r="BX11" s="280">
        <v>42</v>
      </c>
      <c r="BY11" s="280">
        <v>51</v>
      </c>
      <c r="BZ11" s="277">
        <v>360</v>
      </c>
      <c r="CA11" s="282">
        <v>366</v>
      </c>
      <c r="CB11" s="276">
        <v>0</v>
      </c>
      <c r="CC11" s="280">
        <v>0</v>
      </c>
      <c r="CD11" s="277">
        <v>0</v>
      </c>
      <c r="CE11" s="279">
        <v>0</v>
      </c>
      <c r="CF11" s="280">
        <v>0</v>
      </c>
      <c r="CG11" s="280">
        <v>3</v>
      </c>
      <c r="CH11" s="280">
        <v>6</v>
      </c>
      <c r="CI11" s="280">
        <v>0</v>
      </c>
      <c r="CJ11" s="280">
        <v>0</v>
      </c>
      <c r="CK11" s="277">
        <v>9</v>
      </c>
      <c r="CL11" s="282">
        <v>9</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76">
        <v>0</v>
      </c>
      <c r="F12" s="279">
        <v>0</v>
      </c>
      <c r="G12" s="280">
        <v>673</v>
      </c>
      <c r="H12" s="280">
        <v>626</v>
      </c>
      <c r="I12" s="280">
        <v>1050</v>
      </c>
      <c r="J12" s="280">
        <v>1138</v>
      </c>
      <c r="K12" s="280">
        <v>888</v>
      </c>
      <c r="L12" s="281">
        <v>4375</v>
      </c>
      <c r="M12" s="282">
        <v>4375</v>
      </c>
      <c r="N12" s="276">
        <v>0</v>
      </c>
      <c r="O12" s="280">
        <v>0</v>
      </c>
      <c r="P12" s="277">
        <v>0</v>
      </c>
      <c r="Q12" s="279">
        <v>0</v>
      </c>
      <c r="R12" s="280">
        <v>0</v>
      </c>
      <c r="S12" s="280">
        <v>11</v>
      </c>
      <c r="T12" s="280">
        <v>4</v>
      </c>
      <c r="U12" s="280">
        <v>14</v>
      </c>
      <c r="V12" s="280">
        <v>18</v>
      </c>
      <c r="W12" s="277">
        <v>47</v>
      </c>
      <c r="X12" s="282">
        <v>47</v>
      </c>
      <c r="Y12" s="276">
        <v>24</v>
      </c>
      <c r="Z12" s="280">
        <v>57</v>
      </c>
      <c r="AA12" s="277">
        <v>81</v>
      </c>
      <c r="AB12" s="279">
        <v>0</v>
      </c>
      <c r="AC12" s="280">
        <v>483</v>
      </c>
      <c r="AD12" s="280">
        <v>324</v>
      </c>
      <c r="AE12" s="280">
        <v>298</v>
      </c>
      <c r="AF12" s="280">
        <v>315</v>
      </c>
      <c r="AG12" s="280">
        <v>203</v>
      </c>
      <c r="AH12" s="277">
        <v>1623</v>
      </c>
      <c r="AI12" s="282">
        <v>1704</v>
      </c>
      <c r="AJ12" s="276">
        <v>0</v>
      </c>
      <c r="AK12" s="280">
        <v>0</v>
      </c>
      <c r="AL12" s="277">
        <v>0</v>
      </c>
      <c r="AM12" s="279">
        <v>0</v>
      </c>
      <c r="AN12" s="280">
        <v>24</v>
      </c>
      <c r="AO12" s="280">
        <v>73</v>
      </c>
      <c r="AP12" s="280">
        <v>36</v>
      </c>
      <c r="AQ12" s="280">
        <v>59</v>
      </c>
      <c r="AR12" s="280">
        <v>12</v>
      </c>
      <c r="AS12" s="277">
        <v>204</v>
      </c>
      <c r="AT12" s="282">
        <v>204</v>
      </c>
      <c r="AU12" s="276">
        <v>0</v>
      </c>
      <c r="AV12" s="280">
        <v>0</v>
      </c>
      <c r="AW12" s="277">
        <v>0</v>
      </c>
      <c r="AX12" s="279">
        <v>0</v>
      </c>
      <c r="AY12" s="280">
        <v>290</v>
      </c>
      <c r="AZ12" s="280">
        <v>332</v>
      </c>
      <c r="BA12" s="280">
        <v>219</v>
      </c>
      <c r="BB12" s="280">
        <v>115</v>
      </c>
      <c r="BC12" s="280">
        <v>21</v>
      </c>
      <c r="BD12" s="281">
        <v>977</v>
      </c>
      <c r="BE12" s="282">
        <v>977</v>
      </c>
      <c r="BF12" s="276">
        <v>0</v>
      </c>
      <c r="BG12" s="280">
        <v>0</v>
      </c>
      <c r="BH12" s="277">
        <v>0</v>
      </c>
      <c r="BI12" s="279">
        <v>0</v>
      </c>
      <c r="BJ12" s="280">
        <v>176</v>
      </c>
      <c r="BK12" s="280">
        <v>88</v>
      </c>
      <c r="BL12" s="280">
        <v>128</v>
      </c>
      <c r="BM12" s="280">
        <v>40</v>
      </c>
      <c r="BN12" s="280">
        <v>16</v>
      </c>
      <c r="BO12" s="277">
        <v>448</v>
      </c>
      <c r="BP12" s="282">
        <v>448</v>
      </c>
      <c r="BQ12" s="276">
        <v>0</v>
      </c>
      <c r="BR12" s="280">
        <v>0</v>
      </c>
      <c r="BS12" s="277">
        <v>0</v>
      </c>
      <c r="BT12" s="279">
        <v>0</v>
      </c>
      <c r="BU12" s="280">
        <v>44</v>
      </c>
      <c r="BV12" s="280">
        <v>38</v>
      </c>
      <c r="BW12" s="280">
        <v>67</v>
      </c>
      <c r="BX12" s="280">
        <v>101</v>
      </c>
      <c r="BY12" s="280">
        <v>13</v>
      </c>
      <c r="BZ12" s="277">
        <v>263</v>
      </c>
      <c r="CA12" s="282">
        <v>263</v>
      </c>
      <c r="CB12" s="276">
        <v>0</v>
      </c>
      <c r="CC12" s="280">
        <v>0</v>
      </c>
      <c r="CD12" s="277">
        <v>0</v>
      </c>
      <c r="CE12" s="279">
        <v>0</v>
      </c>
      <c r="CF12" s="280">
        <v>0</v>
      </c>
      <c r="CG12" s="280">
        <v>19</v>
      </c>
      <c r="CH12" s="280">
        <v>21</v>
      </c>
      <c r="CI12" s="280">
        <v>0</v>
      </c>
      <c r="CJ12" s="280">
        <v>10</v>
      </c>
      <c r="CK12" s="277">
        <v>50</v>
      </c>
      <c r="CL12" s="282">
        <v>50</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76">
        <v>0</v>
      </c>
      <c r="F13" s="279">
        <v>0</v>
      </c>
      <c r="G13" s="280">
        <v>1078</v>
      </c>
      <c r="H13" s="280">
        <v>1138</v>
      </c>
      <c r="I13" s="280">
        <v>719</v>
      </c>
      <c r="J13" s="280">
        <v>1461</v>
      </c>
      <c r="K13" s="280">
        <v>1261</v>
      </c>
      <c r="L13" s="281">
        <v>5657</v>
      </c>
      <c r="M13" s="282">
        <v>5657</v>
      </c>
      <c r="N13" s="276">
        <v>0</v>
      </c>
      <c r="O13" s="280">
        <v>0</v>
      </c>
      <c r="P13" s="277">
        <v>0</v>
      </c>
      <c r="Q13" s="279">
        <v>0</v>
      </c>
      <c r="R13" s="280">
        <v>1</v>
      </c>
      <c r="S13" s="280">
        <v>5</v>
      </c>
      <c r="T13" s="280">
        <v>5</v>
      </c>
      <c r="U13" s="280">
        <v>47</v>
      </c>
      <c r="V13" s="280">
        <v>54</v>
      </c>
      <c r="W13" s="277">
        <v>112</v>
      </c>
      <c r="X13" s="282">
        <v>112</v>
      </c>
      <c r="Y13" s="276">
        <v>79</v>
      </c>
      <c r="Z13" s="280">
        <v>118</v>
      </c>
      <c r="AA13" s="277">
        <v>197</v>
      </c>
      <c r="AB13" s="279">
        <v>0</v>
      </c>
      <c r="AC13" s="280">
        <v>553</v>
      </c>
      <c r="AD13" s="280">
        <v>450</v>
      </c>
      <c r="AE13" s="280">
        <v>208</v>
      </c>
      <c r="AF13" s="280">
        <v>274</v>
      </c>
      <c r="AG13" s="280">
        <v>177</v>
      </c>
      <c r="AH13" s="277">
        <v>1662</v>
      </c>
      <c r="AI13" s="282">
        <v>1859</v>
      </c>
      <c r="AJ13" s="276">
        <v>9</v>
      </c>
      <c r="AK13" s="280">
        <v>20</v>
      </c>
      <c r="AL13" s="277">
        <v>29</v>
      </c>
      <c r="AM13" s="279">
        <v>0</v>
      </c>
      <c r="AN13" s="280">
        <v>90</v>
      </c>
      <c r="AO13" s="280">
        <v>77</v>
      </c>
      <c r="AP13" s="280">
        <v>35</v>
      </c>
      <c r="AQ13" s="280">
        <v>55</v>
      </c>
      <c r="AR13" s="280">
        <v>48</v>
      </c>
      <c r="AS13" s="277">
        <v>305</v>
      </c>
      <c r="AT13" s="282">
        <v>334</v>
      </c>
      <c r="AU13" s="276">
        <v>0</v>
      </c>
      <c r="AV13" s="280">
        <v>0</v>
      </c>
      <c r="AW13" s="277">
        <v>0</v>
      </c>
      <c r="AX13" s="279">
        <v>0</v>
      </c>
      <c r="AY13" s="280">
        <v>935</v>
      </c>
      <c r="AZ13" s="280">
        <v>636</v>
      </c>
      <c r="BA13" s="280">
        <v>303</v>
      </c>
      <c r="BB13" s="280">
        <v>172</v>
      </c>
      <c r="BC13" s="280">
        <v>77</v>
      </c>
      <c r="BD13" s="281">
        <v>2123</v>
      </c>
      <c r="BE13" s="282">
        <v>2123</v>
      </c>
      <c r="BF13" s="276">
        <v>0</v>
      </c>
      <c r="BG13" s="280">
        <v>0</v>
      </c>
      <c r="BH13" s="277">
        <v>0</v>
      </c>
      <c r="BI13" s="279">
        <v>0</v>
      </c>
      <c r="BJ13" s="280">
        <v>148</v>
      </c>
      <c r="BK13" s="280">
        <v>86</v>
      </c>
      <c r="BL13" s="280">
        <v>39</v>
      </c>
      <c r="BM13" s="280">
        <v>40</v>
      </c>
      <c r="BN13" s="280">
        <v>15</v>
      </c>
      <c r="BO13" s="277">
        <v>328</v>
      </c>
      <c r="BP13" s="282">
        <v>328</v>
      </c>
      <c r="BQ13" s="276">
        <v>11</v>
      </c>
      <c r="BR13" s="280">
        <v>32</v>
      </c>
      <c r="BS13" s="277">
        <v>43</v>
      </c>
      <c r="BT13" s="279">
        <v>0</v>
      </c>
      <c r="BU13" s="280">
        <v>92</v>
      </c>
      <c r="BV13" s="280">
        <v>97</v>
      </c>
      <c r="BW13" s="280">
        <v>132</v>
      </c>
      <c r="BX13" s="280">
        <v>172</v>
      </c>
      <c r="BY13" s="280">
        <v>9</v>
      </c>
      <c r="BZ13" s="277">
        <v>502</v>
      </c>
      <c r="CA13" s="282">
        <v>545</v>
      </c>
      <c r="CB13" s="276">
        <v>0</v>
      </c>
      <c r="CC13" s="280">
        <v>0</v>
      </c>
      <c r="CD13" s="277">
        <v>0</v>
      </c>
      <c r="CE13" s="279">
        <v>0</v>
      </c>
      <c r="CF13" s="280">
        <v>12</v>
      </c>
      <c r="CG13" s="280">
        <v>11</v>
      </c>
      <c r="CH13" s="280">
        <v>17</v>
      </c>
      <c r="CI13" s="280">
        <v>6</v>
      </c>
      <c r="CJ13" s="280">
        <v>3</v>
      </c>
      <c r="CK13" s="277">
        <v>49</v>
      </c>
      <c r="CL13" s="282">
        <v>49</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76">
        <v>0</v>
      </c>
      <c r="F14" s="279">
        <v>0</v>
      </c>
      <c r="G14" s="280">
        <v>93</v>
      </c>
      <c r="H14" s="280">
        <v>247</v>
      </c>
      <c r="I14" s="280">
        <v>312</v>
      </c>
      <c r="J14" s="280">
        <v>370</v>
      </c>
      <c r="K14" s="280">
        <v>534</v>
      </c>
      <c r="L14" s="281">
        <v>1556</v>
      </c>
      <c r="M14" s="282">
        <v>1556</v>
      </c>
      <c r="N14" s="276">
        <v>0</v>
      </c>
      <c r="O14" s="280">
        <v>0</v>
      </c>
      <c r="P14" s="277">
        <v>0</v>
      </c>
      <c r="Q14" s="279">
        <v>0</v>
      </c>
      <c r="R14" s="280">
        <v>2</v>
      </c>
      <c r="S14" s="280">
        <v>12</v>
      </c>
      <c r="T14" s="280">
        <v>3</v>
      </c>
      <c r="U14" s="280">
        <v>29</v>
      </c>
      <c r="V14" s="280">
        <v>13</v>
      </c>
      <c r="W14" s="277">
        <v>59</v>
      </c>
      <c r="X14" s="282">
        <v>59</v>
      </c>
      <c r="Y14" s="276">
        <v>21</v>
      </c>
      <c r="Z14" s="280">
        <v>51</v>
      </c>
      <c r="AA14" s="277">
        <v>72</v>
      </c>
      <c r="AB14" s="279">
        <v>0</v>
      </c>
      <c r="AC14" s="280">
        <v>161</v>
      </c>
      <c r="AD14" s="280">
        <v>173</v>
      </c>
      <c r="AE14" s="280">
        <v>107</v>
      </c>
      <c r="AF14" s="280">
        <v>123</v>
      </c>
      <c r="AG14" s="280">
        <v>68</v>
      </c>
      <c r="AH14" s="277">
        <v>632</v>
      </c>
      <c r="AI14" s="282">
        <v>704</v>
      </c>
      <c r="AJ14" s="276">
        <v>0</v>
      </c>
      <c r="AK14" s="280">
        <v>17</v>
      </c>
      <c r="AL14" s="277">
        <v>17</v>
      </c>
      <c r="AM14" s="279">
        <v>0</v>
      </c>
      <c r="AN14" s="280">
        <v>26</v>
      </c>
      <c r="AO14" s="280">
        <v>16</v>
      </c>
      <c r="AP14" s="280">
        <v>9</v>
      </c>
      <c r="AQ14" s="280">
        <v>53</v>
      </c>
      <c r="AR14" s="280">
        <v>16</v>
      </c>
      <c r="AS14" s="277">
        <v>120</v>
      </c>
      <c r="AT14" s="282">
        <v>137</v>
      </c>
      <c r="AU14" s="276">
        <v>0</v>
      </c>
      <c r="AV14" s="280">
        <v>0</v>
      </c>
      <c r="AW14" s="277">
        <v>0</v>
      </c>
      <c r="AX14" s="279">
        <v>0</v>
      </c>
      <c r="AY14" s="280">
        <v>307</v>
      </c>
      <c r="AZ14" s="280">
        <v>175</v>
      </c>
      <c r="BA14" s="280">
        <v>193</v>
      </c>
      <c r="BB14" s="280">
        <v>132</v>
      </c>
      <c r="BC14" s="280">
        <v>16</v>
      </c>
      <c r="BD14" s="281">
        <v>823</v>
      </c>
      <c r="BE14" s="282">
        <v>823</v>
      </c>
      <c r="BF14" s="276">
        <v>0</v>
      </c>
      <c r="BG14" s="280">
        <v>0</v>
      </c>
      <c r="BH14" s="277">
        <v>0</v>
      </c>
      <c r="BI14" s="279">
        <v>0</v>
      </c>
      <c r="BJ14" s="280">
        <v>153</v>
      </c>
      <c r="BK14" s="280">
        <v>96</v>
      </c>
      <c r="BL14" s="280">
        <v>42</v>
      </c>
      <c r="BM14" s="280">
        <v>78</v>
      </c>
      <c r="BN14" s="280">
        <v>6</v>
      </c>
      <c r="BO14" s="277">
        <v>375</v>
      </c>
      <c r="BP14" s="282">
        <v>375</v>
      </c>
      <c r="BQ14" s="276">
        <v>0</v>
      </c>
      <c r="BR14" s="280">
        <v>0</v>
      </c>
      <c r="BS14" s="277">
        <v>0</v>
      </c>
      <c r="BT14" s="279">
        <v>0</v>
      </c>
      <c r="BU14" s="280">
        <v>41</v>
      </c>
      <c r="BV14" s="280">
        <v>36</v>
      </c>
      <c r="BW14" s="280">
        <v>94</v>
      </c>
      <c r="BX14" s="280">
        <v>35</v>
      </c>
      <c r="BY14" s="280">
        <v>3</v>
      </c>
      <c r="BZ14" s="277">
        <v>209</v>
      </c>
      <c r="CA14" s="282">
        <v>209</v>
      </c>
      <c r="CB14" s="276">
        <v>0</v>
      </c>
      <c r="CC14" s="280">
        <v>0</v>
      </c>
      <c r="CD14" s="277">
        <v>0</v>
      </c>
      <c r="CE14" s="279">
        <v>0</v>
      </c>
      <c r="CF14" s="280">
        <v>0</v>
      </c>
      <c r="CG14" s="280">
        <v>13</v>
      </c>
      <c r="CH14" s="280">
        <v>2</v>
      </c>
      <c r="CI14" s="280">
        <v>4</v>
      </c>
      <c r="CJ14" s="280">
        <v>0</v>
      </c>
      <c r="CK14" s="277">
        <v>19</v>
      </c>
      <c r="CL14" s="282">
        <v>19</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76">
        <v>0</v>
      </c>
      <c r="F15" s="279">
        <v>0</v>
      </c>
      <c r="G15" s="280">
        <v>471</v>
      </c>
      <c r="H15" s="280">
        <v>517</v>
      </c>
      <c r="I15" s="280">
        <v>632</v>
      </c>
      <c r="J15" s="280">
        <v>1219</v>
      </c>
      <c r="K15" s="280">
        <v>498</v>
      </c>
      <c r="L15" s="281">
        <v>3337</v>
      </c>
      <c r="M15" s="282">
        <v>3337</v>
      </c>
      <c r="N15" s="276">
        <v>0</v>
      </c>
      <c r="O15" s="280">
        <v>0</v>
      </c>
      <c r="P15" s="277">
        <v>0</v>
      </c>
      <c r="Q15" s="279">
        <v>0</v>
      </c>
      <c r="R15" s="280">
        <v>2</v>
      </c>
      <c r="S15" s="280">
        <v>8</v>
      </c>
      <c r="T15" s="280">
        <v>8</v>
      </c>
      <c r="U15" s="280">
        <v>10</v>
      </c>
      <c r="V15" s="280">
        <v>10</v>
      </c>
      <c r="W15" s="277">
        <v>38</v>
      </c>
      <c r="X15" s="282">
        <v>38</v>
      </c>
      <c r="Y15" s="276">
        <v>67</v>
      </c>
      <c r="Z15" s="280">
        <v>84</v>
      </c>
      <c r="AA15" s="277">
        <v>151</v>
      </c>
      <c r="AB15" s="279">
        <v>0</v>
      </c>
      <c r="AC15" s="280">
        <v>147</v>
      </c>
      <c r="AD15" s="280">
        <v>232</v>
      </c>
      <c r="AE15" s="280">
        <v>188</v>
      </c>
      <c r="AF15" s="280">
        <v>104</v>
      </c>
      <c r="AG15" s="280">
        <v>68</v>
      </c>
      <c r="AH15" s="277">
        <v>739</v>
      </c>
      <c r="AI15" s="282">
        <v>890</v>
      </c>
      <c r="AJ15" s="276">
        <v>0</v>
      </c>
      <c r="AK15" s="280">
        <v>24</v>
      </c>
      <c r="AL15" s="277">
        <v>24</v>
      </c>
      <c r="AM15" s="279">
        <v>0</v>
      </c>
      <c r="AN15" s="280">
        <v>3</v>
      </c>
      <c r="AO15" s="280">
        <v>44</v>
      </c>
      <c r="AP15" s="280">
        <v>30</v>
      </c>
      <c r="AQ15" s="280">
        <v>2</v>
      </c>
      <c r="AR15" s="280">
        <v>0</v>
      </c>
      <c r="AS15" s="277">
        <v>79</v>
      </c>
      <c r="AT15" s="282">
        <v>103</v>
      </c>
      <c r="AU15" s="276">
        <v>0</v>
      </c>
      <c r="AV15" s="280">
        <v>0</v>
      </c>
      <c r="AW15" s="277">
        <v>0</v>
      </c>
      <c r="AX15" s="279">
        <v>0</v>
      </c>
      <c r="AY15" s="280">
        <v>433</v>
      </c>
      <c r="AZ15" s="280">
        <v>281</v>
      </c>
      <c r="BA15" s="280">
        <v>168</v>
      </c>
      <c r="BB15" s="280">
        <v>86</v>
      </c>
      <c r="BC15" s="280">
        <v>0</v>
      </c>
      <c r="BD15" s="281">
        <v>968</v>
      </c>
      <c r="BE15" s="282">
        <v>968</v>
      </c>
      <c r="BF15" s="276">
        <v>0</v>
      </c>
      <c r="BG15" s="280">
        <v>0</v>
      </c>
      <c r="BH15" s="277">
        <v>0</v>
      </c>
      <c r="BI15" s="279">
        <v>0</v>
      </c>
      <c r="BJ15" s="280">
        <v>38</v>
      </c>
      <c r="BK15" s="280">
        <v>111</v>
      </c>
      <c r="BL15" s="280">
        <v>98</v>
      </c>
      <c r="BM15" s="280">
        <v>62</v>
      </c>
      <c r="BN15" s="280">
        <v>14</v>
      </c>
      <c r="BO15" s="277">
        <v>323</v>
      </c>
      <c r="BP15" s="282">
        <v>323</v>
      </c>
      <c r="BQ15" s="276">
        <v>3</v>
      </c>
      <c r="BR15" s="280">
        <v>18</v>
      </c>
      <c r="BS15" s="277">
        <v>21</v>
      </c>
      <c r="BT15" s="279">
        <v>0</v>
      </c>
      <c r="BU15" s="280">
        <v>109</v>
      </c>
      <c r="BV15" s="280">
        <v>41</v>
      </c>
      <c r="BW15" s="280">
        <v>30</v>
      </c>
      <c r="BX15" s="280">
        <v>109</v>
      </c>
      <c r="BY15" s="280">
        <v>31</v>
      </c>
      <c r="BZ15" s="277">
        <v>320</v>
      </c>
      <c r="CA15" s="282">
        <v>341</v>
      </c>
      <c r="CB15" s="276">
        <v>0</v>
      </c>
      <c r="CC15" s="280">
        <v>0</v>
      </c>
      <c r="CD15" s="277">
        <v>0</v>
      </c>
      <c r="CE15" s="279">
        <v>0</v>
      </c>
      <c r="CF15" s="280">
        <v>0</v>
      </c>
      <c r="CG15" s="280">
        <v>0</v>
      </c>
      <c r="CH15" s="280">
        <v>11</v>
      </c>
      <c r="CI15" s="280">
        <v>0</v>
      </c>
      <c r="CJ15" s="280">
        <v>0</v>
      </c>
      <c r="CK15" s="277">
        <v>11</v>
      </c>
      <c r="CL15" s="282">
        <v>11</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76">
        <v>0</v>
      </c>
      <c r="F16" s="279">
        <v>0</v>
      </c>
      <c r="G16" s="280">
        <v>175</v>
      </c>
      <c r="H16" s="280">
        <v>197</v>
      </c>
      <c r="I16" s="280">
        <v>356</v>
      </c>
      <c r="J16" s="280">
        <v>654</v>
      </c>
      <c r="K16" s="280">
        <v>499</v>
      </c>
      <c r="L16" s="281">
        <v>1881</v>
      </c>
      <c r="M16" s="282">
        <v>1881</v>
      </c>
      <c r="N16" s="276">
        <v>0</v>
      </c>
      <c r="O16" s="280">
        <v>0</v>
      </c>
      <c r="P16" s="277">
        <v>0</v>
      </c>
      <c r="Q16" s="279">
        <v>0</v>
      </c>
      <c r="R16" s="280">
        <v>0</v>
      </c>
      <c r="S16" s="280">
        <v>0</v>
      </c>
      <c r="T16" s="280">
        <v>0</v>
      </c>
      <c r="U16" s="280">
        <v>14</v>
      </c>
      <c r="V16" s="280">
        <v>37</v>
      </c>
      <c r="W16" s="277">
        <v>51</v>
      </c>
      <c r="X16" s="282">
        <v>51</v>
      </c>
      <c r="Y16" s="276">
        <v>9</v>
      </c>
      <c r="Z16" s="280">
        <v>16</v>
      </c>
      <c r="AA16" s="277">
        <v>25</v>
      </c>
      <c r="AB16" s="279">
        <v>0</v>
      </c>
      <c r="AC16" s="280">
        <v>56</v>
      </c>
      <c r="AD16" s="280">
        <v>68</v>
      </c>
      <c r="AE16" s="280">
        <v>131</v>
      </c>
      <c r="AF16" s="280">
        <v>78</v>
      </c>
      <c r="AG16" s="280">
        <v>87</v>
      </c>
      <c r="AH16" s="277">
        <v>420</v>
      </c>
      <c r="AI16" s="282">
        <v>445</v>
      </c>
      <c r="AJ16" s="276">
        <v>0</v>
      </c>
      <c r="AK16" s="280">
        <v>8</v>
      </c>
      <c r="AL16" s="277">
        <v>8</v>
      </c>
      <c r="AM16" s="279">
        <v>0</v>
      </c>
      <c r="AN16" s="280">
        <v>26</v>
      </c>
      <c r="AO16" s="280">
        <v>0</v>
      </c>
      <c r="AP16" s="280">
        <v>0</v>
      </c>
      <c r="AQ16" s="280">
        <v>22</v>
      </c>
      <c r="AR16" s="280">
        <v>14</v>
      </c>
      <c r="AS16" s="277">
        <v>62</v>
      </c>
      <c r="AT16" s="282">
        <v>70</v>
      </c>
      <c r="AU16" s="276">
        <v>0</v>
      </c>
      <c r="AV16" s="280">
        <v>0</v>
      </c>
      <c r="AW16" s="277">
        <v>0</v>
      </c>
      <c r="AX16" s="279">
        <v>0</v>
      </c>
      <c r="AY16" s="280">
        <v>115</v>
      </c>
      <c r="AZ16" s="280">
        <v>112</v>
      </c>
      <c r="BA16" s="280">
        <v>131</v>
      </c>
      <c r="BB16" s="280">
        <v>32</v>
      </c>
      <c r="BC16" s="280">
        <v>46</v>
      </c>
      <c r="BD16" s="281">
        <v>436</v>
      </c>
      <c r="BE16" s="282">
        <v>436</v>
      </c>
      <c r="BF16" s="276">
        <v>0</v>
      </c>
      <c r="BG16" s="280">
        <v>0</v>
      </c>
      <c r="BH16" s="277">
        <v>0</v>
      </c>
      <c r="BI16" s="279">
        <v>0</v>
      </c>
      <c r="BJ16" s="280">
        <v>3</v>
      </c>
      <c r="BK16" s="280">
        <v>11</v>
      </c>
      <c r="BL16" s="280">
        <v>11</v>
      </c>
      <c r="BM16" s="280">
        <v>30</v>
      </c>
      <c r="BN16" s="280">
        <v>14</v>
      </c>
      <c r="BO16" s="277">
        <v>69</v>
      </c>
      <c r="BP16" s="282">
        <v>69</v>
      </c>
      <c r="BQ16" s="276">
        <v>0</v>
      </c>
      <c r="BR16" s="280">
        <v>0</v>
      </c>
      <c r="BS16" s="277">
        <v>0</v>
      </c>
      <c r="BT16" s="279">
        <v>0</v>
      </c>
      <c r="BU16" s="280">
        <v>25</v>
      </c>
      <c r="BV16" s="280">
        <v>34</v>
      </c>
      <c r="BW16" s="280">
        <v>43</v>
      </c>
      <c r="BX16" s="280">
        <v>21</v>
      </c>
      <c r="BY16" s="280">
        <v>3</v>
      </c>
      <c r="BZ16" s="277">
        <v>126</v>
      </c>
      <c r="CA16" s="282">
        <v>126</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76">
        <v>0</v>
      </c>
      <c r="F17" s="279">
        <v>0</v>
      </c>
      <c r="G17" s="280">
        <v>8</v>
      </c>
      <c r="H17" s="280">
        <v>135</v>
      </c>
      <c r="I17" s="280">
        <v>124</v>
      </c>
      <c r="J17" s="280">
        <v>175</v>
      </c>
      <c r="K17" s="280">
        <v>102</v>
      </c>
      <c r="L17" s="281">
        <v>544</v>
      </c>
      <c r="M17" s="282">
        <v>544</v>
      </c>
      <c r="N17" s="276">
        <v>0</v>
      </c>
      <c r="O17" s="280">
        <v>0</v>
      </c>
      <c r="P17" s="277">
        <v>0</v>
      </c>
      <c r="Q17" s="279">
        <v>0</v>
      </c>
      <c r="R17" s="280">
        <v>0</v>
      </c>
      <c r="S17" s="280">
        <v>0</v>
      </c>
      <c r="T17" s="280">
        <v>0</v>
      </c>
      <c r="U17" s="280">
        <v>4</v>
      </c>
      <c r="V17" s="280">
        <v>0</v>
      </c>
      <c r="W17" s="277">
        <v>4</v>
      </c>
      <c r="X17" s="282">
        <v>4</v>
      </c>
      <c r="Y17" s="276">
        <v>0</v>
      </c>
      <c r="Z17" s="280">
        <v>9</v>
      </c>
      <c r="AA17" s="277">
        <v>9</v>
      </c>
      <c r="AB17" s="279">
        <v>0</v>
      </c>
      <c r="AC17" s="280">
        <v>31</v>
      </c>
      <c r="AD17" s="280">
        <v>29</v>
      </c>
      <c r="AE17" s="280">
        <v>20</v>
      </c>
      <c r="AF17" s="280">
        <v>29</v>
      </c>
      <c r="AG17" s="280">
        <v>4</v>
      </c>
      <c r="AH17" s="277">
        <v>113</v>
      </c>
      <c r="AI17" s="282">
        <v>122</v>
      </c>
      <c r="AJ17" s="276">
        <v>0</v>
      </c>
      <c r="AK17" s="280">
        <v>0</v>
      </c>
      <c r="AL17" s="277">
        <v>0</v>
      </c>
      <c r="AM17" s="279">
        <v>0</v>
      </c>
      <c r="AN17" s="280">
        <v>8</v>
      </c>
      <c r="AO17" s="280">
        <v>24</v>
      </c>
      <c r="AP17" s="280">
        <v>0</v>
      </c>
      <c r="AQ17" s="280">
        <v>0</v>
      </c>
      <c r="AR17" s="280">
        <v>12</v>
      </c>
      <c r="AS17" s="277">
        <v>44</v>
      </c>
      <c r="AT17" s="282">
        <v>44</v>
      </c>
      <c r="AU17" s="276">
        <v>0</v>
      </c>
      <c r="AV17" s="280">
        <v>0</v>
      </c>
      <c r="AW17" s="277">
        <v>0</v>
      </c>
      <c r="AX17" s="279">
        <v>0</v>
      </c>
      <c r="AY17" s="280">
        <v>38</v>
      </c>
      <c r="AZ17" s="280">
        <v>31</v>
      </c>
      <c r="BA17" s="280">
        <v>41</v>
      </c>
      <c r="BB17" s="280">
        <v>9</v>
      </c>
      <c r="BC17" s="280">
        <v>0</v>
      </c>
      <c r="BD17" s="281">
        <v>119</v>
      </c>
      <c r="BE17" s="282">
        <v>119</v>
      </c>
      <c r="BF17" s="276">
        <v>0</v>
      </c>
      <c r="BG17" s="280">
        <v>0</v>
      </c>
      <c r="BH17" s="277">
        <v>0</v>
      </c>
      <c r="BI17" s="279">
        <v>0</v>
      </c>
      <c r="BJ17" s="280">
        <v>0</v>
      </c>
      <c r="BK17" s="280">
        <v>21</v>
      </c>
      <c r="BL17" s="280">
        <v>25</v>
      </c>
      <c r="BM17" s="280">
        <v>8</v>
      </c>
      <c r="BN17" s="280">
        <v>0</v>
      </c>
      <c r="BO17" s="277">
        <v>54</v>
      </c>
      <c r="BP17" s="282">
        <v>54</v>
      </c>
      <c r="BQ17" s="276">
        <v>0</v>
      </c>
      <c r="BR17" s="280">
        <v>0</v>
      </c>
      <c r="BS17" s="277">
        <v>0</v>
      </c>
      <c r="BT17" s="279">
        <v>0</v>
      </c>
      <c r="BU17" s="280">
        <v>0</v>
      </c>
      <c r="BV17" s="280">
        <v>7</v>
      </c>
      <c r="BW17" s="280">
        <v>54</v>
      </c>
      <c r="BX17" s="280">
        <v>29</v>
      </c>
      <c r="BY17" s="280">
        <v>70</v>
      </c>
      <c r="BZ17" s="277">
        <v>160</v>
      </c>
      <c r="CA17" s="282">
        <v>160</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76">
        <v>0</v>
      </c>
      <c r="F18" s="279">
        <v>0</v>
      </c>
      <c r="G18" s="280">
        <v>122</v>
      </c>
      <c r="H18" s="280">
        <v>129</v>
      </c>
      <c r="I18" s="280">
        <v>69</v>
      </c>
      <c r="J18" s="280">
        <v>109</v>
      </c>
      <c r="K18" s="280">
        <v>76</v>
      </c>
      <c r="L18" s="281">
        <v>505</v>
      </c>
      <c r="M18" s="282">
        <v>505</v>
      </c>
      <c r="N18" s="276">
        <v>0</v>
      </c>
      <c r="O18" s="280">
        <v>0</v>
      </c>
      <c r="P18" s="277">
        <v>0</v>
      </c>
      <c r="Q18" s="279">
        <v>0</v>
      </c>
      <c r="R18" s="280">
        <v>0</v>
      </c>
      <c r="S18" s="280">
        <v>0</v>
      </c>
      <c r="T18" s="280">
        <v>0</v>
      </c>
      <c r="U18" s="280">
        <v>3</v>
      </c>
      <c r="V18" s="280">
        <v>14</v>
      </c>
      <c r="W18" s="277">
        <v>17</v>
      </c>
      <c r="X18" s="282">
        <v>17</v>
      </c>
      <c r="Y18" s="276">
        <v>7</v>
      </c>
      <c r="Z18" s="280">
        <v>39</v>
      </c>
      <c r="AA18" s="277">
        <v>46</v>
      </c>
      <c r="AB18" s="279">
        <v>0</v>
      </c>
      <c r="AC18" s="280">
        <v>96</v>
      </c>
      <c r="AD18" s="280">
        <v>88</v>
      </c>
      <c r="AE18" s="280">
        <v>67</v>
      </c>
      <c r="AF18" s="280">
        <v>148</v>
      </c>
      <c r="AG18" s="280">
        <v>4</v>
      </c>
      <c r="AH18" s="277">
        <v>403</v>
      </c>
      <c r="AI18" s="282">
        <v>449</v>
      </c>
      <c r="AJ18" s="276">
        <v>0</v>
      </c>
      <c r="AK18" s="280">
        <v>6</v>
      </c>
      <c r="AL18" s="277">
        <v>6</v>
      </c>
      <c r="AM18" s="279">
        <v>0</v>
      </c>
      <c r="AN18" s="280">
        <v>0</v>
      </c>
      <c r="AO18" s="280">
        <v>32</v>
      </c>
      <c r="AP18" s="280">
        <v>0</v>
      </c>
      <c r="AQ18" s="280">
        <v>0</v>
      </c>
      <c r="AR18" s="280">
        <v>0</v>
      </c>
      <c r="AS18" s="277">
        <v>32</v>
      </c>
      <c r="AT18" s="282">
        <v>38</v>
      </c>
      <c r="AU18" s="276">
        <v>0</v>
      </c>
      <c r="AV18" s="280">
        <v>0</v>
      </c>
      <c r="AW18" s="277">
        <v>0</v>
      </c>
      <c r="AX18" s="279">
        <v>0</v>
      </c>
      <c r="AY18" s="280">
        <v>184</v>
      </c>
      <c r="AZ18" s="280">
        <v>236</v>
      </c>
      <c r="BA18" s="280">
        <v>54</v>
      </c>
      <c r="BB18" s="280">
        <v>62</v>
      </c>
      <c r="BC18" s="280">
        <v>4</v>
      </c>
      <c r="BD18" s="281">
        <v>540</v>
      </c>
      <c r="BE18" s="282">
        <v>540</v>
      </c>
      <c r="BF18" s="276">
        <v>0</v>
      </c>
      <c r="BG18" s="280">
        <v>0</v>
      </c>
      <c r="BH18" s="277">
        <v>0</v>
      </c>
      <c r="BI18" s="279">
        <v>0</v>
      </c>
      <c r="BJ18" s="280">
        <v>157</v>
      </c>
      <c r="BK18" s="280">
        <v>238</v>
      </c>
      <c r="BL18" s="280">
        <v>30</v>
      </c>
      <c r="BM18" s="280">
        <v>35</v>
      </c>
      <c r="BN18" s="280">
        <v>0</v>
      </c>
      <c r="BO18" s="277">
        <v>460</v>
      </c>
      <c r="BP18" s="282">
        <v>460</v>
      </c>
      <c r="BQ18" s="276">
        <v>0</v>
      </c>
      <c r="BR18" s="280">
        <v>0</v>
      </c>
      <c r="BS18" s="277">
        <v>0</v>
      </c>
      <c r="BT18" s="279">
        <v>0</v>
      </c>
      <c r="BU18" s="280">
        <v>6</v>
      </c>
      <c r="BV18" s="280">
        <v>45</v>
      </c>
      <c r="BW18" s="280">
        <v>14</v>
      </c>
      <c r="BX18" s="280">
        <v>88</v>
      </c>
      <c r="BY18" s="280">
        <v>0</v>
      </c>
      <c r="BZ18" s="277">
        <v>153</v>
      </c>
      <c r="CA18" s="282">
        <v>153</v>
      </c>
      <c r="CB18" s="276">
        <v>0</v>
      </c>
      <c r="CC18" s="280">
        <v>0</v>
      </c>
      <c r="CD18" s="277">
        <v>0</v>
      </c>
      <c r="CE18" s="279">
        <v>0</v>
      </c>
      <c r="CF18" s="280">
        <v>2</v>
      </c>
      <c r="CG18" s="280">
        <v>11</v>
      </c>
      <c r="CH18" s="280">
        <v>0</v>
      </c>
      <c r="CI18" s="280">
        <v>3</v>
      </c>
      <c r="CJ18" s="280">
        <v>0</v>
      </c>
      <c r="CK18" s="277">
        <v>16</v>
      </c>
      <c r="CL18" s="282">
        <v>16</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76">
        <v>0</v>
      </c>
      <c r="F19" s="279">
        <v>0</v>
      </c>
      <c r="G19" s="280">
        <v>66</v>
      </c>
      <c r="H19" s="280">
        <v>226</v>
      </c>
      <c r="I19" s="280">
        <v>410</v>
      </c>
      <c r="J19" s="280">
        <v>56</v>
      </c>
      <c r="K19" s="280">
        <v>479</v>
      </c>
      <c r="L19" s="281">
        <v>1237</v>
      </c>
      <c r="M19" s="282">
        <v>1237</v>
      </c>
      <c r="N19" s="276">
        <v>0</v>
      </c>
      <c r="O19" s="280">
        <v>0</v>
      </c>
      <c r="P19" s="277">
        <v>0</v>
      </c>
      <c r="Q19" s="279">
        <v>0</v>
      </c>
      <c r="R19" s="280">
        <v>0</v>
      </c>
      <c r="S19" s="280">
        <v>0</v>
      </c>
      <c r="T19" s="280">
        <v>0</v>
      </c>
      <c r="U19" s="280">
        <v>0</v>
      </c>
      <c r="V19" s="280">
        <v>17</v>
      </c>
      <c r="W19" s="277">
        <v>17</v>
      </c>
      <c r="X19" s="282">
        <v>17</v>
      </c>
      <c r="Y19" s="276">
        <v>4</v>
      </c>
      <c r="Z19" s="280">
        <v>14</v>
      </c>
      <c r="AA19" s="277">
        <v>18</v>
      </c>
      <c r="AB19" s="279">
        <v>0</v>
      </c>
      <c r="AC19" s="280">
        <v>38</v>
      </c>
      <c r="AD19" s="280">
        <v>116</v>
      </c>
      <c r="AE19" s="280">
        <v>70</v>
      </c>
      <c r="AF19" s="280">
        <v>31</v>
      </c>
      <c r="AG19" s="280">
        <v>72</v>
      </c>
      <c r="AH19" s="277">
        <v>327</v>
      </c>
      <c r="AI19" s="282">
        <v>345</v>
      </c>
      <c r="AJ19" s="276">
        <v>0</v>
      </c>
      <c r="AK19" s="280">
        <v>36</v>
      </c>
      <c r="AL19" s="277">
        <v>36</v>
      </c>
      <c r="AM19" s="279">
        <v>0</v>
      </c>
      <c r="AN19" s="280">
        <v>0</v>
      </c>
      <c r="AO19" s="280">
        <v>22</v>
      </c>
      <c r="AP19" s="280">
        <v>0</v>
      </c>
      <c r="AQ19" s="280">
        <v>0</v>
      </c>
      <c r="AR19" s="280">
        <v>0</v>
      </c>
      <c r="AS19" s="277">
        <v>22</v>
      </c>
      <c r="AT19" s="282">
        <v>58</v>
      </c>
      <c r="AU19" s="276">
        <v>0</v>
      </c>
      <c r="AV19" s="280">
        <v>0</v>
      </c>
      <c r="AW19" s="277">
        <v>0</v>
      </c>
      <c r="AX19" s="279">
        <v>0</v>
      </c>
      <c r="AY19" s="280">
        <v>182</v>
      </c>
      <c r="AZ19" s="280">
        <v>259</v>
      </c>
      <c r="BA19" s="280">
        <v>110</v>
      </c>
      <c r="BB19" s="280">
        <v>57</v>
      </c>
      <c r="BC19" s="280">
        <v>37</v>
      </c>
      <c r="BD19" s="281">
        <v>645</v>
      </c>
      <c r="BE19" s="282">
        <v>645</v>
      </c>
      <c r="BF19" s="276">
        <v>0</v>
      </c>
      <c r="BG19" s="280">
        <v>0</v>
      </c>
      <c r="BH19" s="277">
        <v>0</v>
      </c>
      <c r="BI19" s="279">
        <v>0</v>
      </c>
      <c r="BJ19" s="280">
        <v>7</v>
      </c>
      <c r="BK19" s="280">
        <v>99</v>
      </c>
      <c r="BL19" s="280">
        <v>24</v>
      </c>
      <c r="BM19" s="280">
        <v>8</v>
      </c>
      <c r="BN19" s="280">
        <v>11</v>
      </c>
      <c r="BO19" s="277">
        <v>149</v>
      </c>
      <c r="BP19" s="282">
        <v>149</v>
      </c>
      <c r="BQ19" s="276">
        <v>0</v>
      </c>
      <c r="BR19" s="280">
        <v>0</v>
      </c>
      <c r="BS19" s="277">
        <v>0</v>
      </c>
      <c r="BT19" s="279">
        <v>0</v>
      </c>
      <c r="BU19" s="280">
        <v>28</v>
      </c>
      <c r="BV19" s="280">
        <v>59</v>
      </c>
      <c r="BW19" s="280">
        <v>63</v>
      </c>
      <c r="BX19" s="280">
        <v>196</v>
      </c>
      <c r="BY19" s="280">
        <v>21</v>
      </c>
      <c r="BZ19" s="277">
        <v>367</v>
      </c>
      <c r="CA19" s="282">
        <v>367</v>
      </c>
      <c r="CB19" s="276">
        <v>0</v>
      </c>
      <c r="CC19" s="280">
        <v>3</v>
      </c>
      <c r="CD19" s="277">
        <v>3</v>
      </c>
      <c r="CE19" s="279">
        <v>0</v>
      </c>
      <c r="CF19" s="280">
        <v>0</v>
      </c>
      <c r="CG19" s="280">
        <v>13</v>
      </c>
      <c r="CH19" s="280">
        <v>0</v>
      </c>
      <c r="CI19" s="280">
        <v>3</v>
      </c>
      <c r="CJ19" s="280">
        <v>0</v>
      </c>
      <c r="CK19" s="277">
        <v>16</v>
      </c>
      <c r="CL19" s="282">
        <v>19</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76">
        <v>0</v>
      </c>
      <c r="F20" s="279">
        <v>0</v>
      </c>
      <c r="G20" s="280">
        <v>251</v>
      </c>
      <c r="H20" s="280">
        <v>216</v>
      </c>
      <c r="I20" s="280">
        <v>515</v>
      </c>
      <c r="J20" s="280">
        <v>407</v>
      </c>
      <c r="K20" s="280">
        <v>116</v>
      </c>
      <c r="L20" s="281">
        <v>1505</v>
      </c>
      <c r="M20" s="282">
        <v>1505</v>
      </c>
      <c r="N20" s="276">
        <v>0</v>
      </c>
      <c r="O20" s="280">
        <v>0</v>
      </c>
      <c r="P20" s="277">
        <v>0</v>
      </c>
      <c r="Q20" s="279">
        <v>0</v>
      </c>
      <c r="R20" s="280">
        <v>0</v>
      </c>
      <c r="S20" s="280">
        <v>1</v>
      </c>
      <c r="T20" s="280">
        <v>2</v>
      </c>
      <c r="U20" s="280">
        <v>9</v>
      </c>
      <c r="V20" s="280">
        <v>12</v>
      </c>
      <c r="W20" s="277">
        <v>24</v>
      </c>
      <c r="X20" s="282">
        <v>24</v>
      </c>
      <c r="Y20" s="276">
        <v>31</v>
      </c>
      <c r="Z20" s="280">
        <v>24</v>
      </c>
      <c r="AA20" s="277">
        <v>55</v>
      </c>
      <c r="AB20" s="279">
        <v>0</v>
      </c>
      <c r="AC20" s="280">
        <v>162</v>
      </c>
      <c r="AD20" s="280">
        <v>117</v>
      </c>
      <c r="AE20" s="280">
        <v>133</v>
      </c>
      <c r="AF20" s="280">
        <v>77</v>
      </c>
      <c r="AG20" s="280">
        <v>30</v>
      </c>
      <c r="AH20" s="277">
        <v>519</v>
      </c>
      <c r="AI20" s="282">
        <v>574</v>
      </c>
      <c r="AJ20" s="276">
        <v>0</v>
      </c>
      <c r="AK20" s="280">
        <v>16</v>
      </c>
      <c r="AL20" s="277">
        <v>16</v>
      </c>
      <c r="AM20" s="279">
        <v>0</v>
      </c>
      <c r="AN20" s="280">
        <v>40</v>
      </c>
      <c r="AO20" s="280">
        <v>72</v>
      </c>
      <c r="AP20" s="280">
        <v>24</v>
      </c>
      <c r="AQ20" s="280">
        <v>36</v>
      </c>
      <c r="AR20" s="280">
        <v>0</v>
      </c>
      <c r="AS20" s="277">
        <v>172</v>
      </c>
      <c r="AT20" s="282">
        <v>188</v>
      </c>
      <c r="AU20" s="276">
        <v>0</v>
      </c>
      <c r="AV20" s="280">
        <v>0</v>
      </c>
      <c r="AW20" s="277">
        <v>0</v>
      </c>
      <c r="AX20" s="279">
        <v>0</v>
      </c>
      <c r="AY20" s="280">
        <v>317</v>
      </c>
      <c r="AZ20" s="280">
        <v>319</v>
      </c>
      <c r="BA20" s="280">
        <v>271</v>
      </c>
      <c r="BB20" s="280">
        <v>130</v>
      </c>
      <c r="BC20" s="280">
        <v>43</v>
      </c>
      <c r="BD20" s="281">
        <v>1080</v>
      </c>
      <c r="BE20" s="282">
        <v>1080</v>
      </c>
      <c r="BF20" s="276">
        <v>0</v>
      </c>
      <c r="BG20" s="280">
        <v>0</v>
      </c>
      <c r="BH20" s="277">
        <v>0</v>
      </c>
      <c r="BI20" s="279">
        <v>0</v>
      </c>
      <c r="BJ20" s="280">
        <v>90</v>
      </c>
      <c r="BK20" s="280">
        <v>93</v>
      </c>
      <c r="BL20" s="280">
        <v>75</v>
      </c>
      <c r="BM20" s="280">
        <v>11</v>
      </c>
      <c r="BN20" s="280">
        <v>15</v>
      </c>
      <c r="BO20" s="277">
        <v>284</v>
      </c>
      <c r="BP20" s="282">
        <v>284</v>
      </c>
      <c r="BQ20" s="276">
        <v>0</v>
      </c>
      <c r="BR20" s="280">
        <v>5</v>
      </c>
      <c r="BS20" s="277">
        <v>5</v>
      </c>
      <c r="BT20" s="279">
        <v>0</v>
      </c>
      <c r="BU20" s="280">
        <v>0</v>
      </c>
      <c r="BV20" s="280">
        <v>58</v>
      </c>
      <c r="BW20" s="280">
        <v>163</v>
      </c>
      <c r="BX20" s="280">
        <v>50</v>
      </c>
      <c r="BY20" s="280">
        <v>101</v>
      </c>
      <c r="BZ20" s="277">
        <v>372</v>
      </c>
      <c r="CA20" s="282">
        <v>377</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76">
        <v>0</v>
      </c>
      <c r="F21" s="279">
        <v>0</v>
      </c>
      <c r="G21" s="280">
        <v>161</v>
      </c>
      <c r="H21" s="280">
        <v>175</v>
      </c>
      <c r="I21" s="280">
        <v>91</v>
      </c>
      <c r="J21" s="280">
        <v>326</v>
      </c>
      <c r="K21" s="280">
        <v>242</v>
      </c>
      <c r="L21" s="281">
        <v>995</v>
      </c>
      <c r="M21" s="282">
        <v>995</v>
      </c>
      <c r="N21" s="276">
        <v>0</v>
      </c>
      <c r="O21" s="280">
        <v>0</v>
      </c>
      <c r="P21" s="277">
        <v>0</v>
      </c>
      <c r="Q21" s="279">
        <v>0</v>
      </c>
      <c r="R21" s="280">
        <v>0</v>
      </c>
      <c r="S21" s="280">
        <v>0</v>
      </c>
      <c r="T21" s="280">
        <v>16</v>
      </c>
      <c r="U21" s="280">
        <v>1</v>
      </c>
      <c r="V21" s="280">
        <v>11</v>
      </c>
      <c r="W21" s="277">
        <v>28</v>
      </c>
      <c r="X21" s="282">
        <v>28</v>
      </c>
      <c r="Y21" s="276">
        <v>11</v>
      </c>
      <c r="Z21" s="280">
        <v>2</v>
      </c>
      <c r="AA21" s="277">
        <v>13</v>
      </c>
      <c r="AB21" s="279">
        <v>0</v>
      </c>
      <c r="AC21" s="280">
        <v>57</v>
      </c>
      <c r="AD21" s="280">
        <v>87</v>
      </c>
      <c r="AE21" s="280">
        <v>60</v>
      </c>
      <c r="AF21" s="280">
        <v>30</v>
      </c>
      <c r="AG21" s="280">
        <v>75</v>
      </c>
      <c r="AH21" s="277">
        <v>309</v>
      </c>
      <c r="AI21" s="282">
        <v>322</v>
      </c>
      <c r="AJ21" s="276">
        <v>0</v>
      </c>
      <c r="AK21" s="280">
        <v>0</v>
      </c>
      <c r="AL21" s="277">
        <v>0</v>
      </c>
      <c r="AM21" s="279">
        <v>0</v>
      </c>
      <c r="AN21" s="280">
        <v>12</v>
      </c>
      <c r="AO21" s="280">
        <v>28</v>
      </c>
      <c r="AP21" s="280">
        <v>0</v>
      </c>
      <c r="AQ21" s="280">
        <v>8</v>
      </c>
      <c r="AR21" s="280">
        <v>0</v>
      </c>
      <c r="AS21" s="277">
        <v>48</v>
      </c>
      <c r="AT21" s="282">
        <v>48</v>
      </c>
      <c r="AU21" s="276">
        <v>0</v>
      </c>
      <c r="AV21" s="280">
        <v>0</v>
      </c>
      <c r="AW21" s="277">
        <v>0</v>
      </c>
      <c r="AX21" s="279">
        <v>0</v>
      </c>
      <c r="AY21" s="280">
        <v>161</v>
      </c>
      <c r="AZ21" s="280">
        <v>142</v>
      </c>
      <c r="BA21" s="280">
        <v>61</v>
      </c>
      <c r="BB21" s="280">
        <v>0</v>
      </c>
      <c r="BC21" s="280">
        <v>0</v>
      </c>
      <c r="BD21" s="281">
        <v>364</v>
      </c>
      <c r="BE21" s="282">
        <v>364</v>
      </c>
      <c r="BF21" s="276">
        <v>0</v>
      </c>
      <c r="BG21" s="280">
        <v>0</v>
      </c>
      <c r="BH21" s="277">
        <v>0</v>
      </c>
      <c r="BI21" s="279">
        <v>0</v>
      </c>
      <c r="BJ21" s="280">
        <v>73</v>
      </c>
      <c r="BK21" s="280">
        <v>52</v>
      </c>
      <c r="BL21" s="280">
        <v>11</v>
      </c>
      <c r="BM21" s="280">
        <v>33</v>
      </c>
      <c r="BN21" s="280">
        <v>0</v>
      </c>
      <c r="BO21" s="277">
        <v>169</v>
      </c>
      <c r="BP21" s="282">
        <v>169</v>
      </c>
      <c r="BQ21" s="276">
        <v>0</v>
      </c>
      <c r="BR21" s="280">
        <v>0</v>
      </c>
      <c r="BS21" s="277">
        <v>0</v>
      </c>
      <c r="BT21" s="279">
        <v>0</v>
      </c>
      <c r="BU21" s="280">
        <v>8</v>
      </c>
      <c r="BV21" s="280">
        <v>6</v>
      </c>
      <c r="BW21" s="280">
        <v>10</v>
      </c>
      <c r="BX21" s="280">
        <v>0</v>
      </c>
      <c r="BY21" s="280">
        <v>13</v>
      </c>
      <c r="BZ21" s="277">
        <v>37</v>
      </c>
      <c r="CA21" s="282">
        <v>37</v>
      </c>
      <c r="CB21" s="276">
        <v>0</v>
      </c>
      <c r="CC21" s="280">
        <v>0</v>
      </c>
      <c r="CD21" s="277">
        <v>0</v>
      </c>
      <c r="CE21" s="279">
        <v>0</v>
      </c>
      <c r="CF21" s="280">
        <v>0</v>
      </c>
      <c r="CG21" s="280">
        <v>0</v>
      </c>
      <c r="CH21" s="280">
        <v>1</v>
      </c>
      <c r="CI21" s="280">
        <v>0</v>
      </c>
      <c r="CJ21" s="280">
        <v>12</v>
      </c>
      <c r="CK21" s="277">
        <v>13</v>
      </c>
      <c r="CL21" s="282">
        <v>13</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76">
        <v>0</v>
      </c>
      <c r="F22" s="279">
        <v>0</v>
      </c>
      <c r="G22" s="280">
        <v>278</v>
      </c>
      <c r="H22" s="280">
        <v>364</v>
      </c>
      <c r="I22" s="280">
        <v>300</v>
      </c>
      <c r="J22" s="280">
        <v>221</v>
      </c>
      <c r="K22" s="280">
        <v>346</v>
      </c>
      <c r="L22" s="281">
        <v>1509</v>
      </c>
      <c r="M22" s="282">
        <v>1509</v>
      </c>
      <c r="N22" s="276">
        <v>0</v>
      </c>
      <c r="O22" s="280">
        <v>0</v>
      </c>
      <c r="P22" s="277">
        <v>0</v>
      </c>
      <c r="Q22" s="279">
        <v>0</v>
      </c>
      <c r="R22" s="280">
        <v>7</v>
      </c>
      <c r="S22" s="280">
        <v>0</v>
      </c>
      <c r="T22" s="280">
        <v>0</v>
      </c>
      <c r="U22" s="280">
        <v>4</v>
      </c>
      <c r="V22" s="280">
        <v>12</v>
      </c>
      <c r="W22" s="277">
        <v>23</v>
      </c>
      <c r="X22" s="282">
        <v>23</v>
      </c>
      <c r="Y22" s="276">
        <v>28</v>
      </c>
      <c r="Z22" s="280">
        <v>9</v>
      </c>
      <c r="AA22" s="277">
        <v>37</v>
      </c>
      <c r="AB22" s="279">
        <v>0</v>
      </c>
      <c r="AC22" s="280">
        <v>216</v>
      </c>
      <c r="AD22" s="280">
        <v>221</v>
      </c>
      <c r="AE22" s="280">
        <v>63</v>
      </c>
      <c r="AF22" s="280">
        <v>65</v>
      </c>
      <c r="AG22" s="280">
        <v>102</v>
      </c>
      <c r="AH22" s="277">
        <v>667</v>
      </c>
      <c r="AI22" s="282">
        <v>704</v>
      </c>
      <c r="AJ22" s="276">
        <v>10</v>
      </c>
      <c r="AK22" s="280">
        <v>16</v>
      </c>
      <c r="AL22" s="277">
        <v>26</v>
      </c>
      <c r="AM22" s="279">
        <v>0</v>
      </c>
      <c r="AN22" s="280">
        <v>72</v>
      </c>
      <c r="AO22" s="280">
        <v>108</v>
      </c>
      <c r="AP22" s="280">
        <v>51</v>
      </c>
      <c r="AQ22" s="280">
        <v>8</v>
      </c>
      <c r="AR22" s="280">
        <v>0</v>
      </c>
      <c r="AS22" s="277">
        <v>239</v>
      </c>
      <c r="AT22" s="282">
        <v>265</v>
      </c>
      <c r="AU22" s="276">
        <v>0</v>
      </c>
      <c r="AV22" s="280">
        <v>0</v>
      </c>
      <c r="AW22" s="277">
        <v>0</v>
      </c>
      <c r="AX22" s="279">
        <v>0</v>
      </c>
      <c r="AY22" s="280">
        <v>190</v>
      </c>
      <c r="AZ22" s="280">
        <v>205</v>
      </c>
      <c r="BA22" s="280">
        <v>142</v>
      </c>
      <c r="BB22" s="280">
        <v>33</v>
      </c>
      <c r="BC22" s="280">
        <v>0</v>
      </c>
      <c r="BD22" s="281">
        <v>570</v>
      </c>
      <c r="BE22" s="282">
        <v>570</v>
      </c>
      <c r="BF22" s="276">
        <v>0</v>
      </c>
      <c r="BG22" s="280">
        <v>0</v>
      </c>
      <c r="BH22" s="277">
        <v>0</v>
      </c>
      <c r="BI22" s="279">
        <v>0</v>
      </c>
      <c r="BJ22" s="280">
        <v>22</v>
      </c>
      <c r="BK22" s="280">
        <v>42</v>
      </c>
      <c r="BL22" s="280">
        <v>37</v>
      </c>
      <c r="BM22" s="280">
        <v>51</v>
      </c>
      <c r="BN22" s="280">
        <v>0</v>
      </c>
      <c r="BO22" s="277">
        <v>152</v>
      </c>
      <c r="BP22" s="282">
        <v>152</v>
      </c>
      <c r="BQ22" s="276">
        <v>2</v>
      </c>
      <c r="BR22" s="280">
        <v>0</v>
      </c>
      <c r="BS22" s="277">
        <v>2</v>
      </c>
      <c r="BT22" s="279">
        <v>0</v>
      </c>
      <c r="BU22" s="280">
        <v>20</v>
      </c>
      <c r="BV22" s="280">
        <v>49</v>
      </c>
      <c r="BW22" s="280">
        <v>27</v>
      </c>
      <c r="BX22" s="280">
        <v>250</v>
      </c>
      <c r="BY22" s="280">
        <v>29</v>
      </c>
      <c r="BZ22" s="277">
        <v>375</v>
      </c>
      <c r="CA22" s="282">
        <v>377</v>
      </c>
      <c r="CB22" s="276">
        <v>0</v>
      </c>
      <c r="CC22" s="280">
        <v>0</v>
      </c>
      <c r="CD22" s="277">
        <v>0</v>
      </c>
      <c r="CE22" s="279">
        <v>0</v>
      </c>
      <c r="CF22" s="280">
        <v>0</v>
      </c>
      <c r="CG22" s="280">
        <v>0</v>
      </c>
      <c r="CH22" s="280">
        <v>5</v>
      </c>
      <c r="CI22" s="280">
        <v>15</v>
      </c>
      <c r="CJ22" s="280">
        <v>0</v>
      </c>
      <c r="CK22" s="277">
        <v>20</v>
      </c>
      <c r="CL22" s="282">
        <v>20</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76">
        <v>0</v>
      </c>
      <c r="F23" s="279">
        <v>0</v>
      </c>
      <c r="G23" s="280">
        <v>102</v>
      </c>
      <c r="H23" s="280">
        <v>178</v>
      </c>
      <c r="I23" s="280">
        <v>54</v>
      </c>
      <c r="J23" s="280">
        <v>472</v>
      </c>
      <c r="K23" s="280">
        <v>166</v>
      </c>
      <c r="L23" s="281">
        <v>972</v>
      </c>
      <c r="M23" s="282">
        <v>972</v>
      </c>
      <c r="N23" s="276">
        <v>0</v>
      </c>
      <c r="O23" s="280">
        <v>0</v>
      </c>
      <c r="P23" s="277">
        <v>0</v>
      </c>
      <c r="Q23" s="279">
        <v>0</v>
      </c>
      <c r="R23" s="280">
        <v>0</v>
      </c>
      <c r="S23" s="280">
        <v>0</v>
      </c>
      <c r="T23" s="280">
        <v>0</v>
      </c>
      <c r="U23" s="280">
        <v>1</v>
      </c>
      <c r="V23" s="280">
        <v>16</v>
      </c>
      <c r="W23" s="277">
        <v>17</v>
      </c>
      <c r="X23" s="282">
        <v>17</v>
      </c>
      <c r="Y23" s="276">
        <v>18</v>
      </c>
      <c r="Z23" s="280">
        <v>16</v>
      </c>
      <c r="AA23" s="277">
        <v>34</v>
      </c>
      <c r="AB23" s="279">
        <v>0</v>
      </c>
      <c r="AC23" s="280">
        <v>81</v>
      </c>
      <c r="AD23" s="280">
        <v>252</v>
      </c>
      <c r="AE23" s="280">
        <v>71</v>
      </c>
      <c r="AF23" s="280">
        <v>176</v>
      </c>
      <c r="AG23" s="280">
        <v>89</v>
      </c>
      <c r="AH23" s="277">
        <v>669</v>
      </c>
      <c r="AI23" s="282">
        <v>703</v>
      </c>
      <c r="AJ23" s="276">
        <v>0</v>
      </c>
      <c r="AK23" s="280">
        <v>22</v>
      </c>
      <c r="AL23" s="277">
        <v>22</v>
      </c>
      <c r="AM23" s="279">
        <v>0</v>
      </c>
      <c r="AN23" s="280">
        <v>16</v>
      </c>
      <c r="AO23" s="280">
        <v>16</v>
      </c>
      <c r="AP23" s="280">
        <v>27</v>
      </c>
      <c r="AQ23" s="280">
        <v>24</v>
      </c>
      <c r="AR23" s="280">
        <v>16</v>
      </c>
      <c r="AS23" s="277">
        <v>99</v>
      </c>
      <c r="AT23" s="282">
        <v>121</v>
      </c>
      <c r="AU23" s="276">
        <v>0</v>
      </c>
      <c r="AV23" s="280">
        <v>0</v>
      </c>
      <c r="AW23" s="277">
        <v>0</v>
      </c>
      <c r="AX23" s="279">
        <v>0</v>
      </c>
      <c r="AY23" s="280">
        <v>130</v>
      </c>
      <c r="AZ23" s="280">
        <v>135</v>
      </c>
      <c r="BA23" s="280">
        <v>103</v>
      </c>
      <c r="BB23" s="280">
        <v>33</v>
      </c>
      <c r="BC23" s="280">
        <v>28</v>
      </c>
      <c r="BD23" s="281">
        <v>429</v>
      </c>
      <c r="BE23" s="282">
        <v>429</v>
      </c>
      <c r="BF23" s="276">
        <v>0</v>
      </c>
      <c r="BG23" s="280">
        <v>0</v>
      </c>
      <c r="BH23" s="277">
        <v>0</v>
      </c>
      <c r="BI23" s="279">
        <v>0</v>
      </c>
      <c r="BJ23" s="280">
        <v>54</v>
      </c>
      <c r="BK23" s="280">
        <v>72</v>
      </c>
      <c r="BL23" s="280">
        <v>15</v>
      </c>
      <c r="BM23" s="280">
        <v>0</v>
      </c>
      <c r="BN23" s="280">
        <v>0</v>
      </c>
      <c r="BO23" s="277">
        <v>141</v>
      </c>
      <c r="BP23" s="282">
        <v>141</v>
      </c>
      <c r="BQ23" s="276">
        <v>0</v>
      </c>
      <c r="BR23" s="280">
        <v>0</v>
      </c>
      <c r="BS23" s="277">
        <v>0</v>
      </c>
      <c r="BT23" s="279">
        <v>0</v>
      </c>
      <c r="BU23" s="280">
        <v>35</v>
      </c>
      <c r="BV23" s="280">
        <v>3</v>
      </c>
      <c r="BW23" s="280">
        <v>128</v>
      </c>
      <c r="BX23" s="280">
        <v>100</v>
      </c>
      <c r="BY23" s="280">
        <v>28</v>
      </c>
      <c r="BZ23" s="277">
        <v>294</v>
      </c>
      <c r="CA23" s="282">
        <v>294</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76">
        <v>0</v>
      </c>
      <c r="F24" s="279">
        <v>0</v>
      </c>
      <c r="G24" s="280">
        <v>60</v>
      </c>
      <c r="H24" s="280">
        <v>72</v>
      </c>
      <c r="I24" s="280">
        <v>29</v>
      </c>
      <c r="J24" s="280">
        <v>114</v>
      </c>
      <c r="K24" s="280">
        <v>216</v>
      </c>
      <c r="L24" s="281">
        <v>491</v>
      </c>
      <c r="M24" s="282">
        <v>491</v>
      </c>
      <c r="N24" s="276">
        <v>0</v>
      </c>
      <c r="O24" s="280">
        <v>0</v>
      </c>
      <c r="P24" s="277">
        <v>0</v>
      </c>
      <c r="Q24" s="279">
        <v>0</v>
      </c>
      <c r="R24" s="280">
        <v>5</v>
      </c>
      <c r="S24" s="280">
        <v>0</v>
      </c>
      <c r="T24" s="280">
        <v>0</v>
      </c>
      <c r="U24" s="280">
        <v>8</v>
      </c>
      <c r="V24" s="280">
        <v>0</v>
      </c>
      <c r="W24" s="277">
        <v>13</v>
      </c>
      <c r="X24" s="282">
        <v>13</v>
      </c>
      <c r="Y24" s="276">
        <v>0</v>
      </c>
      <c r="Z24" s="280">
        <v>2</v>
      </c>
      <c r="AA24" s="277">
        <v>2</v>
      </c>
      <c r="AB24" s="279">
        <v>0</v>
      </c>
      <c r="AC24" s="280">
        <v>12</v>
      </c>
      <c r="AD24" s="280">
        <v>20</v>
      </c>
      <c r="AE24" s="280">
        <v>20</v>
      </c>
      <c r="AF24" s="280">
        <v>14</v>
      </c>
      <c r="AG24" s="280">
        <v>18</v>
      </c>
      <c r="AH24" s="277">
        <v>84</v>
      </c>
      <c r="AI24" s="282">
        <v>86</v>
      </c>
      <c r="AJ24" s="276">
        <v>0</v>
      </c>
      <c r="AK24" s="280">
        <v>0</v>
      </c>
      <c r="AL24" s="277">
        <v>0</v>
      </c>
      <c r="AM24" s="279">
        <v>0</v>
      </c>
      <c r="AN24" s="280">
        <v>0</v>
      </c>
      <c r="AO24" s="280">
        <v>24</v>
      </c>
      <c r="AP24" s="280">
        <v>0</v>
      </c>
      <c r="AQ24" s="280">
        <v>0</v>
      </c>
      <c r="AR24" s="280">
        <v>0</v>
      </c>
      <c r="AS24" s="277">
        <v>24</v>
      </c>
      <c r="AT24" s="282">
        <v>24</v>
      </c>
      <c r="AU24" s="276">
        <v>0</v>
      </c>
      <c r="AV24" s="280">
        <v>0</v>
      </c>
      <c r="AW24" s="277">
        <v>0</v>
      </c>
      <c r="AX24" s="279">
        <v>0</v>
      </c>
      <c r="AY24" s="280">
        <v>67</v>
      </c>
      <c r="AZ24" s="280">
        <v>55</v>
      </c>
      <c r="BA24" s="280">
        <v>39</v>
      </c>
      <c r="BB24" s="280">
        <v>23</v>
      </c>
      <c r="BC24" s="280">
        <v>12</v>
      </c>
      <c r="BD24" s="281">
        <v>196</v>
      </c>
      <c r="BE24" s="282">
        <v>196</v>
      </c>
      <c r="BF24" s="276">
        <v>0</v>
      </c>
      <c r="BG24" s="280">
        <v>0</v>
      </c>
      <c r="BH24" s="277">
        <v>0</v>
      </c>
      <c r="BI24" s="279">
        <v>0</v>
      </c>
      <c r="BJ24" s="280">
        <v>17</v>
      </c>
      <c r="BK24" s="280">
        <v>21</v>
      </c>
      <c r="BL24" s="280">
        <v>10</v>
      </c>
      <c r="BM24" s="280">
        <v>7</v>
      </c>
      <c r="BN24" s="280">
        <v>8</v>
      </c>
      <c r="BO24" s="277">
        <v>63</v>
      </c>
      <c r="BP24" s="282">
        <v>63</v>
      </c>
      <c r="BQ24" s="276">
        <v>0</v>
      </c>
      <c r="BR24" s="280">
        <v>6</v>
      </c>
      <c r="BS24" s="277">
        <v>6</v>
      </c>
      <c r="BT24" s="279">
        <v>0</v>
      </c>
      <c r="BU24" s="280">
        <v>3</v>
      </c>
      <c r="BV24" s="280">
        <v>3</v>
      </c>
      <c r="BW24" s="280">
        <v>29</v>
      </c>
      <c r="BX24" s="280">
        <v>18</v>
      </c>
      <c r="BY24" s="280">
        <v>0</v>
      </c>
      <c r="BZ24" s="277">
        <v>53</v>
      </c>
      <c r="CA24" s="282">
        <v>59</v>
      </c>
      <c r="CB24" s="276">
        <v>0</v>
      </c>
      <c r="CC24" s="280">
        <v>0</v>
      </c>
      <c r="CD24" s="277">
        <v>0</v>
      </c>
      <c r="CE24" s="279">
        <v>0</v>
      </c>
      <c r="CF24" s="280">
        <v>0</v>
      </c>
      <c r="CG24" s="280">
        <v>2</v>
      </c>
      <c r="CH24" s="280">
        <v>0</v>
      </c>
      <c r="CI24" s="280">
        <v>0</v>
      </c>
      <c r="CJ24" s="280">
        <v>0</v>
      </c>
      <c r="CK24" s="277">
        <v>2</v>
      </c>
      <c r="CL24" s="282">
        <v>2</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76">
        <v>0</v>
      </c>
      <c r="F25" s="279">
        <v>0</v>
      </c>
      <c r="G25" s="280">
        <v>29</v>
      </c>
      <c r="H25" s="280">
        <v>194</v>
      </c>
      <c r="I25" s="280">
        <v>164</v>
      </c>
      <c r="J25" s="280">
        <v>36</v>
      </c>
      <c r="K25" s="280">
        <v>159</v>
      </c>
      <c r="L25" s="281">
        <v>582</v>
      </c>
      <c r="M25" s="282">
        <v>582</v>
      </c>
      <c r="N25" s="276">
        <v>0</v>
      </c>
      <c r="O25" s="280">
        <v>0</v>
      </c>
      <c r="P25" s="277">
        <v>0</v>
      </c>
      <c r="Q25" s="279">
        <v>0</v>
      </c>
      <c r="R25" s="280">
        <v>0</v>
      </c>
      <c r="S25" s="280">
        <v>0</v>
      </c>
      <c r="T25" s="280">
        <v>0</v>
      </c>
      <c r="U25" s="280">
        <v>4</v>
      </c>
      <c r="V25" s="280">
        <v>0</v>
      </c>
      <c r="W25" s="277">
        <v>4</v>
      </c>
      <c r="X25" s="282">
        <v>4</v>
      </c>
      <c r="Y25" s="276">
        <v>21</v>
      </c>
      <c r="Z25" s="280">
        <v>33</v>
      </c>
      <c r="AA25" s="277">
        <v>54</v>
      </c>
      <c r="AB25" s="279">
        <v>0</v>
      </c>
      <c r="AC25" s="280">
        <v>66</v>
      </c>
      <c r="AD25" s="280">
        <v>159</v>
      </c>
      <c r="AE25" s="280">
        <v>49</v>
      </c>
      <c r="AF25" s="280">
        <v>21</v>
      </c>
      <c r="AG25" s="280">
        <v>65</v>
      </c>
      <c r="AH25" s="277">
        <v>360</v>
      </c>
      <c r="AI25" s="282">
        <v>414</v>
      </c>
      <c r="AJ25" s="276">
        <v>0</v>
      </c>
      <c r="AK25" s="280">
        <v>0</v>
      </c>
      <c r="AL25" s="277">
        <v>0</v>
      </c>
      <c r="AM25" s="279">
        <v>0</v>
      </c>
      <c r="AN25" s="280">
        <v>0</v>
      </c>
      <c r="AO25" s="280">
        <v>12</v>
      </c>
      <c r="AP25" s="280">
        <v>0</v>
      </c>
      <c r="AQ25" s="280">
        <v>4</v>
      </c>
      <c r="AR25" s="280">
        <v>0</v>
      </c>
      <c r="AS25" s="277">
        <v>16</v>
      </c>
      <c r="AT25" s="282">
        <v>16</v>
      </c>
      <c r="AU25" s="276">
        <v>0</v>
      </c>
      <c r="AV25" s="280">
        <v>0</v>
      </c>
      <c r="AW25" s="277">
        <v>0</v>
      </c>
      <c r="AX25" s="279">
        <v>0</v>
      </c>
      <c r="AY25" s="280">
        <v>136</v>
      </c>
      <c r="AZ25" s="280">
        <v>142</v>
      </c>
      <c r="BA25" s="280">
        <v>58</v>
      </c>
      <c r="BB25" s="280">
        <v>48</v>
      </c>
      <c r="BC25" s="280">
        <v>3</v>
      </c>
      <c r="BD25" s="281">
        <v>387</v>
      </c>
      <c r="BE25" s="282">
        <v>387</v>
      </c>
      <c r="BF25" s="276">
        <v>0</v>
      </c>
      <c r="BG25" s="280">
        <v>0</v>
      </c>
      <c r="BH25" s="277">
        <v>0</v>
      </c>
      <c r="BI25" s="279">
        <v>0</v>
      </c>
      <c r="BJ25" s="280">
        <v>23</v>
      </c>
      <c r="BK25" s="280">
        <v>21</v>
      </c>
      <c r="BL25" s="280">
        <v>28</v>
      </c>
      <c r="BM25" s="280">
        <v>13</v>
      </c>
      <c r="BN25" s="280">
        <v>4</v>
      </c>
      <c r="BO25" s="277">
        <v>89</v>
      </c>
      <c r="BP25" s="282">
        <v>89</v>
      </c>
      <c r="BQ25" s="276">
        <v>0</v>
      </c>
      <c r="BR25" s="280">
        <v>7</v>
      </c>
      <c r="BS25" s="277">
        <v>7</v>
      </c>
      <c r="BT25" s="279">
        <v>0</v>
      </c>
      <c r="BU25" s="280">
        <v>0</v>
      </c>
      <c r="BV25" s="280">
        <v>29</v>
      </c>
      <c r="BW25" s="280">
        <v>35</v>
      </c>
      <c r="BX25" s="280">
        <v>58</v>
      </c>
      <c r="BY25" s="280">
        <v>8</v>
      </c>
      <c r="BZ25" s="277">
        <v>130</v>
      </c>
      <c r="CA25" s="282">
        <v>137</v>
      </c>
      <c r="CB25" s="276">
        <v>3</v>
      </c>
      <c r="CC25" s="280">
        <v>0</v>
      </c>
      <c r="CD25" s="277">
        <v>3</v>
      </c>
      <c r="CE25" s="279">
        <v>0</v>
      </c>
      <c r="CF25" s="280">
        <v>3</v>
      </c>
      <c r="CG25" s="280">
        <v>0</v>
      </c>
      <c r="CH25" s="280">
        <v>0</v>
      </c>
      <c r="CI25" s="280">
        <v>0</v>
      </c>
      <c r="CJ25" s="280">
        <v>8</v>
      </c>
      <c r="CK25" s="277">
        <v>11</v>
      </c>
      <c r="CL25" s="282">
        <v>14</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76">
        <v>0</v>
      </c>
      <c r="F26" s="279">
        <v>0</v>
      </c>
      <c r="G26" s="280">
        <v>166</v>
      </c>
      <c r="H26" s="280">
        <v>72</v>
      </c>
      <c r="I26" s="280">
        <v>101</v>
      </c>
      <c r="J26" s="280">
        <v>89</v>
      </c>
      <c r="K26" s="280">
        <v>198</v>
      </c>
      <c r="L26" s="281">
        <v>626</v>
      </c>
      <c r="M26" s="282">
        <v>626</v>
      </c>
      <c r="N26" s="276">
        <v>0</v>
      </c>
      <c r="O26" s="280">
        <v>0</v>
      </c>
      <c r="P26" s="277">
        <v>0</v>
      </c>
      <c r="Q26" s="279">
        <v>0</v>
      </c>
      <c r="R26" s="280">
        <v>0</v>
      </c>
      <c r="S26" s="280">
        <v>0</v>
      </c>
      <c r="T26" s="280">
        <v>8</v>
      </c>
      <c r="U26" s="280">
        <v>4</v>
      </c>
      <c r="V26" s="280">
        <v>8</v>
      </c>
      <c r="W26" s="277">
        <v>20</v>
      </c>
      <c r="X26" s="282">
        <v>20</v>
      </c>
      <c r="Y26" s="276">
        <v>11</v>
      </c>
      <c r="Z26" s="280">
        <v>16</v>
      </c>
      <c r="AA26" s="277">
        <v>27</v>
      </c>
      <c r="AB26" s="279">
        <v>0</v>
      </c>
      <c r="AC26" s="280">
        <v>39</v>
      </c>
      <c r="AD26" s="280">
        <v>38</v>
      </c>
      <c r="AE26" s="280">
        <v>56</v>
      </c>
      <c r="AF26" s="280">
        <v>36</v>
      </c>
      <c r="AG26" s="280">
        <v>23</v>
      </c>
      <c r="AH26" s="277">
        <v>192</v>
      </c>
      <c r="AI26" s="282">
        <v>219</v>
      </c>
      <c r="AJ26" s="276">
        <v>0</v>
      </c>
      <c r="AK26" s="280">
        <v>0</v>
      </c>
      <c r="AL26" s="277">
        <v>0</v>
      </c>
      <c r="AM26" s="279">
        <v>0</v>
      </c>
      <c r="AN26" s="280">
        <v>12</v>
      </c>
      <c r="AO26" s="280">
        <v>28</v>
      </c>
      <c r="AP26" s="280">
        <v>14</v>
      </c>
      <c r="AQ26" s="280">
        <v>0</v>
      </c>
      <c r="AR26" s="280">
        <v>0</v>
      </c>
      <c r="AS26" s="277">
        <v>54</v>
      </c>
      <c r="AT26" s="282">
        <v>54</v>
      </c>
      <c r="AU26" s="276">
        <v>0</v>
      </c>
      <c r="AV26" s="280">
        <v>0</v>
      </c>
      <c r="AW26" s="277">
        <v>0</v>
      </c>
      <c r="AX26" s="279">
        <v>0</v>
      </c>
      <c r="AY26" s="280">
        <v>100</v>
      </c>
      <c r="AZ26" s="280">
        <v>67</v>
      </c>
      <c r="BA26" s="280">
        <v>62</v>
      </c>
      <c r="BB26" s="280">
        <v>0</v>
      </c>
      <c r="BC26" s="280">
        <v>0</v>
      </c>
      <c r="BD26" s="281">
        <v>229</v>
      </c>
      <c r="BE26" s="282">
        <v>229</v>
      </c>
      <c r="BF26" s="276">
        <v>0</v>
      </c>
      <c r="BG26" s="280">
        <v>0</v>
      </c>
      <c r="BH26" s="277">
        <v>0</v>
      </c>
      <c r="BI26" s="279">
        <v>0</v>
      </c>
      <c r="BJ26" s="280">
        <v>0</v>
      </c>
      <c r="BK26" s="280">
        <v>15</v>
      </c>
      <c r="BL26" s="280">
        <v>30</v>
      </c>
      <c r="BM26" s="280">
        <v>0</v>
      </c>
      <c r="BN26" s="280">
        <v>0</v>
      </c>
      <c r="BO26" s="277">
        <v>45</v>
      </c>
      <c r="BP26" s="282">
        <v>45</v>
      </c>
      <c r="BQ26" s="276">
        <v>0</v>
      </c>
      <c r="BR26" s="280">
        <v>0</v>
      </c>
      <c r="BS26" s="277">
        <v>0</v>
      </c>
      <c r="BT26" s="279">
        <v>0</v>
      </c>
      <c r="BU26" s="280">
        <v>0</v>
      </c>
      <c r="BV26" s="280">
        <v>19</v>
      </c>
      <c r="BW26" s="280">
        <v>11</v>
      </c>
      <c r="BX26" s="280">
        <v>3</v>
      </c>
      <c r="BY26" s="280">
        <v>0</v>
      </c>
      <c r="BZ26" s="277">
        <v>33</v>
      </c>
      <c r="CA26" s="282">
        <v>33</v>
      </c>
      <c r="CB26" s="276">
        <v>0</v>
      </c>
      <c r="CC26" s="280">
        <v>0</v>
      </c>
      <c r="CD26" s="277">
        <v>0</v>
      </c>
      <c r="CE26" s="279">
        <v>0</v>
      </c>
      <c r="CF26" s="280">
        <v>0</v>
      </c>
      <c r="CG26" s="280">
        <v>4</v>
      </c>
      <c r="CH26" s="280">
        <v>0</v>
      </c>
      <c r="CI26" s="280">
        <v>0</v>
      </c>
      <c r="CJ26" s="280">
        <v>0</v>
      </c>
      <c r="CK26" s="277">
        <v>4</v>
      </c>
      <c r="CL26" s="282">
        <v>4</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76">
        <v>0</v>
      </c>
      <c r="F27" s="279">
        <v>0</v>
      </c>
      <c r="G27" s="280">
        <v>72</v>
      </c>
      <c r="H27" s="280">
        <v>40</v>
      </c>
      <c r="I27" s="280">
        <v>122</v>
      </c>
      <c r="J27" s="280">
        <v>26</v>
      </c>
      <c r="K27" s="280">
        <v>199</v>
      </c>
      <c r="L27" s="281">
        <v>459</v>
      </c>
      <c r="M27" s="282">
        <v>459</v>
      </c>
      <c r="N27" s="276">
        <v>0</v>
      </c>
      <c r="O27" s="280">
        <v>0</v>
      </c>
      <c r="P27" s="277">
        <v>0</v>
      </c>
      <c r="Q27" s="279">
        <v>0</v>
      </c>
      <c r="R27" s="280">
        <v>0</v>
      </c>
      <c r="S27" s="280">
        <v>2</v>
      </c>
      <c r="T27" s="280">
        <v>7</v>
      </c>
      <c r="U27" s="280">
        <v>2</v>
      </c>
      <c r="V27" s="280">
        <v>0</v>
      </c>
      <c r="W27" s="277">
        <v>11</v>
      </c>
      <c r="X27" s="282">
        <v>11</v>
      </c>
      <c r="Y27" s="276">
        <v>0</v>
      </c>
      <c r="Z27" s="280">
        <v>10</v>
      </c>
      <c r="AA27" s="277">
        <v>10</v>
      </c>
      <c r="AB27" s="279">
        <v>0</v>
      </c>
      <c r="AC27" s="280">
        <v>25</v>
      </c>
      <c r="AD27" s="280">
        <v>24</v>
      </c>
      <c r="AE27" s="280">
        <v>25</v>
      </c>
      <c r="AF27" s="280">
        <v>8</v>
      </c>
      <c r="AG27" s="280">
        <v>39</v>
      </c>
      <c r="AH27" s="277">
        <v>121</v>
      </c>
      <c r="AI27" s="282">
        <v>131</v>
      </c>
      <c r="AJ27" s="276">
        <v>0</v>
      </c>
      <c r="AK27" s="280">
        <v>24</v>
      </c>
      <c r="AL27" s="277">
        <v>24</v>
      </c>
      <c r="AM27" s="279">
        <v>0</v>
      </c>
      <c r="AN27" s="280">
        <v>0</v>
      </c>
      <c r="AO27" s="280">
        <v>0</v>
      </c>
      <c r="AP27" s="280">
        <v>14</v>
      </c>
      <c r="AQ27" s="280">
        <v>0</v>
      </c>
      <c r="AR27" s="280">
        <v>0</v>
      </c>
      <c r="AS27" s="277">
        <v>14</v>
      </c>
      <c r="AT27" s="282">
        <v>38</v>
      </c>
      <c r="AU27" s="276">
        <v>0</v>
      </c>
      <c r="AV27" s="280">
        <v>0</v>
      </c>
      <c r="AW27" s="277">
        <v>0</v>
      </c>
      <c r="AX27" s="279">
        <v>0</v>
      </c>
      <c r="AY27" s="280">
        <v>63</v>
      </c>
      <c r="AZ27" s="280">
        <v>17</v>
      </c>
      <c r="BA27" s="280">
        <v>10</v>
      </c>
      <c r="BB27" s="280">
        <v>38</v>
      </c>
      <c r="BC27" s="280">
        <v>0</v>
      </c>
      <c r="BD27" s="281">
        <v>128</v>
      </c>
      <c r="BE27" s="282">
        <v>128</v>
      </c>
      <c r="BF27" s="276">
        <v>0</v>
      </c>
      <c r="BG27" s="280">
        <v>0</v>
      </c>
      <c r="BH27" s="277">
        <v>0</v>
      </c>
      <c r="BI27" s="279">
        <v>0</v>
      </c>
      <c r="BJ27" s="280">
        <v>12</v>
      </c>
      <c r="BK27" s="280">
        <v>49</v>
      </c>
      <c r="BL27" s="280">
        <v>30</v>
      </c>
      <c r="BM27" s="280">
        <v>0</v>
      </c>
      <c r="BN27" s="280">
        <v>8</v>
      </c>
      <c r="BO27" s="277">
        <v>99</v>
      </c>
      <c r="BP27" s="282">
        <v>99</v>
      </c>
      <c r="BQ27" s="276">
        <v>0</v>
      </c>
      <c r="BR27" s="280">
        <v>0</v>
      </c>
      <c r="BS27" s="277">
        <v>0</v>
      </c>
      <c r="BT27" s="279">
        <v>0</v>
      </c>
      <c r="BU27" s="280">
        <v>4</v>
      </c>
      <c r="BV27" s="280">
        <v>0</v>
      </c>
      <c r="BW27" s="280">
        <v>0</v>
      </c>
      <c r="BX27" s="280">
        <v>16</v>
      </c>
      <c r="BY27" s="280">
        <v>0</v>
      </c>
      <c r="BZ27" s="277">
        <v>20</v>
      </c>
      <c r="CA27" s="282">
        <v>20</v>
      </c>
      <c r="CB27" s="276">
        <v>0</v>
      </c>
      <c r="CC27" s="280">
        <v>0</v>
      </c>
      <c r="CD27" s="277">
        <v>0</v>
      </c>
      <c r="CE27" s="279">
        <v>0</v>
      </c>
      <c r="CF27" s="280">
        <v>0</v>
      </c>
      <c r="CG27" s="280">
        <v>8</v>
      </c>
      <c r="CH27" s="280">
        <v>0</v>
      </c>
      <c r="CI27" s="280">
        <v>0</v>
      </c>
      <c r="CJ27" s="280">
        <v>0</v>
      </c>
      <c r="CK27" s="277">
        <v>8</v>
      </c>
      <c r="CL27" s="282">
        <v>8</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76">
        <v>0</v>
      </c>
      <c r="F28" s="279">
        <v>0</v>
      </c>
      <c r="G28" s="280">
        <v>124</v>
      </c>
      <c r="H28" s="280">
        <v>61</v>
      </c>
      <c r="I28" s="280">
        <v>182</v>
      </c>
      <c r="J28" s="280">
        <v>12</v>
      </c>
      <c r="K28" s="280">
        <v>97</v>
      </c>
      <c r="L28" s="281">
        <v>476</v>
      </c>
      <c r="M28" s="282">
        <v>476</v>
      </c>
      <c r="N28" s="276">
        <v>0</v>
      </c>
      <c r="O28" s="280">
        <v>0</v>
      </c>
      <c r="P28" s="277">
        <v>0</v>
      </c>
      <c r="Q28" s="279">
        <v>0</v>
      </c>
      <c r="R28" s="280">
        <v>0</v>
      </c>
      <c r="S28" s="280">
        <v>0</v>
      </c>
      <c r="T28" s="280">
        <v>0</v>
      </c>
      <c r="U28" s="280">
        <v>9</v>
      </c>
      <c r="V28" s="280">
        <v>2</v>
      </c>
      <c r="W28" s="277">
        <v>11</v>
      </c>
      <c r="X28" s="282">
        <v>11</v>
      </c>
      <c r="Y28" s="276">
        <v>0</v>
      </c>
      <c r="Z28" s="280">
        <v>0</v>
      </c>
      <c r="AA28" s="277">
        <v>0</v>
      </c>
      <c r="AB28" s="279">
        <v>0</v>
      </c>
      <c r="AC28" s="280">
        <v>14</v>
      </c>
      <c r="AD28" s="280">
        <v>4</v>
      </c>
      <c r="AE28" s="280">
        <v>25</v>
      </c>
      <c r="AF28" s="280">
        <v>7</v>
      </c>
      <c r="AG28" s="280">
        <v>4</v>
      </c>
      <c r="AH28" s="277">
        <v>54</v>
      </c>
      <c r="AI28" s="282">
        <v>54</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68</v>
      </c>
      <c r="AZ28" s="280">
        <v>54</v>
      </c>
      <c r="BA28" s="280">
        <v>23</v>
      </c>
      <c r="BB28" s="280">
        <v>4</v>
      </c>
      <c r="BC28" s="280">
        <v>20</v>
      </c>
      <c r="BD28" s="281">
        <v>169</v>
      </c>
      <c r="BE28" s="282">
        <v>169</v>
      </c>
      <c r="BF28" s="276">
        <v>0</v>
      </c>
      <c r="BG28" s="280">
        <v>0</v>
      </c>
      <c r="BH28" s="277">
        <v>0</v>
      </c>
      <c r="BI28" s="279">
        <v>0</v>
      </c>
      <c r="BJ28" s="280">
        <v>16</v>
      </c>
      <c r="BK28" s="280">
        <v>21</v>
      </c>
      <c r="BL28" s="280">
        <v>8</v>
      </c>
      <c r="BM28" s="280">
        <v>0</v>
      </c>
      <c r="BN28" s="280">
        <v>0</v>
      </c>
      <c r="BO28" s="277">
        <v>45</v>
      </c>
      <c r="BP28" s="282">
        <v>45</v>
      </c>
      <c r="BQ28" s="276">
        <v>0</v>
      </c>
      <c r="BR28" s="280">
        <v>0</v>
      </c>
      <c r="BS28" s="277">
        <v>0</v>
      </c>
      <c r="BT28" s="279">
        <v>0</v>
      </c>
      <c r="BU28" s="280">
        <v>15</v>
      </c>
      <c r="BV28" s="280">
        <v>23</v>
      </c>
      <c r="BW28" s="280">
        <v>11</v>
      </c>
      <c r="BX28" s="280">
        <v>52</v>
      </c>
      <c r="BY28" s="280">
        <v>0</v>
      </c>
      <c r="BZ28" s="277">
        <v>101</v>
      </c>
      <c r="CA28" s="282">
        <v>101</v>
      </c>
      <c r="CB28" s="276">
        <v>0</v>
      </c>
      <c r="CC28" s="280">
        <v>0</v>
      </c>
      <c r="CD28" s="277">
        <v>0</v>
      </c>
      <c r="CE28" s="279">
        <v>0</v>
      </c>
      <c r="CF28" s="280">
        <v>0</v>
      </c>
      <c r="CG28" s="280">
        <v>0</v>
      </c>
      <c r="CH28" s="280">
        <v>9</v>
      </c>
      <c r="CI28" s="280">
        <v>0</v>
      </c>
      <c r="CJ28" s="280">
        <v>0</v>
      </c>
      <c r="CK28" s="277">
        <v>9</v>
      </c>
      <c r="CL28" s="282">
        <v>9</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76">
        <v>0</v>
      </c>
      <c r="F29" s="279">
        <v>0</v>
      </c>
      <c r="G29" s="280">
        <v>13</v>
      </c>
      <c r="H29" s="280">
        <v>58</v>
      </c>
      <c r="I29" s="280">
        <v>56</v>
      </c>
      <c r="J29" s="280">
        <v>214</v>
      </c>
      <c r="K29" s="280">
        <v>80</v>
      </c>
      <c r="L29" s="281">
        <v>421</v>
      </c>
      <c r="M29" s="282">
        <v>421</v>
      </c>
      <c r="N29" s="276">
        <v>0</v>
      </c>
      <c r="O29" s="280">
        <v>0</v>
      </c>
      <c r="P29" s="277">
        <v>0</v>
      </c>
      <c r="Q29" s="279">
        <v>0</v>
      </c>
      <c r="R29" s="280">
        <v>0</v>
      </c>
      <c r="S29" s="280">
        <v>0</v>
      </c>
      <c r="T29" s="280">
        <v>0</v>
      </c>
      <c r="U29" s="280">
        <v>4</v>
      </c>
      <c r="V29" s="280">
        <v>4</v>
      </c>
      <c r="W29" s="277">
        <v>8</v>
      </c>
      <c r="X29" s="282">
        <v>8</v>
      </c>
      <c r="Y29" s="276">
        <v>9</v>
      </c>
      <c r="Z29" s="280">
        <v>31</v>
      </c>
      <c r="AA29" s="277">
        <v>40</v>
      </c>
      <c r="AB29" s="279">
        <v>0</v>
      </c>
      <c r="AC29" s="280">
        <v>26</v>
      </c>
      <c r="AD29" s="280">
        <v>40</v>
      </c>
      <c r="AE29" s="280">
        <v>36</v>
      </c>
      <c r="AF29" s="280">
        <v>46</v>
      </c>
      <c r="AG29" s="280">
        <v>32</v>
      </c>
      <c r="AH29" s="277">
        <v>180</v>
      </c>
      <c r="AI29" s="282">
        <v>220</v>
      </c>
      <c r="AJ29" s="276">
        <v>0</v>
      </c>
      <c r="AK29" s="280">
        <v>0</v>
      </c>
      <c r="AL29" s="277">
        <v>0</v>
      </c>
      <c r="AM29" s="279">
        <v>0</v>
      </c>
      <c r="AN29" s="280">
        <v>0</v>
      </c>
      <c r="AO29" s="280">
        <v>12</v>
      </c>
      <c r="AP29" s="280">
        <v>0</v>
      </c>
      <c r="AQ29" s="280">
        <v>0</v>
      </c>
      <c r="AR29" s="280">
        <v>0</v>
      </c>
      <c r="AS29" s="277">
        <v>12</v>
      </c>
      <c r="AT29" s="282">
        <v>12</v>
      </c>
      <c r="AU29" s="276">
        <v>0</v>
      </c>
      <c r="AV29" s="280">
        <v>0</v>
      </c>
      <c r="AW29" s="277">
        <v>0</v>
      </c>
      <c r="AX29" s="279">
        <v>0</v>
      </c>
      <c r="AY29" s="280">
        <v>94</v>
      </c>
      <c r="AZ29" s="280">
        <v>67</v>
      </c>
      <c r="BA29" s="280">
        <v>68</v>
      </c>
      <c r="BB29" s="280">
        <v>39</v>
      </c>
      <c r="BC29" s="280">
        <v>0</v>
      </c>
      <c r="BD29" s="281">
        <v>268</v>
      </c>
      <c r="BE29" s="282">
        <v>268</v>
      </c>
      <c r="BF29" s="276">
        <v>0</v>
      </c>
      <c r="BG29" s="280">
        <v>0</v>
      </c>
      <c r="BH29" s="277">
        <v>0</v>
      </c>
      <c r="BI29" s="279">
        <v>0</v>
      </c>
      <c r="BJ29" s="280">
        <v>3</v>
      </c>
      <c r="BK29" s="280">
        <v>31</v>
      </c>
      <c r="BL29" s="280">
        <v>7</v>
      </c>
      <c r="BM29" s="280">
        <v>0</v>
      </c>
      <c r="BN29" s="280">
        <v>0</v>
      </c>
      <c r="BO29" s="277">
        <v>41</v>
      </c>
      <c r="BP29" s="282">
        <v>41</v>
      </c>
      <c r="BQ29" s="276">
        <v>6</v>
      </c>
      <c r="BR29" s="280">
        <v>6</v>
      </c>
      <c r="BS29" s="277">
        <v>12</v>
      </c>
      <c r="BT29" s="279">
        <v>0</v>
      </c>
      <c r="BU29" s="280">
        <v>4</v>
      </c>
      <c r="BV29" s="280">
        <v>0</v>
      </c>
      <c r="BW29" s="280">
        <v>14</v>
      </c>
      <c r="BX29" s="280">
        <v>0</v>
      </c>
      <c r="BY29" s="280">
        <v>3</v>
      </c>
      <c r="BZ29" s="277">
        <v>21</v>
      </c>
      <c r="CA29" s="282">
        <v>33</v>
      </c>
      <c r="CB29" s="276">
        <v>0</v>
      </c>
      <c r="CC29" s="280">
        <v>0</v>
      </c>
      <c r="CD29" s="277">
        <v>0</v>
      </c>
      <c r="CE29" s="279">
        <v>0</v>
      </c>
      <c r="CF29" s="280">
        <v>2</v>
      </c>
      <c r="CG29" s="280">
        <v>0</v>
      </c>
      <c r="CH29" s="280">
        <v>2</v>
      </c>
      <c r="CI29" s="280">
        <v>0</v>
      </c>
      <c r="CJ29" s="280">
        <v>0</v>
      </c>
      <c r="CK29" s="277">
        <v>4</v>
      </c>
      <c r="CL29" s="282">
        <v>4</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76">
        <v>0</v>
      </c>
      <c r="F30" s="279">
        <v>0</v>
      </c>
      <c r="G30" s="280">
        <v>24</v>
      </c>
      <c r="H30" s="280">
        <v>0</v>
      </c>
      <c r="I30" s="280">
        <v>0</v>
      </c>
      <c r="J30" s="280">
        <v>28</v>
      </c>
      <c r="K30" s="280">
        <v>0</v>
      </c>
      <c r="L30" s="281">
        <v>52</v>
      </c>
      <c r="M30" s="282">
        <v>52</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5</v>
      </c>
      <c r="AE30" s="280">
        <v>0</v>
      </c>
      <c r="AF30" s="280">
        <v>8</v>
      </c>
      <c r="AG30" s="280">
        <v>0</v>
      </c>
      <c r="AH30" s="277">
        <v>13</v>
      </c>
      <c r="AI30" s="282">
        <v>1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30</v>
      </c>
      <c r="AZ30" s="280">
        <v>5</v>
      </c>
      <c r="BA30" s="280">
        <v>0</v>
      </c>
      <c r="BB30" s="280">
        <v>0</v>
      </c>
      <c r="BC30" s="280">
        <v>0</v>
      </c>
      <c r="BD30" s="281">
        <v>35</v>
      </c>
      <c r="BE30" s="282">
        <v>35</v>
      </c>
      <c r="BF30" s="276">
        <v>0</v>
      </c>
      <c r="BG30" s="280">
        <v>0</v>
      </c>
      <c r="BH30" s="277">
        <v>0</v>
      </c>
      <c r="BI30" s="279">
        <v>0</v>
      </c>
      <c r="BJ30" s="280">
        <v>0</v>
      </c>
      <c r="BK30" s="280">
        <v>0</v>
      </c>
      <c r="BL30" s="280">
        <v>0</v>
      </c>
      <c r="BM30" s="280">
        <v>0</v>
      </c>
      <c r="BN30" s="280">
        <v>0</v>
      </c>
      <c r="BO30" s="277">
        <v>0</v>
      </c>
      <c r="BP30" s="282">
        <v>0</v>
      </c>
      <c r="BQ30" s="276">
        <v>0</v>
      </c>
      <c r="BR30" s="280">
        <v>0</v>
      </c>
      <c r="BS30" s="277">
        <v>0</v>
      </c>
      <c r="BT30" s="279">
        <v>0</v>
      </c>
      <c r="BU30" s="280">
        <v>0</v>
      </c>
      <c r="BV30" s="280">
        <v>0</v>
      </c>
      <c r="BW30" s="280">
        <v>0</v>
      </c>
      <c r="BX30" s="280">
        <v>0</v>
      </c>
      <c r="BY30" s="280">
        <v>15</v>
      </c>
      <c r="BZ30" s="277">
        <v>15</v>
      </c>
      <c r="CA30" s="282">
        <v>15</v>
      </c>
      <c r="CB30" s="276">
        <v>0</v>
      </c>
      <c r="CC30" s="280">
        <v>0</v>
      </c>
      <c r="CD30" s="277">
        <v>0</v>
      </c>
      <c r="CE30" s="279">
        <v>0</v>
      </c>
      <c r="CF30" s="280">
        <v>0</v>
      </c>
      <c r="CG30" s="280">
        <v>0</v>
      </c>
      <c r="CH30" s="280">
        <v>20</v>
      </c>
      <c r="CI30" s="280">
        <v>0</v>
      </c>
      <c r="CJ30" s="280">
        <v>0</v>
      </c>
      <c r="CK30" s="277">
        <v>20</v>
      </c>
      <c r="CL30" s="282">
        <v>2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76">
        <v>0</v>
      </c>
      <c r="F31" s="279">
        <v>0</v>
      </c>
      <c r="G31" s="280">
        <v>0</v>
      </c>
      <c r="H31" s="280">
        <v>28</v>
      </c>
      <c r="I31" s="280">
        <v>0</v>
      </c>
      <c r="J31" s="280">
        <v>6</v>
      </c>
      <c r="K31" s="280">
        <v>0</v>
      </c>
      <c r="L31" s="281">
        <v>34</v>
      </c>
      <c r="M31" s="282">
        <v>34</v>
      </c>
      <c r="N31" s="276">
        <v>0</v>
      </c>
      <c r="O31" s="280">
        <v>0</v>
      </c>
      <c r="P31" s="277">
        <v>0</v>
      </c>
      <c r="Q31" s="279">
        <v>0</v>
      </c>
      <c r="R31" s="280">
        <v>0</v>
      </c>
      <c r="S31" s="280">
        <v>0</v>
      </c>
      <c r="T31" s="280">
        <v>0</v>
      </c>
      <c r="U31" s="280">
        <v>0</v>
      </c>
      <c r="V31" s="280">
        <v>3</v>
      </c>
      <c r="W31" s="277">
        <v>3</v>
      </c>
      <c r="X31" s="282">
        <v>3</v>
      </c>
      <c r="Y31" s="276">
        <v>0</v>
      </c>
      <c r="Z31" s="280">
        <v>2</v>
      </c>
      <c r="AA31" s="277">
        <v>2</v>
      </c>
      <c r="AB31" s="279">
        <v>0</v>
      </c>
      <c r="AC31" s="280">
        <v>0</v>
      </c>
      <c r="AD31" s="280">
        <v>4</v>
      </c>
      <c r="AE31" s="280">
        <v>0</v>
      </c>
      <c r="AF31" s="280">
        <v>0</v>
      </c>
      <c r="AG31" s="280">
        <v>0</v>
      </c>
      <c r="AH31" s="277">
        <v>4</v>
      </c>
      <c r="AI31" s="282">
        <v>6</v>
      </c>
      <c r="AJ31" s="276">
        <v>0</v>
      </c>
      <c r="AK31" s="280">
        <v>0</v>
      </c>
      <c r="AL31" s="277">
        <v>0</v>
      </c>
      <c r="AM31" s="279">
        <v>0</v>
      </c>
      <c r="AN31" s="280">
        <v>-42</v>
      </c>
      <c r="AO31" s="280">
        <v>12</v>
      </c>
      <c r="AP31" s="280">
        <v>0</v>
      </c>
      <c r="AQ31" s="280">
        <v>0</v>
      </c>
      <c r="AR31" s="280">
        <v>0</v>
      </c>
      <c r="AS31" s="277">
        <v>-30</v>
      </c>
      <c r="AT31" s="282">
        <v>-30</v>
      </c>
      <c r="AU31" s="276">
        <v>0</v>
      </c>
      <c r="AV31" s="280">
        <v>0</v>
      </c>
      <c r="AW31" s="277">
        <v>0</v>
      </c>
      <c r="AX31" s="279">
        <v>0</v>
      </c>
      <c r="AY31" s="280">
        <v>37</v>
      </c>
      <c r="AZ31" s="280">
        <v>54</v>
      </c>
      <c r="BA31" s="280">
        <v>3</v>
      </c>
      <c r="BB31" s="280">
        <v>0</v>
      </c>
      <c r="BC31" s="280">
        <v>0</v>
      </c>
      <c r="BD31" s="281">
        <v>94</v>
      </c>
      <c r="BE31" s="282">
        <v>94</v>
      </c>
      <c r="BF31" s="276">
        <v>0</v>
      </c>
      <c r="BG31" s="280">
        <v>0</v>
      </c>
      <c r="BH31" s="277">
        <v>0</v>
      </c>
      <c r="BI31" s="279">
        <v>0</v>
      </c>
      <c r="BJ31" s="280">
        <v>0</v>
      </c>
      <c r="BK31" s="280">
        <v>0</v>
      </c>
      <c r="BL31" s="280">
        <v>0</v>
      </c>
      <c r="BM31" s="280">
        <v>0</v>
      </c>
      <c r="BN31" s="280">
        <v>0</v>
      </c>
      <c r="BO31" s="277">
        <v>0</v>
      </c>
      <c r="BP31" s="282">
        <v>0</v>
      </c>
      <c r="BQ31" s="276">
        <v>0</v>
      </c>
      <c r="BR31" s="280">
        <v>0</v>
      </c>
      <c r="BS31" s="277">
        <v>0</v>
      </c>
      <c r="BT31" s="279">
        <v>0</v>
      </c>
      <c r="BU31" s="280">
        <v>2</v>
      </c>
      <c r="BV31" s="280">
        <v>0</v>
      </c>
      <c r="BW31" s="280">
        <v>8</v>
      </c>
      <c r="BX31" s="280">
        <v>0</v>
      </c>
      <c r="BY31" s="280">
        <v>8</v>
      </c>
      <c r="BZ31" s="277">
        <v>18</v>
      </c>
      <c r="CA31" s="282">
        <v>18</v>
      </c>
      <c r="CB31" s="276">
        <v>0</v>
      </c>
      <c r="CC31" s="280">
        <v>0</v>
      </c>
      <c r="CD31" s="277">
        <v>0</v>
      </c>
      <c r="CE31" s="279">
        <v>0</v>
      </c>
      <c r="CF31" s="280">
        <v>0</v>
      </c>
      <c r="CG31" s="280">
        <v>0</v>
      </c>
      <c r="CH31" s="280">
        <v>0</v>
      </c>
      <c r="CI31" s="280">
        <v>0</v>
      </c>
      <c r="CJ31" s="280">
        <v>4</v>
      </c>
      <c r="CK31" s="277">
        <v>4</v>
      </c>
      <c r="CL31" s="282">
        <v>4</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76">
        <v>0</v>
      </c>
      <c r="F32" s="279">
        <v>0</v>
      </c>
      <c r="G32" s="280">
        <v>13</v>
      </c>
      <c r="H32" s="280">
        <v>6</v>
      </c>
      <c r="I32" s="280">
        <v>14</v>
      </c>
      <c r="J32" s="280">
        <v>12</v>
      </c>
      <c r="K32" s="280">
        <v>162</v>
      </c>
      <c r="L32" s="281">
        <v>207</v>
      </c>
      <c r="M32" s="282">
        <v>207</v>
      </c>
      <c r="N32" s="276">
        <v>0</v>
      </c>
      <c r="O32" s="280">
        <v>0</v>
      </c>
      <c r="P32" s="277">
        <v>0</v>
      </c>
      <c r="Q32" s="279">
        <v>0</v>
      </c>
      <c r="R32" s="280">
        <v>0</v>
      </c>
      <c r="S32" s="280">
        <v>0</v>
      </c>
      <c r="T32" s="280">
        <v>0</v>
      </c>
      <c r="U32" s="280">
        <v>0</v>
      </c>
      <c r="V32" s="280">
        <v>0</v>
      </c>
      <c r="W32" s="277">
        <v>0</v>
      </c>
      <c r="X32" s="282">
        <v>0</v>
      </c>
      <c r="Y32" s="276">
        <v>0</v>
      </c>
      <c r="Z32" s="280">
        <v>8</v>
      </c>
      <c r="AA32" s="277">
        <v>8</v>
      </c>
      <c r="AB32" s="279">
        <v>0</v>
      </c>
      <c r="AC32" s="280">
        <v>5</v>
      </c>
      <c r="AD32" s="280">
        <v>0</v>
      </c>
      <c r="AE32" s="280">
        <v>4</v>
      </c>
      <c r="AF32" s="280">
        <v>5</v>
      </c>
      <c r="AG32" s="280">
        <v>6</v>
      </c>
      <c r="AH32" s="277">
        <v>20</v>
      </c>
      <c r="AI32" s="282">
        <v>28</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6</v>
      </c>
      <c r="AZ32" s="280">
        <v>2</v>
      </c>
      <c r="BA32" s="280">
        <v>0</v>
      </c>
      <c r="BB32" s="280">
        <v>12</v>
      </c>
      <c r="BC32" s="280">
        <v>0</v>
      </c>
      <c r="BD32" s="281">
        <v>20</v>
      </c>
      <c r="BE32" s="282">
        <v>20</v>
      </c>
      <c r="BF32" s="276">
        <v>0</v>
      </c>
      <c r="BG32" s="280">
        <v>0</v>
      </c>
      <c r="BH32" s="277">
        <v>0</v>
      </c>
      <c r="BI32" s="279">
        <v>0</v>
      </c>
      <c r="BJ32" s="280">
        <v>0</v>
      </c>
      <c r="BK32" s="280">
        <v>0</v>
      </c>
      <c r="BL32" s="280">
        <v>12</v>
      </c>
      <c r="BM32" s="280">
        <v>0</v>
      </c>
      <c r="BN32" s="280">
        <v>0</v>
      </c>
      <c r="BO32" s="277">
        <v>12</v>
      </c>
      <c r="BP32" s="282">
        <v>12</v>
      </c>
      <c r="BQ32" s="276">
        <v>0</v>
      </c>
      <c r="BR32" s="280">
        <v>0</v>
      </c>
      <c r="BS32" s="277">
        <v>0</v>
      </c>
      <c r="BT32" s="279">
        <v>0</v>
      </c>
      <c r="BU32" s="280">
        <v>0</v>
      </c>
      <c r="BV32" s="280">
        <v>0</v>
      </c>
      <c r="BW32" s="280">
        <v>4</v>
      </c>
      <c r="BX32" s="280">
        <v>8</v>
      </c>
      <c r="BY32" s="280">
        <v>0</v>
      </c>
      <c r="BZ32" s="277">
        <v>12</v>
      </c>
      <c r="CA32" s="282">
        <v>12</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76">
        <v>0</v>
      </c>
      <c r="F33" s="279">
        <v>0</v>
      </c>
      <c r="G33" s="280">
        <v>4</v>
      </c>
      <c r="H33" s="280">
        <v>0</v>
      </c>
      <c r="I33" s="280">
        <v>19</v>
      </c>
      <c r="J33" s="280">
        <v>0</v>
      </c>
      <c r="K33" s="280">
        <v>0</v>
      </c>
      <c r="L33" s="281">
        <v>23</v>
      </c>
      <c r="M33" s="282">
        <v>23</v>
      </c>
      <c r="N33" s="276">
        <v>0</v>
      </c>
      <c r="O33" s="280">
        <v>0</v>
      </c>
      <c r="P33" s="277">
        <v>0</v>
      </c>
      <c r="Q33" s="279">
        <v>0</v>
      </c>
      <c r="R33" s="280">
        <v>0</v>
      </c>
      <c r="S33" s="280">
        <v>4</v>
      </c>
      <c r="T33" s="280">
        <v>8</v>
      </c>
      <c r="U33" s="280">
        <v>0</v>
      </c>
      <c r="V33" s="280">
        <v>0</v>
      </c>
      <c r="W33" s="277">
        <v>12</v>
      </c>
      <c r="X33" s="282">
        <v>12</v>
      </c>
      <c r="Y33" s="276">
        <v>2</v>
      </c>
      <c r="Z33" s="280">
        <v>0</v>
      </c>
      <c r="AA33" s="277">
        <v>2</v>
      </c>
      <c r="AB33" s="279">
        <v>0</v>
      </c>
      <c r="AC33" s="280">
        <v>0</v>
      </c>
      <c r="AD33" s="280">
        <v>12</v>
      </c>
      <c r="AE33" s="280">
        <v>7</v>
      </c>
      <c r="AF33" s="280">
        <v>7</v>
      </c>
      <c r="AG33" s="280">
        <v>0</v>
      </c>
      <c r="AH33" s="277">
        <v>26</v>
      </c>
      <c r="AI33" s="282">
        <v>28</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14</v>
      </c>
      <c r="AZ33" s="280">
        <v>26</v>
      </c>
      <c r="BA33" s="280">
        <v>7</v>
      </c>
      <c r="BB33" s="280">
        <v>4</v>
      </c>
      <c r="BC33" s="280">
        <v>0</v>
      </c>
      <c r="BD33" s="281">
        <v>51</v>
      </c>
      <c r="BE33" s="282">
        <v>51</v>
      </c>
      <c r="BF33" s="276">
        <v>0</v>
      </c>
      <c r="BG33" s="280">
        <v>0</v>
      </c>
      <c r="BH33" s="277">
        <v>0</v>
      </c>
      <c r="BI33" s="279">
        <v>0</v>
      </c>
      <c r="BJ33" s="280">
        <v>7</v>
      </c>
      <c r="BK33" s="280">
        <v>0</v>
      </c>
      <c r="BL33" s="280">
        <v>8</v>
      </c>
      <c r="BM33" s="280">
        <v>0</v>
      </c>
      <c r="BN33" s="280">
        <v>0</v>
      </c>
      <c r="BO33" s="277">
        <v>15</v>
      </c>
      <c r="BP33" s="282">
        <v>15</v>
      </c>
      <c r="BQ33" s="276">
        <v>0</v>
      </c>
      <c r="BR33" s="280">
        <v>0</v>
      </c>
      <c r="BS33" s="277">
        <v>0</v>
      </c>
      <c r="BT33" s="279">
        <v>0</v>
      </c>
      <c r="BU33" s="280">
        <v>2</v>
      </c>
      <c r="BV33" s="280">
        <v>12</v>
      </c>
      <c r="BW33" s="280">
        <v>2</v>
      </c>
      <c r="BX33" s="280">
        <v>3</v>
      </c>
      <c r="BY33" s="280">
        <v>0</v>
      </c>
      <c r="BZ33" s="277">
        <v>19</v>
      </c>
      <c r="CA33" s="282">
        <v>19</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76">
        <v>0</v>
      </c>
      <c r="F34" s="279">
        <v>0</v>
      </c>
      <c r="G34" s="280">
        <v>9</v>
      </c>
      <c r="H34" s="280">
        <v>36</v>
      </c>
      <c r="I34" s="280">
        <v>17</v>
      </c>
      <c r="J34" s="280">
        <v>0</v>
      </c>
      <c r="K34" s="280">
        <v>86</v>
      </c>
      <c r="L34" s="281">
        <v>148</v>
      </c>
      <c r="M34" s="282">
        <v>148</v>
      </c>
      <c r="N34" s="276">
        <v>0</v>
      </c>
      <c r="O34" s="280">
        <v>0</v>
      </c>
      <c r="P34" s="277">
        <v>0</v>
      </c>
      <c r="Q34" s="279">
        <v>0</v>
      </c>
      <c r="R34" s="280">
        <v>0</v>
      </c>
      <c r="S34" s="280">
        <v>0</v>
      </c>
      <c r="T34" s="280">
        <v>0</v>
      </c>
      <c r="U34" s="280">
        <v>0</v>
      </c>
      <c r="V34" s="280">
        <v>4</v>
      </c>
      <c r="W34" s="277">
        <v>4</v>
      </c>
      <c r="X34" s="282">
        <v>4</v>
      </c>
      <c r="Y34" s="276">
        <v>0</v>
      </c>
      <c r="Z34" s="280">
        <v>0</v>
      </c>
      <c r="AA34" s="277">
        <v>0</v>
      </c>
      <c r="AB34" s="279">
        <v>0</v>
      </c>
      <c r="AC34" s="280">
        <v>8</v>
      </c>
      <c r="AD34" s="280">
        <v>28</v>
      </c>
      <c r="AE34" s="280">
        <v>12</v>
      </c>
      <c r="AF34" s="280">
        <v>0</v>
      </c>
      <c r="AG34" s="280">
        <v>0</v>
      </c>
      <c r="AH34" s="277">
        <v>48</v>
      </c>
      <c r="AI34" s="282">
        <v>48</v>
      </c>
      <c r="AJ34" s="276">
        <v>0</v>
      </c>
      <c r="AK34" s="280">
        <v>0</v>
      </c>
      <c r="AL34" s="277">
        <v>0</v>
      </c>
      <c r="AM34" s="279">
        <v>0</v>
      </c>
      <c r="AN34" s="280">
        <v>0</v>
      </c>
      <c r="AO34" s="280">
        <v>9</v>
      </c>
      <c r="AP34" s="280">
        <v>0</v>
      </c>
      <c r="AQ34" s="280">
        <v>0</v>
      </c>
      <c r="AR34" s="280">
        <v>0</v>
      </c>
      <c r="AS34" s="277">
        <v>9</v>
      </c>
      <c r="AT34" s="282">
        <v>9</v>
      </c>
      <c r="AU34" s="276">
        <v>0</v>
      </c>
      <c r="AV34" s="280">
        <v>0</v>
      </c>
      <c r="AW34" s="277">
        <v>0</v>
      </c>
      <c r="AX34" s="279">
        <v>0</v>
      </c>
      <c r="AY34" s="280">
        <v>26</v>
      </c>
      <c r="AZ34" s="280">
        <v>34</v>
      </c>
      <c r="BA34" s="280">
        <v>9</v>
      </c>
      <c r="BB34" s="280">
        <v>0</v>
      </c>
      <c r="BC34" s="280">
        <v>11</v>
      </c>
      <c r="BD34" s="281">
        <v>80</v>
      </c>
      <c r="BE34" s="282">
        <v>80</v>
      </c>
      <c r="BF34" s="276">
        <v>0</v>
      </c>
      <c r="BG34" s="280">
        <v>0</v>
      </c>
      <c r="BH34" s="277">
        <v>0</v>
      </c>
      <c r="BI34" s="279">
        <v>0</v>
      </c>
      <c r="BJ34" s="280">
        <v>13</v>
      </c>
      <c r="BK34" s="280">
        <v>9</v>
      </c>
      <c r="BL34" s="280">
        <v>0</v>
      </c>
      <c r="BM34" s="280">
        <v>0</v>
      </c>
      <c r="BN34" s="280">
        <v>5</v>
      </c>
      <c r="BO34" s="277">
        <v>27</v>
      </c>
      <c r="BP34" s="282">
        <v>27</v>
      </c>
      <c r="BQ34" s="276">
        <v>0</v>
      </c>
      <c r="BR34" s="280">
        <v>0</v>
      </c>
      <c r="BS34" s="277">
        <v>0</v>
      </c>
      <c r="BT34" s="279">
        <v>0</v>
      </c>
      <c r="BU34" s="280">
        <v>0</v>
      </c>
      <c r="BV34" s="280">
        <v>0</v>
      </c>
      <c r="BW34" s="280">
        <v>0</v>
      </c>
      <c r="BX34" s="280">
        <v>0</v>
      </c>
      <c r="BY34" s="280">
        <v>9</v>
      </c>
      <c r="BZ34" s="277">
        <v>9</v>
      </c>
      <c r="CA34" s="282">
        <v>9</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76">
        <v>0</v>
      </c>
      <c r="F35" s="279">
        <v>0</v>
      </c>
      <c r="G35" s="280">
        <v>3</v>
      </c>
      <c r="H35" s="280">
        <v>0</v>
      </c>
      <c r="I35" s="280">
        <v>0</v>
      </c>
      <c r="J35" s="280">
        <v>0</v>
      </c>
      <c r="K35" s="280">
        <v>11</v>
      </c>
      <c r="L35" s="281">
        <v>14</v>
      </c>
      <c r="M35" s="282">
        <v>14</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4</v>
      </c>
      <c r="AD35" s="280">
        <v>4</v>
      </c>
      <c r="AE35" s="280">
        <v>0</v>
      </c>
      <c r="AF35" s="280">
        <v>0</v>
      </c>
      <c r="AG35" s="280">
        <v>4</v>
      </c>
      <c r="AH35" s="277">
        <v>12</v>
      </c>
      <c r="AI35" s="282">
        <v>12</v>
      </c>
      <c r="AJ35" s="276">
        <v>24</v>
      </c>
      <c r="AK35" s="280">
        <v>12</v>
      </c>
      <c r="AL35" s="277">
        <v>36</v>
      </c>
      <c r="AM35" s="279">
        <v>0</v>
      </c>
      <c r="AN35" s="280">
        <v>12</v>
      </c>
      <c r="AO35" s="280">
        <v>0</v>
      </c>
      <c r="AP35" s="280">
        <v>9</v>
      </c>
      <c r="AQ35" s="280">
        <v>0</v>
      </c>
      <c r="AR35" s="280">
        <v>20</v>
      </c>
      <c r="AS35" s="277">
        <v>41</v>
      </c>
      <c r="AT35" s="282">
        <v>77</v>
      </c>
      <c r="AU35" s="276">
        <v>0</v>
      </c>
      <c r="AV35" s="280">
        <v>0</v>
      </c>
      <c r="AW35" s="277">
        <v>0</v>
      </c>
      <c r="AX35" s="279">
        <v>0</v>
      </c>
      <c r="AY35" s="280">
        <v>4</v>
      </c>
      <c r="AZ35" s="280">
        <v>0</v>
      </c>
      <c r="BA35" s="280">
        <v>0</v>
      </c>
      <c r="BB35" s="280">
        <v>0</v>
      </c>
      <c r="BC35" s="280">
        <v>0</v>
      </c>
      <c r="BD35" s="281">
        <v>4</v>
      </c>
      <c r="BE35" s="282">
        <v>4</v>
      </c>
      <c r="BF35" s="276">
        <v>0</v>
      </c>
      <c r="BG35" s="280">
        <v>0</v>
      </c>
      <c r="BH35" s="277">
        <v>0</v>
      </c>
      <c r="BI35" s="279">
        <v>0</v>
      </c>
      <c r="BJ35" s="280">
        <v>8</v>
      </c>
      <c r="BK35" s="280">
        <v>7</v>
      </c>
      <c r="BL35" s="280">
        <v>0</v>
      </c>
      <c r="BM35" s="280">
        <v>0</v>
      </c>
      <c r="BN35" s="280">
        <v>0</v>
      </c>
      <c r="BO35" s="277">
        <v>15</v>
      </c>
      <c r="BP35" s="282">
        <v>15</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76">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2</v>
      </c>
      <c r="AD36" s="280">
        <v>0</v>
      </c>
      <c r="AE36" s="280">
        <v>0</v>
      </c>
      <c r="AF36" s="280">
        <v>0</v>
      </c>
      <c r="AG36" s="280">
        <v>0</v>
      </c>
      <c r="AH36" s="277">
        <v>2</v>
      </c>
      <c r="AI36" s="282">
        <v>2</v>
      </c>
      <c r="AJ36" s="276">
        <v>0</v>
      </c>
      <c r="AK36" s="280">
        <v>0</v>
      </c>
      <c r="AL36" s="277">
        <v>0</v>
      </c>
      <c r="AM36" s="279">
        <v>0</v>
      </c>
      <c r="AN36" s="280">
        <v>0</v>
      </c>
      <c r="AO36" s="280">
        <v>28</v>
      </c>
      <c r="AP36" s="280">
        <v>0</v>
      </c>
      <c r="AQ36" s="280">
        <v>0</v>
      </c>
      <c r="AR36" s="280">
        <v>0</v>
      </c>
      <c r="AS36" s="277">
        <v>28</v>
      </c>
      <c r="AT36" s="282">
        <v>28</v>
      </c>
      <c r="AU36" s="276">
        <v>0</v>
      </c>
      <c r="AV36" s="280">
        <v>0</v>
      </c>
      <c r="AW36" s="277">
        <v>0</v>
      </c>
      <c r="AX36" s="279">
        <v>0</v>
      </c>
      <c r="AY36" s="280">
        <v>0</v>
      </c>
      <c r="AZ36" s="280">
        <v>3</v>
      </c>
      <c r="BA36" s="280">
        <v>0</v>
      </c>
      <c r="BB36" s="280">
        <v>4</v>
      </c>
      <c r="BC36" s="280">
        <v>0</v>
      </c>
      <c r="BD36" s="281">
        <v>7</v>
      </c>
      <c r="BE36" s="282">
        <v>7</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76">
        <v>0</v>
      </c>
      <c r="F37" s="279">
        <v>0</v>
      </c>
      <c r="G37" s="280">
        <v>89</v>
      </c>
      <c r="H37" s="280">
        <v>9</v>
      </c>
      <c r="I37" s="280">
        <v>0</v>
      </c>
      <c r="J37" s="280">
        <v>0</v>
      </c>
      <c r="K37" s="280">
        <v>85</v>
      </c>
      <c r="L37" s="281">
        <v>183</v>
      </c>
      <c r="M37" s="282">
        <v>183</v>
      </c>
      <c r="N37" s="276">
        <v>0</v>
      </c>
      <c r="O37" s="280">
        <v>0</v>
      </c>
      <c r="P37" s="277">
        <v>0</v>
      </c>
      <c r="Q37" s="279">
        <v>0</v>
      </c>
      <c r="R37" s="280">
        <v>0</v>
      </c>
      <c r="S37" s="280">
        <v>0</v>
      </c>
      <c r="T37" s="280">
        <v>0</v>
      </c>
      <c r="U37" s="280">
        <v>0</v>
      </c>
      <c r="V37" s="280">
        <v>12</v>
      </c>
      <c r="W37" s="277">
        <v>12</v>
      </c>
      <c r="X37" s="282">
        <v>12</v>
      </c>
      <c r="Y37" s="276">
        <v>0</v>
      </c>
      <c r="Z37" s="280">
        <v>0</v>
      </c>
      <c r="AA37" s="277">
        <v>0</v>
      </c>
      <c r="AB37" s="279">
        <v>0</v>
      </c>
      <c r="AC37" s="280">
        <v>6</v>
      </c>
      <c r="AD37" s="280">
        <v>9</v>
      </c>
      <c r="AE37" s="280">
        <v>0</v>
      </c>
      <c r="AF37" s="280">
        <v>17</v>
      </c>
      <c r="AG37" s="280">
        <v>34</v>
      </c>
      <c r="AH37" s="277">
        <v>66</v>
      </c>
      <c r="AI37" s="282">
        <v>66</v>
      </c>
      <c r="AJ37" s="276">
        <v>6</v>
      </c>
      <c r="AK37" s="280">
        <v>0</v>
      </c>
      <c r="AL37" s="277">
        <v>6</v>
      </c>
      <c r="AM37" s="279">
        <v>0</v>
      </c>
      <c r="AN37" s="280">
        <v>21</v>
      </c>
      <c r="AO37" s="280">
        <v>0</v>
      </c>
      <c r="AP37" s="280">
        <v>0</v>
      </c>
      <c r="AQ37" s="280">
        <v>18</v>
      </c>
      <c r="AR37" s="280">
        <v>0</v>
      </c>
      <c r="AS37" s="277">
        <v>39</v>
      </c>
      <c r="AT37" s="282">
        <v>45</v>
      </c>
      <c r="AU37" s="276">
        <v>0</v>
      </c>
      <c r="AV37" s="280">
        <v>0</v>
      </c>
      <c r="AW37" s="277">
        <v>0</v>
      </c>
      <c r="AX37" s="279">
        <v>0</v>
      </c>
      <c r="AY37" s="280">
        <v>49</v>
      </c>
      <c r="AZ37" s="280">
        <v>38</v>
      </c>
      <c r="BA37" s="280">
        <v>32</v>
      </c>
      <c r="BB37" s="280">
        <v>0</v>
      </c>
      <c r="BC37" s="280">
        <v>0</v>
      </c>
      <c r="BD37" s="281">
        <v>119</v>
      </c>
      <c r="BE37" s="282">
        <v>119</v>
      </c>
      <c r="BF37" s="276">
        <v>0</v>
      </c>
      <c r="BG37" s="280">
        <v>0</v>
      </c>
      <c r="BH37" s="277">
        <v>0</v>
      </c>
      <c r="BI37" s="279">
        <v>0</v>
      </c>
      <c r="BJ37" s="280">
        <v>15</v>
      </c>
      <c r="BK37" s="280">
        <v>0</v>
      </c>
      <c r="BL37" s="280">
        <v>0</v>
      </c>
      <c r="BM37" s="280">
        <v>0</v>
      </c>
      <c r="BN37" s="280">
        <v>0</v>
      </c>
      <c r="BO37" s="277">
        <v>15</v>
      </c>
      <c r="BP37" s="282">
        <v>15</v>
      </c>
      <c r="BQ37" s="276">
        <v>0</v>
      </c>
      <c r="BR37" s="280">
        <v>0</v>
      </c>
      <c r="BS37" s="277">
        <v>0</v>
      </c>
      <c r="BT37" s="279">
        <v>0</v>
      </c>
      <c r="BU37" s="280">
        <v>0</v>
      </c>
      <c r="BV37" s="280">
        <v>38</v>
      </c>
      <c r="BW37" s="280">
        <v>0</v>
      </c>
      <c r="BX37" s="280">
        <v>0</v>
      </c>
      <c r="BY37" s="280">
        <v>0</v>
      </c>
      <c r="BZ37" s="277">
        <v>38</v>
      </c>
      <c r="CA37" s="282">
        <v>38</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76">
        <v>0</v>
      </c>
      <c r="F38" s="279">
        <v>0</v>
      </c>
      <c r="G38" s="280">
        <v>8</v>
      </c>
      <c r="H38" s="280">
        <v>64</v>
      </c>
      <c r="I38" s="280">
        <v>10</v>
      </c>
      <c r="J38" s="280">
        <v>98</v>
      </c>
      <c r="K38" s="280">
        <v>210</v>
      </c>
      <c r="L38" s="281">
        <v>390</v>
      </c>
      <c r="M38" s="282">
        <v>390</v>
      </c>
      <c r="N38" s="276">
        <v>0</v>
      </c>
      <c r="O38" s="280">
        <v>0</v>
      </c>
      <c r="P38" s="277">
        <v>0</v>
      </c>
      <c r="Q38" s="279">
        <v>0</v>
      </c>
      <c r="R38" s="280">
        <v>4</v>
      </c>
      <c r="S38" s="280">
        <v>0</v>
      </c>
      <c r="T38" s="280">
        <v>0</v>
      </c>
      <c r="U38" s="280">
        <v>0</v>
      </c>
      <c r="V38" s="280">
        <v>0</v>
      </c>
      <c r="W38" s="277">
        <v>4</v>
      </c>
      <c r="X38" s="282">
        <v>4</v>
      </c>
      <c r="Y38" s="276">
        <v>0</v>
      </c>
      <c r="Z38" s="280">
        <v>0</v>
      </c>
      <c r="AA38" s="277">
        <v>0</v>
      </c>
      <c r="AB38" s="279">
        <v>0</v>
      </c>
      <c r="AC38" s="280">
        <v>20</v>
      </c>
      <c r="AD38" s="280">
        <v>0</v>
      </c>
      <c r="AE38" s="280">
        <v>0</v>
      </c>
      <c r="AF38" s="280">
        <v>0</v>
      </c>
      <c r="AG38" s="280">
        <v>21</v>
      </c>
      <c r="AH38" s="277">
        <v>41</v>
      </c>
      <c r="AI38" s="282">
        <v>41</v>
      </c>
      <c r="AJ38" s="276">
        <v>0</v>
      </c>
      <c r="AK38" s="280">
        <v>8</v>
      </c>
      <c r="AL38" s="277">
        <v>8</v>
      </c>
      <c r="AM38" s="279">
        <v>0</v>
      </c>
      <c r="AN38" s="280">
        <v>0</v>
      </c>
      <c r="AO38" s="280">
        <v>8</v>
      </c>
      <c r="AP38" s="280">
        <v>0</v>
      </c>
      <c r="AQ38" s="280">
        <v>0</v>
      </c>
      <c r="AR38" s="280">
        <v>0</v>
      </c>
      <c r="AS38" s="277">
        <v>8</v>
      </c>
      <c r="AT38" s="282">
        <v>16</v>
      </c>
      <c r="AU38" s="276">
        <v>0</v>
      </c>
      <c r="AV38" s="280">
        <v>0</v>
      </c>
      <c r="AW38" s="277">
        <v>0</v>
      </c>
      <c r="AX38" s="279">
        <v>0</v>
      </c>
      <c r="AY38" s="280">
        <v>25</v>
      </c>
      <c r="AZ38" s="280">
        <v>7</v>
      </c>
      <c r="BA38" s="280">
        <v>11</v>
      </c>
      <c r="BB38" s="280">
        <v>0</v>
      </c>
      <c r="BC38" s="280">
        <v>2</v>
      </c>
      <c r="BD38" s="281">
        <v>45</v>
      </c>
      <c r="BE38" s="282">
        <v>45</v>
      </c>
      <c r="BF38" s="276">
        <v>0</v>
      </c>
      <c r="BG38" s="280">
        <v>0</v>
      </c>
      <c r="BH38" s="277">
        <v>0</v>
      </c>
      <c r="BI38" s="279">
        <v>0</v>
      </c>
      <c r="BJ38" s="280">
        <v>8</v>
      </c>
      <c r="BK38" s="280">
        <v>0</v>
      </c>
      <c r="BL38" s="280">
        <v>4</v>
      </c>
      <c r="BM38" s="280">
        <v>4</v>
      </c>
      <c r="BN38" s="280">
        <v>0</v>
      </c>
      <c r="BO38" s="277">
        <v>16</v>
      </c>
      <c r="BP38" s="282">
        <v>16</v>
      </c>
      <c r="BQ38" s="276">
        <v>0</v>
      </c>
      <c r="BR38" s="280">
        <v>0</v>
      </c>
      <c r="BS38" s="277">
        <v>0</v>
      </c>
      <c r="BT38" s="279">
        <v>0</v>
      </c>
      <c r="BU38" s="280">
        <v>0</v>
      </c>
      <c r="BV38" s="280">
        <v>2</v>
      </c>
      <c r="BW38" s="280">
        <v>2</v>
      </c>
      <c r="BX38" s="280">
        <v>0</v>
      </c>
      <c r="BY38" s="280">
        <v>0</v>
      </c>
      <c r="BZ38" s="277">
        <v>4</v>
      </c>
      <c r="CA38" s="282">
        <v>4</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77">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12</v>
      </c>
      <c r="BA39" s="287">
        <v>0</v>
      </c>
      <c r="BB39" s="287">
        <v>0</v>
      </c>
      <c r="BC39" s="287">
        <v>0</v>
      </c>
      <c r="BD39" s="288">
        <v>12</v>
      </c>
      <c r="BE39" s="289">
        <v>12</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7.55468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2">
        <f>第１表!F2</f>
        <v>5</v>
      </c>
      <c r="K1" s="522"/>
      <c r="L1" s="248">
        <f>第１表!G2</f>
        <v>6</v>
      </c>
      <c r="M1" s="527">
        <f>IF(L1&lt;3,L1+12-2,L1-2)</f>
        <v>4</v>
      </c>
      <c r="N1" s="527"/>
    </row>
    <row r="2" spans="2:112" ht="24" customHeight="1" thickBot="1" x14ac:dyDescent="0.25">
      <c r="B2" s="290" t="s">
        <v>153</v>
      </c>
    </row>
    <row r="3" spans="2:112" ht="21" customHeight="1" thickBot="1" x14ac:dyDescent="0.25">
      <c r="B3" s="547"/>
      <c r="C3" s="550" t="s">
        <v>112</v>
      </c>
      <c r="D3" s="550"/>
      <c r="E3" s="550"/>
      <c r="F3" s="550"/>
      <c r="G3" s="550"/>
      <c r="H3" s="550"/>
      <c r="I3" s="550"/>
      <c r="J3" s="550"/>
      <c r="K3" s="550"/>
      <c r="L3" s="550"/>
      <c r="M3" s="551"/>
      <c r="N3" s="545" t="s">
        <v>111</v>
      </c>
      <c r="O3" s="545"/>
      <c r="P3" s="545"/>
      <c r="Q3" s="545"/>
      <c r="R3" s="545"/>
      <c r="S3" s="545"/>
      <c r="T3" s="545"/>
      <c r="U3" s="545"/>
      <c r="V3" s="545"/>
      <c r="W3" s="545"/>
      <c r="X3" s="546"/>
      <c r="Y3" s="544" t="s">
        <v>110</v>
      </c>
      <c r="Z3" s="545"/>
      <c r="AA3" s="545"/>
      <c r="AB3" s="545"/>
      <c r="AC3" s="545"/>
      <c r="AD3" s="545"/>
      <c r="AE3" s="545"/>
      <c r="AF3" s="545"/>
      <c r="AG3" s="545"/>
      <c r="AH3" s="545"/>
      <c r="AI3" s="546"/>
      <c r="AJ3" s="544" t="s">
        <v>109</v>
      </c>
      <c r="AK3" s="545"/>
      <c r="AL3" s="545"/>
      <c r="AM3" s="545"/>
      <c r="AN3" s="545"/>
      <c r="AO3" s="545"/>
      <c r="AP3" s="545"/>
      <c r="AQ3" s="545"/>
      <c r="AR3" s="545"/>
      <c r="AS3" s="545"/>
      <c r="AT3" s="546"/>
      <c r="AU3" s="544" t="s">
        <v>108</v>
      </c>
      <c r="AV3" s="545"/>
      <c r="AW3" s="545"/>
      <c r="AX3" s="545"/>
      <c r="AY3" s="545"/>
      <c r="AZ3" s="545"/>
      <c r="BA3" s="545"/>
      <c r="BB3" s="545"/>
      <c r="BC3" s="545"/>
      <c r="BD3" s="545"/>
      <c r="BE3" s="546"/>
      <c r="BF3" s="544" t="s">
        <v>107</v>
      </c>
      <c r="BG3" s="545"/>
      <c r="BH3" s="545"/>
      <c r="BI3" s="545"/>
      <c r="BJ3" s="545"/>
      <c r="BK3" s="545"/>
      <c r="BL3" s="545"/>
      <c r="BM3" s="545"/>
      <c r="BN3" s="545"/>
      <c r="BO3" s="545"/>
      <c r="BP3" s="546"/>
      <c r="BQ3" s="544" t="s">
        <v>106</v>
      </c>
      <c r="BR3" s="545"/>
      <c r="BS3" s="545"/>
      <c r="BT3" s="545"/>
      <c r="BU3" s="545"/>
      <c r="BV3" s="545"/>
      <c r="BW3" s="545"/>
      <c r="BX3" s="545"/>
      <c r="BY3" s="545"/>
      <c r="BZ3" s="545"/>
      <c r="CA3" s="546"/>
      <c r="CB3" s="544" t="s">
        <v>127</v>
      </c>
      <c r="CC3" s="545"/>
      <c r="CD3" s="545"/>
      <c r="CE3" s="545"/>
      <c r="CF3" s="545"/>
      <c r="CG3" s="545"/>
      <c r="CH3" s="545"/>
      <c r="CI3" s="545"/>
      <c r="CJ3" s="545"/>
      <c r="CK3" s="545"/>
      <c r="CL3" s="546"/>
      <c r="CM3" s="544" t="s">
        <v>160</v>
      </c>
      <c r="CN3" s="545"/>
      <c r="CO3" s="545"/>
      <c r="CP3" s="545"/>
      <c r="CQ3" s="545"/>
      <c r="CR3" s="545"/>
      <c r="CS3" s="545"/>
      <c r="CT3" s="545"/>
      <c r="CU3" s="545"/>
      <c r="CV3" s="545"/>
      <c r="CW3" s="546"/>
      <c r="CX3" s="544" t="s">
        <v>156</v>
      </c>
      <c r="CY3" s="545"/>
      <c r="CZ3" s="545"/>
      <c r="DA3" s="545"/>
      <c r="DB3" s="545"/>
      <c r="DC3" s="545"/>
      <c r="DD3" s="545"/>
      <c r="DE3" s="545"/>
      <c r="DF3" s="545"/>
      <c r="DG3" s="545"/>
      <c r="DH3" s="546"/>
    </row>
    <row r="4" spans="2:112" ht="21" customHeight="1" x14ac:dyDescent="0.2">
      <c r="B4" s="548"/>
      <c r="C4" s="552" t="s">
        <v>61</v>
      </c>
      <c r="D4" s="531"/>
      <c r="E4" s="532"/>
      <c r="F4" s="533" t="s">
        <v>62</v>
      </c>
      <c r="G4" s="531"/>
      <c r="H4" s="531"/>
      <c r="I4" s="531"/>
      <c r="J4" s="531"/>
      <c r="K4" s="531"/>
      <c r="L4" s="534"/>
      <c r="M4" s="528" t="s">
        <v>52</v>
      </c>
      <c r="N4" s="552" t="s">
        <v>61</v>
      </c>
      <c r="O4" s="531"/>
      <c r="P4" s="532"/>
      <c r="Q4" s="533" t="s">
        <v>62</v>
      </c>
      <c r="R4" s="531"/>
      <c r="S4" s="531"/>
      <c r="T4" s="531"/>
      <c r="U4" s="531"/>
      <c r="V4" s="531"/>
      <c r="W4" s="532"/>
      <c r="X4" s="528" t="s">
        <v>52</v>
      </c>
      <c r="Y4" s="530" t="s">
        <v>61</v>
      </c>
      <c r="Z4" s="531"/>
      <c r="AA4" s="534"/>
      <c r="AB4" s="533" t="s">
        <v>62</v>
      </c>
      <c r="AC4" s="531"/>
      <c r="AD4" s="531"/>
      <c r="AE4" s="531"/>
      <c r="AF4" s="531"/>
      <c r="AG4" s="531"/>
      <c r="AH4" s="532"/>
      <c r="AI4" s="528" t="s">
        <v>52</v>
      </c>
      <c r="AJ4" s="530" t="s">
        <v>61</v>
      </c>
      <c r="AK4" s="531"/>
      <c r="AL4" s="532"/>
      <c r="AM4" s="533" t="s">
        <v>62</v>
      </c>
      <c r="AN4" s="531"/>
      <c r="AO4" s="531"/>
      <c r="AP4" s="531"/>
      <c r="AQ4" s="531"/>
      <c r="AR4" s="531"/>
      <c r="AS4" s="532"/>
      <c r="AT4" s="528" t="s">
        <v>52</v>
      </c>
      <c r="AU4" s="530" t="s">
        <v>61</v>
      </c>
      <c r="AV4" s="531"/>
      <c r="AW4" s="534"/>
      <c r="AX4" s="533" t="s">
        <v>62</v>
      </c>
      <c r="AY4" s="531"/>
      <c r="AZ4" s="531"/>
      <c r="BA4" s="531"/>
      <c r="BB4" s="531"/>
      <c r="BC4" s="531"/>
      <c r="BD4" s="534"/>
      <c r="BE4" s="528" t="s">
        <v>52</v>
      </c>
      <c r="BF4" s="530" t="s">
        <v>61</v>
      </c>
      <c r="BG4" s="531"/>
      <c r="BH4" s="532"/>
      <c r="BI4" s="533" t="s">
        <v>62</v>
      </c>
      <c r="BJ4" s="531"/>
      <c r="BK4" s="531"/>
      <c r="BL4" s="531"/>
      <c r="BM4" s="531"/>
      <c r="BN4" s="531"/>
      <c r="BO4" s="532"/>
      <c r="BP4" s="528" t="s">
        <v>52</v>
      </c>
      <c r="BQ4" s="530" t="s">
        <v>61</v>
      </c>
      <c r="BR4" s="531"/>
      <c r="BS4" s="532"/>
      <c r="BT4" s="533" t="s">
        <v>62</v>
      </c>
      <c r="BU4" s="531"/>
      <c r="BV4" s="531"/>
      <c r="BW4" s="531"/>
      <c r="BX4" s="531"/>
      <c r="BY4" s="531"/>
      <c r="BZ4" s="532"/>
      <c r="CA4" s="528" t="s">
        <v>52</v>
      </c>
      <c r="CB4" s="530" t="s">
        <v>61</v>
      </c>
      <c r="CC4" s="531"/>
      <c r="CD4" s="532"/>
      <c r="CE4" s="533" t="s">
        <v>62</v>
      </c>
      <c r="CF4" s="531"/>
      <c r="CG4" s="531"/>
      <c r="CH4" s="531"/>
      <c r="CI4" s="531"/>
      <c r="CJ4" s="531"/>
      <c r="CK4" s="532"/>
      <c r="CL4" s="528" t="s">
        <v>52</v>
      </c>
      <c r="CM4" s="530" t="s">
        <v>61</v>
      </c>
      <c r="CN4" s="531"/>
      <c r="CO4" s="532"/>
      <c r="CP4" s="533" t="s">
        <v>62</v>
      </c>
      <c r="CQ4" s="531"/>
      <c r="CR4" s="531"/>
      <c r="CS4" s="531"/>
      <c r="CT4" s="531"/>
      <c r="CU4" s="531"/>
      <c r="CV4" s="532"/>
      <c r="CW4" s="528" t="s">
        <v>52</v>
      </c>
      <c r="CX4" s="530" t="s">
        <v>61</v>
      </c>
      <c r="CY4" s="531"/>
      <c r="CZ4" s="532"/>
      <c r="DA4" s="533" t="s">
        <v>62</v>
      </c>
      <c r="DB4" s="531"/>
      <c r="DC4" s="531"/>
      <c r="DD4" s="531"/>
      <c r="DE4" s="531"/>
      <c r="DF4" s="531"/>
      <c r="DG4" s="532"/>
      <c r="DH4" s="528" t="s">
        <v>52</v>
      </c>
    </row>
    <row r="5" spans="2:112" ht="30" customHeight="1" thickBot="1" x14ac:dyDescent="0.25">
      <c r="B5" s="549"/>
      <c r="C5" s="264" t="s">
        <v>43</v>
      </c>
      <c r="D5" s="265" t="s">
        <v>44</v>
      </c>
      <c r="E5" s="266" t="s">
        <v>45</v>
      </c>
      <c r="F5" s="267" t="s">
        <v>83</v>
      </c>
      <c r="G5" s="259" t="s">
        <v>47</v>
      </c>
      <c r="H5" s="259" t="s">
        <v>48</v>
      </c>
      <c r="I5" s="259" t="s">
        <v>49</v>
      </c>
      <c r="J5" s="259" t="s">
        <v>50</v>
      </c>
      <c r="K5" s="259" t="s">
        <v>51</v>
      </c>
      <c r="L5" s="268" t="s">
        <v>45</v>
      </c>
      <c r="M5" s="529"/>
      <c r="N5" s="264" t="s">
        <v>43</v>
      </c>
      <c r="O5" s="259" t="s">
        <v>44</v>
      </c>
      <c r="P5" s="265" t="s">
        <v>45</v>
      </c>
      <c r="Q5" s="267" t="s">
        <v>83</v>
      </c>
      <c r="R5" s="259" t="s">
        <v>47</v>
      </c>
      <c r="S5" s="259" t="s">
        <v>48</v>
      </c>
      <c r="T5" s="259" t="s">
        <v>49</v>
      </c>
      <c r="U5" s="259" t="s">
        <v>50</v>
      </c>
      <c r="V5" s="259" t="s">
        <v>51</v>
      </c>
      <c r="W5" s="265" t="s">
        <v>45</v>
      </c>
      <c r="X5" s="529"/>
      <c r="Y5" s="348" t="s">
        <v>43</v>
      </c>
      <c r="Z5" s="259" t="s">
        <v>44</v>
      </c>
      <c r="AA5" s="268" t="s">
        <v>45</v>
      </c>
      <c r="AB5" s="267" t="s">
        <v>83</v>
      </c>
      <c r="AC5" s="259" t="s">
        <v>47</v>
      </c>
      <c r="AD5" s="259" t="s">
        <v>48</v>
      </c>
      <c r="AE5" s="259" t="s">
        <v>49</v>
      </c>
      <c r="AF5" s="259" t="s">
        <v>50</v>
      </c>
      <c r="AG5" s="259" t="s">
        <v>51</v>
      </c>
      <c r="AH5" s="265" t="s">
        <v>45</v>
      </c>
      <c r="AI5" s="529"/>
      <c r="AJ5" s="348" t="s">
        <v>43</v>
      </c>
      <c r="AK5" s="259" t="s">
        <v>44</v>
      </c>
      <c r="AL5" s="265" t="s">
        <v>45</v>
      </c>
      <c r="AM5" s="267" t="s">
        <v>83</v>
      </c>
      <c r="AN5" s="259" t="s">
        <v>47</v>
      </c>
      <c r="AO5" s="259" t="s">
        <v>48</v>
      </c>
      <c r="AP5" s="259" t="s">
        <v>49</v>
      </c>
      <c r="AQ5" s="259" t="s">
        <v>50</v>
      </c>
      <c r="AR5" s="259" t="s">
        <v>51</v>
      </c>
      <c r="AS5" s="265" t="s">
        <v>45</v>
      </c>
      <c r="AT5" s="529"/>
      <c r="AU5" s="348" t="s">
        <v>43</v>
      </c>
      <c r="AV5" s="259" t="s">
        <v>44</v>
      </c>
      <c r="AW5" s="268" t="s">
        <v>45</v>
      </c>
      <c r="AX5" s="267" t="s">
        <v>83</v>
      </c>
      <c r="AY5" s="259" t="s">
        <v>47</v>
      </c>
      <c r="AZ5" s="259" t="s">
        <v>48</v>
      </c>
      <c r="BA5" s="259" t="s">
        <v>49</v>
      </c>
      <c r="BB5" s="259" t="s">
        <v>50</v>
      </c>
      <c r="BC5" s="259" t="s">
        <v>51</v>
      </c>
      <c r="BD5" s="268" t="s">
        <v>45</v>
      </c>
      <c r="BE5" s="529"/>
      <c r="BF5" s="348" t="s">
        <v>43</v>
      </c>
      <c r="BG5" s="259" t="s">
        <v>44</v>
      </c>
      <c r="BH5" s="265" t="s">
        <v>45</v>
      </c>
      <c r="BI5" s="267" t="s">
        <v>83</v>
      </c>
      <c r="BJ5" s="259" t="s">
        <v>47</v>
      </c>
      <c r="BK5" s="259" t="s">
        <v>48</v>
      </c>
      <c r="BL5" s="259" t="s">
        <v>49</v>
      </c>
      <c r="BM5" s="259" t="s">
        <v>50</v>
      </c>
      <c r="BN5" s="259" t="s">
        <v>51</v>
      </c>
      <c r="BO5" s="265" t="s">
        <v>45</v>
      </c>
      <c r="BP5" s="529"/>
      <c r="BQ5" s="348" t="s">
        <v>43</v>
      </c>
      <c r="BR5" s="259" t="s">
        <v>44</v>
      </c>
      <c r="BS5" s="265" t="s">
        <v>45</v>
      </c>
      <c r="BT5" s="267" t="s">
        <v>83</v>
      </c>
      <c r="BU5" s="259" t="s">
        <v>47</v>
      </c>
      <c r="BV5" s="259" t="s">
        <v>48</v>
      </c>
      <c r="BW5" s="259" t="s">
        <v>49</v>
      </c>
      <c r="BX5" s="259" t="s">
        <v>50</v>
      </c>
      <c r="BY5" s="259" t="s">
        <v>51</v>
      </c>
      <c r="BZ5" s="265" t="s">
        <v>45</v>
      </c>
      <c r="CA5" s="529"/>
      <c r="CB5" s="348" t="s">
        <v>43</v>
      </c>
      <c r="CC5" s="259" t="s">
        <v>44</v>
      </c>
      <c r="CD5" s="265" t="s">
        <v>45</v>
      </c>
      <c r="CE5" s="267" t="s">
        <v>83</v>
      </c>
      <c r="CF5" s="259" t="s">
        <v>47</v>
      </c>
      <c r="CG5" s="259" t="s">
        <v>48</v>
      </c>
      <c r="CH5" s="259" t="s">
        <v>49</v>
      </c>
      <c r="CI5" s="259" t="s">
        <v>50</v>
      </c>
      <c r="CJ5" s="259" t="s">
        <v>51</v>
      </c>
      <c r="CK5" s="265" t="s">
        <v>45</v>
      </c>
      <c r="CL5" s="529"/>
      <c r="CM5" s="363" t="s">
        <v>43</v>
      </c>
      <c r="CN5" s="259" t="s">
        <v>44</v>
      </c>
      <c r="CO5" s="265" t="s">
        <v>45</v>
      </c>
      <c r="CP5" s="267" t="s">
        <v>83</v>
      </c>
      <c r="CQ5" s="259" t="s">
        <v>47</v>
      </c>
      <c r="CR5" s="259" t="s">
        <v>48</v>
      </c>
      <c r="CS5" s="259" t="s">
        <v>49</v>
      </c>
      <c r="CT5" s="259" t="s">
        <v>50</v>
      </c>
      <c r="CU5" s="259" t="s">
        <v>51</v>
      </c>
      <c r="CV5" s="265" t="s">
        <v>45</v>
      </c>
      <c r="CW5" s="529"/>
      <c r="CX5" s="363" t="s">
        <v>43</v>
      </c>
      <c r="CY5" s="259" t="s">
        <v>44</v>
      </c>
      <c r="CZ5" s="265" t="s">
        <v>45</v>
      </c>
      <c r="DA5" s="267" t="s">
        <v>83</v>
      </c>
      <c r="DB5" s="259" t="s">
        <v>47</v>
      </c>
      <c r="DC5" s="259" t="s">
        <v>48</v>
      </c>
      <c r="DD5" s="259" t="s">
        <v>49</v>
      </c>
      <c r="DE5" s="259" t="s">
        <v>50</v>
      </c>
      <c r="DF5" s="259" t="s">
        <v>51</v>
      </c>
      <c r="DG5" s="265" t="s">
        <v>45</v>
      </c>
      <c r="DH5" s="529"/>
    </row>
    <row r="6" spans="2:112" ht="21" customHeight="1" x14ac:dyDescent="0.2">
      <c r="B6" s="260" t="s">
        <v>4</v>
      </c>
      <c r="C6" s="269">
        <v>0</v>
      </c>
      <c r="D6" s="270">
        <v>0</v>
      </c>
      <c r="E6" s="271">
        <v>0</v>
      </c>
      <c r="F6" s="272">
        <v>0</v>
      </c>
      <c r="G6" s="273">
        <v>12543</v>
      </c>
      <c r="H6" s="273">
        <v>18107</v>
      </c>
      <c r="I6" s="273">
        <v>18883</v>
      </c>
      <c r="J6" s="273">
        <v>25355</v>
      </c>
      <c r="K6" s="273">
        <v>22524</v>
      </c>
      <c r="L6" s="274">
        <v>97412</v>
      </c>
      <c r="M6" s="275">
        <v>97412</v>
      </c>
      <c r="N6" s="269">
        <v>4</v>
      </c>
      <c r="O6" s="273">
        <v>4</v>
      </c>
      <c r="P6" s="270">
        <v>8</v>
      </c>
      <c r="Q6" s="272">
        <v>0</v>
      </c>
      <c r="R6" s="273">
        <v>44</v>
      </c>
      <c r="S6" s="273">
        <v>114</v>
      </c>
      <c r="T6" s="273">
        <v>304</v>
      </c>
      <c r="U6" s="273">
        <v>709</v>
      </c>
      <c r="V6" s="273">
        <v>1273</v>
      </c>
      <c r="W6" s="270">
        <v>2444</v>
      </c>
      <c r="X6" s="275">
        <v>2452</v>
      </c>
      <c r="Y6" s="269">
        <v>1359</v>
      </c>
      <c r="Z6" s="273">
        <v>3374</v>
      </c>
      <c r="AA6" s="270">
        <v>4733</v>
      </c>
      <c r="AB6" s="272">
        <v>0</v>
      </c>
      <c r="AC6" s="273">
        <v>8730</v>
      </c>
      <c r="AD6" s="273">
        <v>13684</v>
      </c>
      <c r="AE6" s="273">
        <v>8190</v>
      </c>
      <c r="AF6" s="273">
        <v>7561</v>
      </c>
      <c r="AG6" s="273">
        <v>5704</v>
      </c>
      <c r="AH6" s="270">
        <v>43869</v>
      </c>
      <c r="AI6" s="275">
        <v>48602</v>
      </c>
      <c r="AJ6" s="269">
        <v>143</v>
      </c>
      <c r="AK6" s="273">
        <v>630</v>
      </c>
      <c r="AL6" s="270">
        <v>773</v>
      </c>
      <c r="AM6" s="272">
        <v>0</v>
      </c>
      <c r="AN6" s="273">
        <v>1110</v>
      </c>
      <c r="AO6" s="273">
        <v>1897</v>
      </c>
      <c r="AP6" s="273">
        <v>1127</v>
      </c>
      <c r="AQ6" s="273">
        <v>1178</v>
      </c>
      <c r="AR6" s="273">
        <v>571</v>
      </c>
      <c r="AS6" s="270">
        <v>5883</v>
      </c>
      <c r="AT6" s="275">
        <v>6656</v>
      </c>
      <c r="AU6" s="269">
        <v>0</v>
      </c>
      <c r="AV6" s="273">
        <v>0</v>
      </c>
      <c r="AW6" s="270">
        <v>0</v>
      </c>
      <c r="AX6" s="272">
        <v>0</v>
      </c>
      <c r="AY6" s="273">
        <v>10517</v>
      </c>
      <c r="AZ6" s="273">
        <v>9777</v>
      </c>
      <c r="BA6" s="273">
        <v>5593</v>
      </c>
      <c r="BB6" s="273">
        <v>3373</v>
      </c>
      <c r="BC6" s="273">
        <v>1244</v>
      </c>
      <c r="BD6" s="274">
        <v>30504</v>
      </c>
      <c r="BE6" s="275">
        <v>30504</v>
      </c>
      <c r="BF6" s="269">
        <v>0</v>
      </c>
      <c r="BG6" s="273">
        <v>0</v>
      </c>
      <c r="BH6" s="270">
        <v>0</v>
      </c>
      <c r="BI6" s="272">
        <v>0</v>
      </c>
      <c r="BJ6" s="273">
        <v>2105</v>
      </c>
      <c r="BK6" s="273">
        <v>3228</v>
      </c>
      <c r="BL6" s="273">
        <v>1883</v>
      </c>
      <c r="BM6" s="273">
        <v>1462</v>
      </c>
      <c r="BN6" s="273">
        <v>546</v>
      </c>
      <c r="BO6" s="270">
        <v>9224</v>
      </c>
      <c r="BP6" s="275">
        <v>9224</v>
      </c>
      <c r="BQ6" s="269">
        <v>23</v>
      </c>
      <c r="BR6" s="273">
        <v>49</v>
      </c>
      <c r="BS6" s="270">
        <v>72</v>
      </c>
      <c r="BT6" s="272">
        <v>0</v>
      </c>
      <c r="BU6" s="273">
        <v>979</v>
      </c>
      <c r="BV6" s="273">
        <v>1874</v>
      </c>
      <c r="BW6" s="273">
        <v>2630</v>
      </c>
      <c r="BX6" s="273">
        <v>2282</v>
      </c>
      <c r="BY6" s="273">
        <v>1032</v>
      </c>
      <c r="BZ6" s="270">
        <v>8797</v>
      </c>
      <c r="CA6" s="275">
        <v>8869</v>
      </c>
      <c r="CB6" s="269">
        <v>0</v>
      </c>
      <c r="CC6" s="273">
        <v>7</v>
      </c>
      <c r="CD6" s="270">
        <v>7</v>
      </c>
      <c r="CE6" s="272">
        <v>0</v>
      </c>
      <c r="CF6" s="273">
        <v>102</v>
      </c>
      <c r="CG6" s="273">
        <v>324</v>
      </c>
      <c r="CH6" s="273">
        <v>392</v>
      </c>
      <c r="CI6" s="273">
        <v>311</v>
      </c>
      <c r="CJ6" s="273">
        <v>205</v>
      </c>
      <c r="CK6" s="270">
        <v>1334</v>
      </c>
      <c r="CL6" s="275">
        <v>1341</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77">
        <v>0</v>
      </c>
      <c r="E7" s="278">
        <v>0</v>
      </c>
      <c r="F7" s="279">
        <v>0</v>
      </c>
      <c r="G7" s="280">
        <v>4465</v>
      </c>
      <c r="H7" s="280">
        <v>9366</v>
      </c>
      <c r="I7" s="280">
        <v>6968</v>
      </c>
      <c r="J7" s="280">
        <v>10242</v>
      </c>
      <c r="K7" s="280">
        <v>8630</v>
      </c>
      <c r="L7" s="281">
        <v>39671</v>
      </c>
      <c r="M7" s="282">
        <v>39671</v>
      </c>
      <c r="N7" s="276">
        <v>4</v>
      </c>
      <c r="O7" s="280">
        <v>4</v>
      </c>
      <c r="P7" s="277">
        <v>8</v>
      </c>
      <c r="Q7" s="279">
        <v>0</v>
      </c>
      <c r="R7" s="280">
        <v>4</v>
      </c>
      <c r="S7" s="280">
        <v>43</v>
      </c>
      <c r="T7" s="280">
        <v>170</v>
      </c>
      <c r="U7" s="280">
        <v>286</v>
      </c>
      <c r="V7" s="280">
        <v>544</v>
      </c>
      <c r="W7" s="277">
        <v>1047</v>
      </c>
      <c r="X7" s="282">
        <v>1055</v>
      </c>
      <c r="Y7" s="276">
        <v>764</v>
      </c>
      <c r="Z7" s="280">
        <v>1641</v>
      </c>
      <c r="AA7" s="277">
        <v>2405</v>
      </c>
      <c r="AB7" s="279">
        <v>0</v>
      </c>
      <c r="AC7" s="280">
        <v>3160</v>
      </c>
      <c r="AD7" s="280">
        <v>7828</v>
      </c>
      <c r="AE7" s="280">
        <v>3924</v>
      </c>
      <c r="AF7" s="280">
        <v>3376</v>
      </c>
      <c r="AG7" s="280">
        <v>2683</v>
      </c>
      <c r="AH7" s="277">
        <v>20971</v>
      </c>
      <c r="AI7" s="282">
        <v>23376</v>
      </c>
      <c r="AJ7" s="276">
        <v>70</v>
      </c>
      <c r="AK7" s="280">
        <v>468</v>
      </c>
      <c r="AL7" s="277">
        <v>538</v>
      </c>
      <c r="AM7" s="279">
        <v>0</v>
      </c>
      <c r="AN7" s="280">
        <v>318</v>
      </c>
      <c r="AO7" s="280">
        <v>930</v>
      </c>
      <c r="AP7" s="280">
        <v>410</v>
      </c>
      <c r="AQ7" s="280">
        <v>632</v>
      </c>
      <c r="AR7" s="280">
        <v>250</v>
      </c>
      <c r="AS7" s="277">
        <v>2540</v>
      </c>
      <c r="AT7" s="282">
        <v>3078</v>
      </c>
      <c r="AU7" s="276">
        <v>0</v>
      </c>
      <c r="AV7" s="280">
        <v>0</v>
      </c>
      <c r="AW7" s="277">
        <v>0</v>
      </c>
      <c r="AX7" s="279">
        <v>0</v>
      </c>
      <c r="AY7" s="280">
        <v>3474</v>
      </c>
      <c r="AZ7" s="280">
        <v>3782</v>
      </c>
      <c r="BA7" s="280">
        <v>2291</v>
      </c>
      <c r="BB7" s="280">
        <v>1317</v>
      </c>
      <c r="BC7" s="280">
        <v>437</v>
      </c>
      <c r="BD7" s="281">
        <v>11301</v>
      </c>
      <c r="BE7" s="282">
        <v>11301</v>
      </c>
      <c r="BF7" s="276">
        <v>0</v>
      </c>
      <c r="BG7" s="280">
        <v>0</v>
      </c>
      <c r="BH7" s="277">
        <v>0</v>
      </c>
      <c r="BI7" s="279">
        <v>0</v>
      </c>
      <c r="BJ7" s="280">
        <v>678</v>
      </c>
      <c r="BK7" s="280">
        <v>1533</v>
      </c>
      <c r="BL7" s="280">
        <v>885</v>
      </c>
      <c r="BM7" s="280">
        <v>598</v>
      </c>
      <c r="BN7" s="280">
        <v>308</v>
      </c>
      <c r="BO7" s="277">
        <v>4002</v>
      </c>
      <c r="BP7" s="282">
        <v>4002</v>
      </c>
      <c r="BQ7" s="276">
        <v>8</v>
      </c>
      <c r="BR7" s="280">
        <v>16</v>
      </c>
      <c r="BS7" s="277">
        <v>24</v>
      </c>
      <c r="BT7" s="279">
        <v>0</v>
      </c>
      <c r="BU7" s="280">
        <v>409</v>
      </c>
      <c r="BV7" s="280">
        <v>761</v>
      </c>
      <c r="BW7" s="280">
        <v>1165</v>
      </c>
      <c r="BX7" s="280">
        <v>767</v>
      </c>
      <c r="BY7" s="280">
        <v>401</v>
      </c>
      <c r="BZ7" s="277">
        <v>3503</v>
      </c>
      <c r="CA7" s="282">
        <v>3527</v>
      </c>
      <c r="CB7" s="276">
        <v>0</v>
      </c>
      <c r="CC7" s="280">
        <v>7</v>
      </c>
      <c r="CD7" s="277">
        <v>7</v>
      </c>
      <c r="CE7" s="279">
        <v>0</v>
      </c>
      <c r="CF7" s="280">
        <v>40</v>
      </c>
      <c r="CG7" s="280">
        <v>223</v>
      </c>
      <c r="CH7" s="280">
        <v>227</v>
      </c>
      <c r="CI7" s="280">
        <v>179</v>
      </c>
      <c r="CJ7" s="280">
        <v>103</v>
      </c>
      <c r="CK7" s="277">
        <v>772</v>
      </c>
      <c r="CL7" s="282">
        <v>779</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77">
        <v>0</v>
      </c>
      <c r="E8" s="278">
        <v>0</v>
      </c>
      <c r="F8" s="279">
        <v>0</v>
      </c>
      <c r="G8" s="280">
        <v>2332</v>
      </c>
      <c r="H8" s="280">
        <v>2489</v>
      </c>
      <c r="I8" s="280">
        <v>2953</v>
      </c>
      <c r="J8" s="280">
        <v>4431</v>
      </c>
      <c r="K8" s="280">
        <v>3672</v>
      </c>
      <c r="L8" s="281">
        <v>15877</v>
      </c>
      <c r="M8" s="282">
        <v>15877</v>
      </c>
      <c r="N8" s="276">
        <v>0</v>
      </c>
      <c r="O8" s="280">
        <v>0</v>
      </c>
      <c r="P8" s="277">
        <v>0</v>
      </c>
      <c r="Q8" s="279">
        <v>0</v>
      </c>
      <c r="R8" s="280">
        <v>12</v>
      </c>
      <c r="S8" s="280">
        <v>31</v>
      </c>
      <c r="T8" s="280">
        <v>38</v>
      </c>
      <c r="U8" s="280">
        <v>135</v>
      </c>
      <c r="V8" s="280">
        <v>180</v>
      </c>
      <c r="W8" s="277">
        <v>396</v>
      </c>
      <c r="X8" s="282">
        <v>396</v>
      </c>
      <c r="Y8" s="276">
        <v>226</v>
      </c>
      <c r="Z8" s="280">
        <v>711</v>
      </c>
      <c r="AA8" s="277">
        <v>937</v>
      </c>
      <c r="AB8" s="279">
        <v>0</v>
      </c>
      <c r="AC8" s="280">
        <v>2429</v>
      </c>
      <c r="AD8" s="280">
        <v>2182</v>
      </c>
      <c r="AE8" s="280">
        <v>1701</v>
      </c>
      <c r="AF8" s="280">
        <v>1696</v>
      </c>
      <c r="AG8" s="280">
        <v>831</v>
      </c>
      <c r="AH8" s="277">
        <v>8839</v>
      </c>
      <c r="AI8" s="282">
        <v>9776</v>
      </c>
      <c r="AJ8" s="276">
        <v>25</v>
      </c>
      <c r="AK8" s="280">
        <v>0</v>
      </c>
      <c r="AL8" s="277">
        <v>25</v>
      </c>
      <c r="AM8" s="279">
        <v>0</v>
      </c>
      <c r="AN8" s="280">
        <v>122</v>
      </c>
      <c r="AO8" s="280">
        <v>204</v>
      </c>
      <c r="AP8" s="280">
        <v>240</v>
      </c>
      <c r="AQ8" s="280">
        <v>208</v>
      </c>
      <c r="AR8" s="280">
        <v>100</v>
      </c>
      <c r="AS8" s="277">
        <v>874</v>
      </c>
      <c r="AT8" s="282">
        <v>899</v>
      </c>
      <c r="AU8" s="276">
        <v>0</v>
      </c>
      <c r="AV8" s="280">
        <v>0</v>
      </c>
      <c r="AW8" s="277">
        <v>0</v>
      </c>
      <c r="AX8" s="279">
        <v>0</v>
      </c>
      <c r="AY8" s="280">
        <v>2100</v>
      </c>
      <c r="AZ8" s="280">
        <v>1508</v>
      </c>
      <c r="BA8" s="280">
        <v>712</v>
      </c>
      <c r="BB8" s="280">
        <v>516</v>
      </c>
      <c r="BC8" s="280">
        <v>219</v>
      </c>
      <c r="BD8" s="281">
        <v>5055</v>
      </c>
      <c r="BE8" s="282">
        <v>5055</v>
      </c>
      <c r="BF8" s="276">
        <v>0</v>
      </c>
      <c r="BG8" s="280">
        <v>0</v>
      </c>
      <c r="BH8" s="277">
        <v>0</v>
      </c>
      <c r="BI8" s="279">
        <v>0</v>
      </c>
      <c r="BJ8" s="280">
        <v>341</v>
      </c>
      <c r="BK8" s="280">
        <v>421</v>
      </c>
      <c r="BL8" s="280">
        <v>264</v>
      </c>
      <c r="BM8" s="280">
        <v>278</v>
      </c>
      <c r="BN8" s="280">
        <v>63</v>
      </c>
      <c r="BO8" s="277">
        <v>1367</v>
      </c>
      <c r="BP8" s="282">
        <v>1367</v>
      </c>
      <c r="BQ8" s="276">
        <v>5</v>
      </c>
      <c r="BR8" s="280">
        <v>0</v>
      </c>
      <c r="BS8" s="277">
        <v>5</v>
      </c>
      <c r="BT8" s="279">
        <v>0</v>
      </c>
      <c r="BU8" s="280">
        <v>110</v>
      </c>
      <c r="BV8" s="280">
        <v>208</v>
      </c>
      <c r="BW8" s="280">
        <v>369</v>
      </c>
      <c r="BX8" s="280">
        <v>381</v>
      </c>
      <c r="BY8" s="280">
        <v>131</v>
      </c>
      <c r="BZ8" s="277">
        <v>1199</v>
      </c>
      <c r="CA8" s="282">
        <v>1204</v>
      </c>
      <c r="CB8" s="276">
        <v>0</v>
      </c>
      <c r="CC8" s="280">
        <v>0</v>
      </c>
      <c r="CD8" s="277">
        <v>0</v>
      </c>
      <c r="CE8" s="279">
        <v>0</v>
      </c>
      <c r="CF8" s="280">
        <v>27</v>
      </c>
      <c r="CG8" s="280">
        <v>47</v>
      </c>
      <c r="CH8" s="280">
        <v>61</v>
      </c>
      <c r="CI8" s="280">
        <v>53</v>
      </c>
      <c r="CJ8" s="280">
        <v>52</v>
      </c>
      <c r="CK8" s="277">
        <v>240</v>
      </c>
      <c r="CL8" s="282">
        <v>240</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77">
        <v>0</v>
      </c>
      <c r="E9" s="278">
        <v>0</v>
      </c>
      <c r="F9" s="279">
        <v>0</v>
      </c>
      <c r="G9" s="280">
        <v>510</v>
      </c>
      <c r="H9" s="280">
        <v>946</v>
      </c>
      <c r="I9" s="280">
        <v>1232</v>
      </c>
      <c r="J9" s="280">
        <v>1575</v>
      </c>
      <c r="K9" s="280">
        <v>1540</v>
      </c>
      <c r="L9" s="281">
        <v>5803</v>
      </c>
      <c r="M9" s="282">
        <v>5803</v>
      </c>
      <c r="N9" s="276">
        <v>0</v>
      </c>
      <c r="O9" s="280">
        <v>0</v>
      </c>
      <c r="P9" s="277">
        <v>0</v>
      </c>
      <c r="Q9" s="279">
        <v>0</v>
      </c>
      <c r="R9" s="280">
        <v>4</v>
      </c>
      <c r="S9" s="280">
        <v>5</v>
      </c>
      <c r="T9" s="280">
        <v>16</v>
      </c>
      <c r="U9" s="280">
        <v>56</v>
      </c>
      <c r="V9" s="280">
        <v>99</v>
      </c>
      <c r="W9" s="277">
        <v>180</v>
      </c>
      <c r="X9" s="282">
        <v>180</v>
      </c>
      <c r="Y9" s="276">
        <v>24</v>
      </c>
      <c r="Z9" s="280">
        <v>181</v>
      </c>
      <c r="AA9" s="277">
        <v>205</v>
      </c>
      <c r="AB9" s="279">
        <v>0</v>
      </c>
      <c r="AC9" s="280">
        <v>247</v>
      </c>
      <c r="AD9" s="280">
        <v>942</v>
      </c>
      <c r="AE9" s="280">
        <v>543</v>
      </c>
      <c r="AF9" s="280">
        <v>506</v>
      </c>
      <c r="AG9" s="280">
        <v>382</v>
      </c>
      <c r="AH9" s="277">
        <v>2620</v>
      </c>
      <c r="AI9" s="282">
        <v>2825</v>
      </c>
      <c r="AJ9" s="276">
        <v>2</v>
      </c>
      <c r="AK9" s="280">
        <v>40</v>
      </c>
      <c r="AL9" s="277">
        <v>42</v>
      </c>
      <c r="AM9" s="279">
        <v>0</v>
      </c>
      <c r="AN9" s="280">
        <v>20</v>
      </c>
      <c r="AO9" s="280">
        <v>78</v>
      </c>
      <c r="AP9" s="280">
        <v>72</v>
      </c>
      <c r="AQ9" s="280">
        <v>28</v>
      </c>
      <c r="AR9" s="280">
        <v>0</v>
      </c>
      <c r="AS9" s="277">
        <v>198</v>
      </c>
      <c r="AT9" s="282">
        <v>240</v>
      </c>
      <c r="AU9" s="276">
        <v>0</v>
      </c>
      <c r="AV9" s="280">
        <v>0</v>
      </c>
      <c r="AW9" s="277">
        <v>0</v>
      </c>
      <c r="AX9" s="279">
        <v>0</v>
      </c>
      <c r="AY9" s="280">
        <v>741</v>
      </c>
      <c r="AZ9" s="280">
        <v>872</v>
      </c>
      <c r="BA9" s="280">
        <v>617</v>
      </c>
      <c r="BB9" s="280">
        <v>237</v>
      </c>
      <c r="BC9" s="280">
        <v>145</v>
      </c>
      <c r="BD9" s="281">
        <v>2612</v>
      </c>
      <c r="BE9" s="282">
        <v>2612</v>
      </c>
      <c r="BF9" s="276">
        <v>0</v>
      </c>
      <c r="BG9" s="280">
        <v>0</v>
      </c>
      <c r="BH9" s="277">
        <v>0</v>
      </c>
      <c r="BI9" s="279">
        <v>0</v>
      </c>
      <c r="BJ9" s="280">
        <v>48</v>
      </c>
      <c r="BK9" s="280">
        <v>184</v>
      </c>
      <c r="BL9" s="280">
        <v>99</v>
      </c>
      <c r="BM9" s="280">
        <v>49</v>
      </c>
      <c r="BN9" s="280">
        <v>0</v>
      </c>
      <c r="BO9" s="277">
        <v>380</v>
      </c>
      <c r="BP9" s="282">
        <v>380</v>
      </c>
      <c r="BQ9" s="276">
        <v>0</v>
      </c>
      <c r="BR9" s="280">
        <v>4</v>
      </c>
      <c r="BS9" s="277">
        <v>4</v>
      </c>
      <c r="BT9" s="279">
        <v>0</v>
      </c>
      <c r="BU9" s="280">
        <v>47</v>
      </c>
      <c r="BV9" s="280">
        <v>179</v>
      </c>
      <c r="BW9" s="280">
        <v>151</v>
      </c>
      <c r="BX9" s="280">
        <v>281</v>
      </c>
      <c r="BY9" s="280">
        <v>103</v>
      </c>
      <c r="BZ9" s="277">
        <v>761</v>
      </c>
      <c r="CA9" s="282">
        <v>765</v>
      </c>
      <c r="CB9" s="276">
        <v>0</v>
      </c>
      <c r="CC9" s="280">
        <v>0</v>
      </c>
      <c r="CD9" s="277">
        <v>0</v>
      </c>
      <c r="CE9" s="279">
        <v>0</v>
      </c>
      <c r="CF9" s="280">
        <v>0</v>
      </c>
      <c r="CG9" s="280">
        <v>4</v>
      </c>
      <c r="CH9" s="280">
        <v>19</v>
      </c>
      <c r="CI9" s="280">
        <v>0</v>
      </c>
      <c r="CJ9" s="280">
        <v>0</v>
      </c>
      <c r="CK9" s="277">
        <v>23</v>
      </c>
      <c r="CL9" s="282">
        <v>23</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77">
        <v>0</v>
      </c>
      <c r="E10" s="278">
        <v>0</v>
      </c>
      <c r="F10" s="279">
        <v>0</v>
      </c>
      <c r="G10" s="280">
        <v>877</v>
      </c>
      <c r="H10" s="280">
        <v>506</v>
      </c>
      <c r="I10" s="280">
        <v>601</v>
      </c>
      <c r="J10" s="280">
        <v>923</v>
      </c>
      <c r="K10" s="280">
        <v>644</v>
      </c>
      <c r="L10" s="281">
        <v>3551</v>
      </c>
      <c r="M10" s="282">
        <v>3551</v>
      </c>
      <c r="N10" s="276">
        <v>0</v>
      </c>
      <c r="O10" s="280">
        <v>0</v>
      </c>
      <c r="P10" s="277">
        <v>0</v>
      </c>
      <c r="Q10" s="279">
        <v>0</v>
      </c>
      <c r="R10" s="280">
        <v>4</v>
      </c>
      <c r="S10" s="280">
        <v>13</v>
      </c>
      <c r="T10" s="280">
        <v>4</v>
      </c>
      <c r="U10" s="280">
        <v>22</v>
      </c>
      <c r="V10" s="280">
        <v>53</v>
      </c>
      <c r="W10" s="277">
        <v>96</v>
      </c>
      <c r="X10" s="282">
        <v>96</v>
      </c>
      <c r="Y10" s="276">
        <v>18</v>
      </c>
      <c r="Z10" s="280">
        <v>0</v>
      </c>
      <c r="AA10" s="277">
        <v>18</v>
      </c>
      <c r="AB10" s="279">
        <v>0</v>
      </c>
      <c r="AC10" s="280">
        <v>260</v>
      </c>
      <c r="AD10" s="280">
        <v>208</v>
      </c>
      <c r="AE10" s="280">
        <v>191</v>
      </c>
      <c r="AF10" s="280">
        <v>189</v>
      </c>
      <c r="AG10" s="280">
        <v>246</v>
      </c>
      <c r="AH10" s="277">
        <v>1094</v>
      </c>
      <c r="AI10" s="282">
        <v>1112</v>
      </c>
      <c r="AJ10" s="276">
        <v>0</v>
      </c>
      <c r="AK10" s="280">
        <v>0</v>
      </c>
      <c r="AL10" s="277">
        <v>0</v>
      </c>
      <c r="AM10" s="279">
        <v>0</v>
      </c>
      <c r="AN10" s="280">
        <v>47</v>
      </c>
      <c r="AO10" s="280">
        <v>54</v>
      </c>
      <c r="AP10" s="280">
        <v>8</v>
      </c>
      <c r="AQ10" s="280">
        <v>48</v>
      </c>
      <c r="AR10" s="280">
        <v>0</v>
      </c>
      <c r="AS10" s="277">
        <v>157</v>
      </c>
      <c r="AT10" s="282">
        <v>157</v>
      </c>
      <c r="AU10" s="276">
        <v>0</v>
      </c>
      <c r="AV10" s="280">
        <v>0</v>
      </c>
      <c r="AW10" s="277">
        <v>0</v>
      </c>
      <c r="AX10" s="279">
        <v>0</v>
      </c>
      <c r="AY10" s="280">
        <v>608</v>
      </c>
      <c r="AZ10" s="280">
        <v>329</v>
      </c>
      <c r="BA10" s="280">
        <v>163</v>
      </c>
      <c r="BB10" s="280">
        <v>63</v>
      </c>
      <c r="BC10" s="280">
        <v>22</v>
      </c>
      <c r="BD10" s="281">
        <v>1185</v>
      </c>
      <c r="BE10" s="282">
        <v>1185</v>
      </c>
      <c r="BF10" s="276">
        <v>0</v>
      </c>
      <c r="BG10" s="280">
        <v>0</v>
      </c>
      <c r="BH10" s="277">
        <v>0</v>
      </c>
      <c r="BI10" s="279">
        <v>0</v>
      </c>
      <c r="BJ10" s="280">
        <v>142</v>
      </c>
      <c r="BK10" s="280">
        <v>34</v>
      </c>
      <c r="BL10" s="280">
        <v>39</v>
      </c>
      <c r="BM10" s="280">
        <v>64</v>
      </c>
      <c r="BN10" s="280">
        <v>11</v>
      </c>
      <c r="BO10" s="277">
        <v>290</v>
      </c>
      <c r="BP10" s="282">
        <v>290</v>
      </c>
      <c r="BQ10" s="276">
        <v>0</v>
      </c>
      <c r="BR10" s="280">
        <v>0</v>
      </c>
      <c r="BS10" s="277">
        <v>0</v>
      </c>
      <c r="BT10" s="279">
        <v>0</v>
      </c>
      <c r="BU10" s="280">
        <v>57</v>
      </c>
      <c r="BV10" s="280">
        <v>121</v>
      </c>
      <c r="BW10" s="280">
        <v>52</v>
      </c>
      <c r="BX10" s="280">
        <v>64</v>
      </c>
      <c r="BY10" s="280">
        <v>34</v>
      </c>
      <c r="BZ10" s="277">
        <v>328</v>
      </c>
      <c r="CA10" s="282">
        <v>328</v>
      </c>
      <c r="CB10" s="276">
        <v>0</v>
      </c>
      <c r="CC10" s="280">
        <v>0</v>
      </c>
      <c r="CD10" s="277">
        <v>0</v>
      </c>
      <c r="CE10" s="279">
        <v>0</v>
      </c>
      <c r="CF10" s="280">
        <v>0</v>
      </c>
      <c r="CG10" s="280">
        <v>0</v>
      </c>
      <c r="CH10" s="280">
        <v>0</v>
      </c>
      <c r="CI10" s="280">
        <v>29</v>
      </c>
      <c r="CJ10" s="280">
        <v>0</v>
      </c>
      <c r="CK10" s="277">
        <v>29</v>
      </c>
      <c r="CL10" s="282">
        <v>29</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77">
        <v>0</v>
      </c>
      <c r="E11" s="278">
        <v>0</v>
      </c>
      <c r="F11" s="279">
        <v>0</v>
      </c>
      <c r="G11" s="280">
        <v>242</v>
      </c>
      <c r="H11" s="280">
        <v>279</v>
      </c>
      <c r="I11" s="280">
        <v>472</v>
      </c>
      <c r="J11" s="280">
        <v>286</v>
      </c>
      <c r="K11" s="280">
        <v>505</v>
      </c>
      <c r="L11" s="281">
        <v>1784</v>
      </c>
      <c r="M11" s="282">
        <v>1784</v>
      </c>
      <c r="N11" s="276">
        <v>0</v>
      </c>
      <c r="O11" s="280">
        <v>0</v>
      </c>
      <c r="P11" s="277">
        <v>0</v>
      </c>
      <c r="Q11" s="279">
        <v>0</v>
      </c>
      <c r="R11" s="280">
        <v>0</v>
      </c>
      <c r="S11" s="280">
        <v>0</v>
      </c>
      <c r="T11" s="280">
        <v>5</v>
      </c>
      <c r="U11" s="280">
        <v>16</v>
      </c>
      <c r="V11" s="280">
        <v>18</v>
      </c>
      <c r="W11" s="277">
        <v>39</v>
      </c>
      <c r="X11" s="282">
        <v>39</v>
      </c>
      <c r="Y11" s="276">
        <v>23</v>
      </c>
      <c r="Z11" s="280">
        <v>39</v>
      </c>
      <c r="AA11" s="277">
        <v>62</v>
      </c>
      <c r="AB11" s="279">
        <v>0</v>
      </c>
      <c r="AC11" s="280">
        <v>130</v>
      </c>
      <c r="AD11" s="280">
        <v>166</v>
      </c>
      <c r="AE11" s="280">
        <v>71</v>
      </c>
      <c r="AF11" s="280">
        <v>105</v>
      </c>
      <c r="AG11" s="280">
        <v>78</v>
      </c>
      <c r="AH11" s="277">
        <v>550</v>
      </c>
      <c r="AI11" s="282">
        <v>612</v>
      </c>
      <c r="AJ11" s="276">
        <v>10</v>
      </c>
      <c r="AK11" s="280">
        <v>16</v>
      </c>
      <c r="AL11" s="277">
        <v>26</v>
      </c>
      <c r="AM11" s="279">
        <v>0</v>
      </c>
      <c r="AN11" s="280">
        <v>69</v>
      </c>
      <c r="AO11" s="280">
        <v>64</v>
      </c>
      <c r="AP11" s="280">
        <v>30</v>
      </c>
      <c r="AQ11" s="280">
        <v>52</v>
      </c>
      <c r="AR11" s="280">
        <v>21</v>
      </c>
      <c r="AS11" s="277">
        <v>236</v>
      </c>
      <c r="AT11" s="282">
        <v>262</v>
      </c>
      <c r="AU11" s="276">
        <v>0</v>
      </c>
      <c r="AV11" s="280">
        <v>0</v>
      </c>
      <c r="AW11" s="277">
        <v>0</v>
      </c>
      <c r="AX11" s="279">
        <v>0</v>
      </c>
      <c r="AY11" s="280">
        <v>204</v>
      </c>
      <c r="AZ11" s="280">
        <v>264</v>
      </c>
      <c r="BA11" s="280">
        <v>76</v>
      </c>
      <c r="BB11" s="280">
        <v>160</v>
      </c>
      <c r="BC11" s="280">
        <v>29</v>
      </c>
      <c r="BD11" s="281">
        <v>733</v>
      </c>
      <c r="BE11" s="282">
        <v>733</v>
      </c>
      <c r="BF11" s="276">
        <v>0</v>
      </c>
      <c r="BG11" s="280">
        <v>0</v>
      </c>
      <c r="BH11" s="277">
        <v>0</v>
      </c>
      <c r="BI11" s="279">
        <v>0</v>
      </c>
      <c r="BJ11" s="280">
        <v>65</v>
      </c>
      <c r="BK11" s="280">
        <v>70</v>
      </c>
      <c r="BL11" s="280">
        <v>74</v>
      </c>
      <c r="BM11" s="280">
        <v>72</v>
      </c>
      <c r="BN11" s="280">
        <v>21</v>
      </c>
      <c r="BO11" s="277">
        <v>302</v>
      </c>
      <c r="BP11" s="282">
        <v>302</v>
      </c>
      <c r="BQ11" s="276">
        <v>0</v>
      </c>
      <c r="BR11" s="280">
        <v>6</v>
      </c>
      <c r="BS11" s="277">
        <v>6</v>
      </c>
      <c r="BT11" s="279">
        <v>0</v>
      </c>
      <c r="BU11" s="280">
        <v>33</v>
      </c>
      <c r="BV11" s="280">
        <v>34</v>
      </c>
      <c r="BW11" s="280">
        <v>72</v>
      </c>
      <c r="BX11" s="280">
        <v>60</v>
      </c>
      <c r="BY11" s="280">
        <v>2</v>
      </c>
      <c r="BZ11" s="277">
        <v>201</v>
      </c>
      <c r="CA11" s="282">
        <v>207</v>
      </c>
      <c r="CB11" s="276">
        <v>0</v>
      </c>
      <c r="CC11" s="280">
        <v>0</v>
      </c>
      <c r="CD11" s="277">
        <v>0</v>
      </c>
      <c r="CE11" s="279">
        <v>0</v>
      </c>
      <c r="CF11" s="280">
        <v>0</v>
      </c>
      <c r="CG11" s="280">
        <v>12</v>
      </c>
      <c r="CH11" s="280">
        <v>0</v>
      </c>
      <c r="CI11" s="280">
        <v>8</v>
      </c>
      <c r="CJ11" s="280">
        <v>0</v>
      </c>
      <c r="CK11" s="277">
        <v>20</v>
      </c>
      <c r="CL11" s="282">
        <v>2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77">
        <v>0</v>
      </c>
      <c r="E12" s="278">
        <v>0</v>
      </c>
      <c r="F12" s="279">
        <v>0</v>
      </c>
      <c r="G12" s="280">
        <v>622</v>
      </c>
      <c r="H12" s="280">
        <v>737</v>
      </c>
      <c r="I12" s="280">
        <v>1010</v>
      </c>
      <c r="J12" s="280">
        <v>894</v>
      </c>
      <c r="K12" s="280">
        <v>1464</v>
      </c>
      <c r="L12" s="281">
        <v>4727</v>
      </c>
      <c r="M12" s="282">
        <v>4727</v>
      </c>
      <c r="N12" s="276">
        <v>0</v>
      </c>
      <c r="O12" s="280">
        <v>0</v>
      </c>
      <c r="P12" s="277">
        <v>0</v>
      </c>
      <c r="Q12" s="279">
        <v>0</v>
      </c>
      <c r="R12" s="280">
        <v>9</v>
      </c>
      <c r="S12" s="280">
        <v>4</v>
      </c>
      <c r="T12" s="280">
        <v>15</v>
      </c>
      <c r="U12" s="280">
        <v>50</v>
      </c>
      <c r="V12" s="280">
        <v>98</v>
      </c>
      <c r="W12" s="277">
        <v>176</v>
      </c>
      <c r="X12" s="282">
        <v>176</v>
      </c>
      <c r="Y12" s="276">
        <v>34</v>
      </c>
      <c r="Z12" s="280">
        <v>100</v>
      </c>
      <c r="AA12" s="277">
        <v>134</v>
      </c>
      <c r="AB12" s="279">
        <v>0</v>
      </c>
      <c r="AC12" s="280">
        <v>442</v>
      </c>
      <c r="AD12" s="280">
        <v>348</v>
      </c>
      <c r="AE12" s="280">
        <v>302</v>
      </c>
      <c r="AF12" s="280">
        <v>243</v>
      </c>
      <c r="AG12" s="280">
        <v>318</v>
      </c>
      <c r="AH12" s="277">
        <v>1653</v>
      </c>
      <c r="AI12" s="282">
        <v>1787</v>
      </c>
      <c r="AJ12" s="276">
        <v>0</v>
      </c>
      <c r="AK12" s="280">
        <v>0</v>
      </c>
      <c r="AL12" s="277">
        <v>0</v>
      </c>
      <c r="AM12" s="279">
        <v>0</v>
      </c>
      <c r="AN12" s="280">
        <v>34</v>
      </c>
      <c r="AO12" s="280">
        <v>119</v>
      </c>
      <c r="AP12" s="280">
        <v>96</v>
      </c>
      <c r="AQ12" s="280">
        <v>82</v>
      </c>
      <c r="AR12" s="280">
        <v>59</v>
      </c>
      <c r="AS12" s="277">
        <v>390</v>
      </c>
      <c r="AT12" s="282">
        <v>390</v>
      </c>
      <c r="AU12" s="276">
        <v>0</v>
      </c>
      <c r="AV12" s="280">
        <v>0</v>
      </c>
      <c r="AW12" s="277">
        <v>0</v>
      </c>
      <c r="AX12" s="279">
        <v>0</v>
      </c>
      <c r="AY12" s="280">
        <v>412</v>
      </c>
      <c r="AZ12" s="280">
        <v>275</v>
      </c>
      <c r="BA12" s="280">
        <v>193</v>
      </c>
      <c r="BB12" s="280">
        <v>182</v>
      </c>
      <c r="BC12" s="280">
        <v>33</v>
      </c>
      <c r="BD12" s="281">
        <v>1095</v>
      </c>
      <c r="BE12" s="282">
        <v>1095</v>
      </c>
      <c r="BF12" s="276">
        <v>0</v>
      </c>
      <c r="BG12" s="280">
        <v>0</v>
      </c>
      <c r="BH12" s="277">
        <v>0</v>
      </c>
      <c r="BI12" s="279">
        <v>0</v>
      </c>
      <c r="BJ12" s="280">
        <v>84</v>
      </c>
      <c r="BK12" s="280">
        <v>85</v>
      </c>
      <c r="BL12" s="280">
        <v>35</v>
      </c>
      <c r="BM12" s="280">
        <v>85</v>
      </c>
      <c r="BN12" s="280">
        <v>3</v>
      </c>
      <c r="BO12" s="277">
        <v>292</v>
      </c>
      <c r="BP12" s="282">
        <v>292</v>
      </c>
      <c r="BQ12" s="276">
        <v>0</v>
      </c>
      <c r="BR12" s="280">
        <v>6</v>
      </c>
      <c r="BS12" s="277">
        <v>6</v>
      </c>
      <c r="BT12" s="279">
        <v>0</v>
      </c>
      <c r="BU12" s="280">
        <v>26</v>
      </c>
      <c r="BV12" s="280">
        <v>75</v>
      </c>
      <c r="BW12" s="280">
        <v>88</v>
      </c>
      <c r="BX12" s="280">
        <v>96</v>
      </c>
      <c r="BY12" s="280">
        <v>59</v>
      </c>
      <c r="BZ12" s="277">
        <v>344</v>
      </c>
      <c r="CA12" s="282">
        <v>350</v>
      </c>
      <c r="CB12" s="276">
        <v>0</v>
      </c>
      <c r="CC12" s="280">
        <v>0</v>
      </c>
      <c r="CD12" s="277">
        <v>0</v>
      </c>
      <c r="CE12" s="279">
        <v>0</v>
      </c>
      <c r="CF12" s="280">
        <v>0</v>
      </c>
      <c r="CG12" s="280">
        <v>7</v>
      </c>
      <c r="CH12" s="280">
        <v>10</v>
      </c>
      <c r="CI12" s="280">
        <v>4</v>
      </c>
      <c r="CJ12" s="280">
        <v>7</v>
      </c>
      <c r="CK12" s="277">
        <v>28</v>
      </c>
      <c r="CL12" s="282">
        <v>28</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77">
        <v>0</v>
      </c>
      <c r="E13" s="278">
        <v>0</v>
      </c>
      <c r="F13" s="279">
        <v>0</v>
      </c>
      <c r="G13" s="280">
        <v>1381</v>
      </c>
      <c r="H13" s="280">
        <v>925</v>
      </c>
      <c r="I13" s="280">
        <v>1296</v>
      </c>
      <c r="J13" s="280">
        <v>2121</v>
      </c>
      <c r="K13" s="280">
        <v>1829</v>
      </c>
      <c r="L13" s="281">
        <v>7552</v>
      </c>
      <c r="M13" s="282">
        <v>7552</v>
      </c>
      <c r="N13" s="276">
        <v>0</v>
      </c>
      <c r="O13" s="280">
        <v>0</v>
      </c>
      <c r="P13" s="277">
        <v>0</v>
      </c>
      <c r="Q13" s="279">
        <v>0</v>
      </c>
      <c r="R13" s="280">
        <v>0</v>
      </c>
      <c r="S13" s="280">
        <v>5</v>
      </c>
      <c r="T13" s="280">
        <v>12</v>
      </c>
      <c r="U13" s="280">
        <v>9</v>
      </c>
      <c r="V13" s="280">
        <v>33</v>
      </c>
      <c r="W13" s="277">
        <v>59</v>
      </c>
      <c r="X13" s="282">
        <v>59</v>
      </c>
      <c r="Y13" s="276">
        <v>58</v>
      </c>
      <c r="Z13" s="280">
        <v>236</v>
      </c>
      <c r="AA13" s="277">
        <v>294</v>
      </c>
      <c r="AB13" s="279">
        <v>0</v>
      </c>
      <c r="AC13" s="280">
        <v>621</v>
      </c>
      <c r="AD13" s="280">
        <v>387</v>
      </c>
      <c r="AE13" s="280">
        <v>196</v>
      </c>
      <c r="AF13" s="280">
        <v>231</v>
      </c>
      <c r="AG13" s="280">
        <v>192</v>
      </c>
      <c r="AH13" s="277">
        <v>1627</v>
      </c>
      <c r="AI13" s="282">
        <v>1921</v>
      </c>
      <c r="AJ13" s="276">
        <v>16</v>
      </c>
      <c r="AK13" s="280">
        <v>37</v>
      </c>
      <c r="AL13" s="277">
        <v>53</v>
      </c>
      <c r="AM13" s="279">
        <v>0</v>
      </c>
      <c r="AN13" s="280">
        <v>99</v>
      </c>
      <c r="AO13" s="280">
        <v>110</v>
      </c>
      <c r="AP13" s="280">
        <v>52</v>
      </c>
      <c r="AQ13" s="280">
        <v>8</v>
      </c>
      <c r="AR13" s="280">
        <v>26</v>
      </c>
      <c r="AS13" s="277">
        <v>295</v>
      </c>
      <c r="AT13" s="282">
        <v>348</v>
      </c>
      <c r="AU13" s="276">
        <v>0</v>
      </c>
      <c r="AV13" s="280">
        <v>0</v>
      </c>
      <c r="AW13" s="277">
        <v>0</v>
      </c>
      <c r="AX13" s="279">
        <v>0</v>
      </c>
      <c r="AY13" s="280">
        <v>881</v>
      </c>
      <c r="AZ13" s="280">
        <v>540</v>
      </c>
      <c r="BA13" s="280">
        <v>339</v>
      </c>
      <c r="BB13" s="280">
        <v>115</v>
      </c>
      <c r="BC13" s="280">
        <v>46</v>
      </c>
      <c r="BD13" s="281">
        <v>1921</v>
      </c>
      <c r="BE13" s="282">
        <v>1921</v>
      </c>
      <c r="BF13" s="276">
        <v>0</v>
      </c>
      <c r="BG13" s="280">
        <v>0</v>
      </c>
      <c r="BH13" s="277">
        <v>0</v>
      </c>
      <c r="BI13" s="279">
        <v>0</v>
      </c>
      <c r="BJ13" s="280">
        <v>157</v>
      </c>
      <c r="BK13" s="280">
        <v>123</v>
      </c>
      <c r="BL13" s="280">
        <v>19</v>
      </c>
      <c r="BM13" s="280">
        <v>16</v>
      </c>
      <c r="BN13" s="280">
        <v>1</v>
      </c>
      <c r="BO13" s="277">
        <v>316</v>
      </c>
      <c r="BP13" s="282">
        <v>316</v>
      </c>
      <c r="BQ13" s="276">
        <v>0</v>
      </c>
      <c r="BR13" s="280">
        <v>0</v>
      </c>
      <c r="BS13" s="277">
        <v>0</v>
      </c>
      <c r="BT13" s="279">
        <v>0</v>
      </c>
      <c r="BU13" s="280">
        <v>43</v>
      </c>
      <c r="BV13" s="280">
        <v>74</v>
      </c>
      <c r="BW13" s="280">
        <v>185</v>
      </c>
      <c r="BX13" s="280">
        <v>128</v>
      </c>
      <c r="BY13" s="280">
        <v>37</v>
      </c>
      <c r="BZ13" s="277">
        <v>467</v>
      </c>
      <c r="CA13" s="282">
        <v>467</v>
      </c>
      <c r="CB13" s="276">
        <v>0</v>
      </c>
      <c r="CC13" s="280">
        <v>0</v>
      </c>
      <c r="CD13" s="277">
        <v>0</v>
      </c>
      <c r="CE13" s="279">
        <v>0</v>
      </c>
      <c r="CF13" s="280">
        <v>12</v>
      </c>
      <c r="CG13" s="280">
        <v>15</v>
      </c>
      <c r="CH13" s="280">
        <v>0</v>
      </c>
      <c r="CI13" s="280">
        <v>0</v>
      </c>
      <c r="CJ13" s="280">
        <v>0</v>
      </c>
      <c r="CK13" s="277">
        <v>27</v>
      </c>
      <c r="CL13" s="282">
        <v>27</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77">
        <v>0</v>
      </c>
      <c r="E14" s="278">
        <v>0</v>
      </c>
      <c r="F14" s="279">
        <v>0</v>
      </c>
      <c r="G14" s="280">
        <v>159</v>
      </c>
      <c r="H14" s="280">
        <v>141</v>
      </c>
      <c r="I14" s="280">
        <v>155</v>
      </c>
      <c r="J14" s="280">
        <v>360</v>
      </c>
      <c r="K14" s="280">
        <v>228</v>
      </c>
      <c r="L14" s="281">
        <v>1043</v>
      </c>
      <c r="M14" s="282">
        <v>1043</v>
      </c>
      <c r="N14" s="276">
        <v>0</v>
      </c>
      <c r="O14" s="280">
        <v>0</v>
      </c>
      <c r="P14" s="277">
        <v>0</v>
      </c>
      <c r="Q14" s="279">
        <v>0</v>
      </c>
      <c r="R14" s="280">
        <v>0</v>
      </c>
      <c r="S14" s="280">
        <v>0</v>
      </c>
      <c r="T14" s="280">
        <v>4</v>
      </c>
      <c r="U14" s="280">
        <v>21</v>
      </c>
      <c r="V14" s="280">
        <v>13</v>
      </c>
      <c r="W14" s="277">
        <v>38</v>
      </c>
      <c r="X14" s="282">
        <v>38</v>
      </c>
      <c r="Y14" s="276">
        <v>12</v>
      </c>
      <c r="Z14" s="280">
        <v>8</v>
      </c>
      <c r="AA14" s="277">
        <v>20</v>
      </c>
      <c r="AB14" s="279">
        <v>0</v>
      </c>
      <c r="AC14" s="280">
        <v>193</v>
      </c>
      <c r="AD14" s="280">
        <v>186</v>
      </c>
      <c r="AE14" s="280">
        <v>87</v>
      </c>
      <c r="AF14" s="280">
        <v>205</v>
      </c>
      <c r="AG14" s="280">
        <v>13</v>
      </c>
      <c r="AH14" s="277">
        <v>684</v>
      </c>
      <c r="AI14" s="282">
        <v>704</v>
      </c>
      <c r="AJ14" s="276">
        <v>0</v>
      </c>
      <c r="AK14" s="280">
        <v>0</v>
      </c>
      <c r="AL14" s="277">
        <v>0</v>
      </c>
      <c r="AM14" s="279">
        <v>0</v>
      </c>
      <c r="AN14" s="280">
        <v>24</v>
      </c>
      <c r="AO14" s="280">
        <v>8</v>
      </c>
      <c r="AP14" s="280">
        <v>0</v>
      </c>
      <c r="AQ14" s="280">
        <v>21</v>
      </c>
      <c r="AR14" s="280">
        <v>18</v>
      </c>
      <c r="AS14" s="277">
        <v>71</v>
      </c>
      <c r="AT14" s="282">
        <v>71</v>
      </c>
      <c r="AU14" s="276">
        <v>0</v>
      </c>
      <c r="AV14" s="280">
        <v>0</v>
      </c>
      <c r="AW14" s="277">
        <v>0</v>
      </c>
      <c r="AX14" s="279">
        <v>0</v>
      </c>
      <c r="AY14" s="280">
        <v>111</v>
      </c>
      <c r="AZ14" s="280">
        <v>117</v>
      </c>
      <c r="BA14" s="280">
        <v>110</v>
      </c>
      <c r="BB14" s="280">
        <v>94</v>
      </c>
      <c r="BC14" s="280">
        <v>19</v>
      </c>
      <c r="BD14" s="281">
        <v>451</v>
      </c>
      <c r="BE14" s="282">
        <v>451</v>
      </c>
      <c r="BF14" s="276">
        <v>0</v>
      </c>
      <c r="BG14" s="280">
        <v>0</v>
      </c>
      <c r="BH14" s="277">
        <v>0</v>
      </c>
      <c r="BI14" s="279">
        <v>0</v>
      </c>
      <c r="BJ14" s="280">
        <v>66</v>
      </c>
      <c r="BK14" s="280">
        <v>65</v>
      </c>
      <c r="BL14" s="280">
        <v>53</v>
      </c>
      <c r="BM14" s="280">
        <v>9</v>
      </c>
      <c r="BN14" s="280">
        <v>11</v>
      </c>
      <c r="BO14" s="277">
        <v>204</v>
      </c>
      <c r="BP14" s="282">
        <v>204</v>
      </c>
      <c r="BQ14" s="276">
        <v>0</v>
      </c>
      <c r="BR14" s="280">
        <v>0</v>
      </c>
      <c r="BS14" s="277">
        <v>0</v>
      </c>
      <c r="BT14" s="279">
        <v>0</v>
      </c>
      <c r="BU14" s="280">
        <v>28</v>
      </c>
      <c r="BV14" s="280">
        <v>22</v>
      </c>
      <c r="BW14" s="280">
        <v>53</v>
      </c>
      <c r="BX14" s="280">
        <v>41</v>
      </c>
      <c r="BY14" s="280">
        <v>29</v>
      </c>
      <c r="BZ14" s="277">
        <v>173</v>
      </c>
      <c r="CA14" s="282">
        <v>173</v>
      </c>
      <c r="CB14" s="276">
        <v>0</v>
      </c>
      <c r="CC14" s="280">
        <v>0</v>
      </c>
      <c r="CD14" s="277">
        <v>0</v>
      </c>
      <c r="CE14" s="279">
        <v>0</v>
      </c>
      <c r="CF14" s="280">
        <v>0</v>
      </c>
      <c r="CG14" s="280">
        <v>0</v>
      </c>
      <c r="CH14" s="280">
        <v>16</v>
      </c>
      <c r="CI14" s="280">
        <v>4</v>
      </c>
      <c r="CJ14" s="280">
        <v>31</v>
      </c>
      <c r="CK14" s="277">
        <v>51</v>
      </c>
      <c r="CL14" s="282">
        <v>51</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77">
        <v>0</v>
      </c>
      <c r="E15" s="278">
        <v>0</v>
      </c>
      <c r="F15" s="279">
        <v>0</v>
      </c>
      <c r="G15" s="280">
        <v>478</v>
      </c>
      <c r="H15" s="280">
        <v>653</v>
      </c>
      <c r="I15" s="280">
        <v>872</v>
      </c>
      <c r="J15" s="280">
        <v>715</v>
      </c>
      <c r="K15" s="280">
        <v>942</v>
      </c>
      <c r="L15" s="281">
        <v>3660</v>
      </c>
      <c r="M15" s="282">
        <v>3660</v>
      </c>
      <c r="N15" s="276">
        <v>0</v>
      </c>
      <c r="O15" s="280">
        <v>0</v>
      </c>
      <c r="P15" s="277">
        <v>0</v>
      </c>
      <c r="Q15" s="279">
        <v>0</v>
      </c>
      <c r="R15" s="280">
        <v>0</v>
      </c>
      <c r="S15" s="280">
        <v>5</v>
      </c>
      <c r="T15" s="280">
        <v>3</v>
      </c>
      <c r="U15" s="280">
        <v>5</v>
      </c>
      <c r="V15" s="280">
        <v>41</v>
      </c>
      <c r="W15" s="277">
        <v>54</v>
      </c>
      <c r="X15" s="282">
        <v>54</v>
      </c>
      <c r="Y15" s="276">
        <v>39</v>
      </c>
      <c r="Z15" s="280">
        <v>161</v>
      </c>
      <c r="AA15" s="277">
        <v>200</v>
      </c>
      <c r="AB15" s="279">
        <v>0</v>
      </c>
      <c r="AC15" s="280">
        <v>175</v>
      </c>
      <c r="AD15" s="280">
        <v>110</v>
      </c>
      <c r="AE15" s="280">
        <v>167</v>
      </c>
      <c r="AF15" s="280">
        <v>125</v>
      </c>
      <c r="AG15" s="280">
        <v>124</v>
      </c>
      <c r="AH15" s="277">
        <v>701</v>
      </c>
      <c r="AI15" s="282">
        <v>901</v>
      </c>
      <c r="AJ15" s="276">
        <v>0</v>
      </c>
      <c r="AK15" s="280">
        <v>26</v>
      </c>
      <c r="AL15" s="277">
        <v>26</v>
      </c>
      <c r="AM15" s="279">
        <v>0</v>
      </c>
      <c r="AN15" s="280">
        <v>36</v>
      </c>
      <c r="AO15" s="280">
        <v>30</v>
      </c>
      <c r="AP15" s="280">
        <v>34</v>
      </c>
      <c r="AQ15" s="280">
        <v>14</v>
      </c>
      <c r="AR15" s="280">
        <v>0</v>
      </c>
      <c r="AS15" s="277">
        <v>114</v>
      </c>
      <c r="AT15" s="282">
        <v>140</v>
      </c>
      <c r="AU15" s="276">
        <v>0</v>
      </c>
      <c r="AV15" s="280">
        <v>0</v>
      </c>
      <c r="AW15" s="277">
        <v>0</v>
      </c>
      <c r="AX15" s="279">
        <v>0</v>
      </c>
      <c r="AY15" s="280">
        <v>354</v>
      </c>
      <c r="AZ15" s="280">
        <v>248</v>
      </c>
      <c r="BA15" s="280">
        <v>102</v>
      </c>
      <c r="BB15" s="280">
        <v>86</v>
      </c>
      <c r="BC15" s="280">
        <v>65</v>
      </c>
      <c r="BD15" s="281">
        <v>855</v>
      </c>
      <c r="BE15" s="282">
        <v>855</v>
      </c>
      <c r="BF15" s="276">
        <v>0</v>
      </c>
      <c r="BG15" s="280">
        <v>0</v>
      </c>
      <c r="BH15" s="277">
        <v>0</v>
      </c>
      <c r="BI15" s="279">
        <v>0</v>
      </c>
      <c r="BJ15" s="280">
        <v>103</v>
      </c>
      <c r="BK15" s="280">
        <v>87</v>
      </c>
      <c r="BL15" s="280">
        <v>78</v>
      </c>
      <c r="BM15" s="280">
        <v>39</v>
      </c>
      <c r="BN15" s="280">
        <v>0</v>
      </c>
      <c r="BO15" s="277">
        <v>307</v>
      </c>
      <c r="BP15" s="282">
        <v>307</v>
      </c>
      <c r="BQ15" s="276">
        <v>10</v>
      </c>
      <c r="BR15" s="280">
        <v>3</v>
      </c>
      <c r="BS15" s="277">
        <v>13</v>
      </c>
      <c r="BT15" s="279">
        <v>0</v>
      </c>
      <c r="BU15" s="280">
        <v>58</v>
      </c>
      <c r="BV15" s="280">
        <v>30</v>
      </c>
      <c r="BW15" s="280">
        <v>108</v>
      </c>
      <c r="BX15" s="280">
        <v>79</v>
      </c>
      <c r="BY15" s="280">
        <v>54</v>
      </c>
      <c r="BZ15" s="277">
        <v>329</v>
      </c>
      <c r="CA15" s="282">
        <v>342</v>
      </c>
      <c r="CB15" s="276">
        <v>0</v>
      </c>
      <c r="CC15" s="280">
        <v>0</v>
      </c>
      <c r="CD15" s="277">
        <v>0</v>
      </c>
      <c r="CE15" s="279">
        <v>0</v>
      </c>
      <c r="CF15" s="280">
        <v>0</v>
      </c>
      <c r="CG15" s="280">
        <v>0</v>
      </c>
      <c r="CH15" s="280">
        <v>0</v>
      </c>
      <c r="CI15" s="280">
        <v>0</v>
      </c>
      <c r="CJ15" s="280">
        <v>0</v>
      </c>
      <c r="CK15" s="277">
        <v>0</v>
      </c>
      <c r="CL15" s="282">
        <v>0</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77">
        <v>0</v>
      </c>
      <c r="E16" s="278">
        <v>0</v>
      </c>
      <c r="F16" s="279">
        <v>0</v>
      </c>
      <c r="G16" s="280">
        <v>180</v>
      </c>
      <c r="H16" s="280">
        <v>477</v>
      </c>
      <c r="I16" s="280">
        <v>454</v>
      </c>
      <c r="J16" s="280">
        <v>417</v>
      </c>
      <c r="K16" s="280">
        <v>858</v>
      </c>
      <c r="L16" s="281">
        <v>2386</v>
      </c>
      <c r="M16" s="282">
        <v>2386</v>
      </c>
      <c r="N16" s="276">
        <v>0</v>
      </c>
      <c r="O16" s="280">
        <v>0</v>
      </c>
      <c r="P16" s="277">
        <v>0</v>
      </c>
      <c r="Q16" s="279">
        <v>0</v>
      </c>
      <c r="R16" s="280">
        <v>0</v>
      </c>
      <c r="S16" s="280">
        <v>0</v>
      </c>
      <c r="T16" s="280">
        <v>8</v>
      </c>
      <c r="U16" s="280">
        <v>19</v>
      </c>
      <c r="V16" s="280">
        <v>0</v>
      </c>
      <c r="W16" s="277">
        <v>27</v>
      </c>
      <c r="X16" s="282">
        <v>27</v>
      </c>
      <c r="Y16" s="276">
        <v>9</v>
      </c>
      <c r="Z16" s="280">
        <v>16</v>
      </c>
      <c r="AA16" s="277">
        <v>25</v>
      </c>
      <c r="AB16" s="279">
        <v>0</v>
      </c>
      <c r="AC16" s="280">
        <v>146</v>
      </c>
      <c r="AD16" s="280">
        <v>129</v>
      </c>
      <c r="AE16" s="280">
        <v>107</v>
      </c>
      <c r="AF16" s="280">
        <v>123</v>
      </c>
      <c r="AG16" s="280">
        <v>100</v>
      </c>
      <c r="AH16" s="277">
        <v>605</v>
      </c>
      <c r="AI16" s="282">
        <v>630</v>
      </c>
      <c r="AJ16" s="276">
        <v>0</v>
      </c>
      <c r="AK16" s="280">
        <v>0</v>
      </c>
      <c r="AL16" s="277">
        <v>0</v>
      </c>
      <c r="AM16" s="279">
        <v>0</v>
      </c>
      <c r="AN16" s="280">
        <v>12</v>
      </c>
      <c r="AO16" s="280">
        <v>89</v>
      </c>
      <c r="AP16" s="280">
        <v>0</v>
      </c>
      <c r="AQ16" s="280">
        <v>8</v>
      </c>
      <c r="AR16" s="280">
        <v>40</v>
      </c>
      <c r="AS16" s="277">
        <v>149</v>
      </c>
      <c r="AT16" s="282">
        <v>149</v>
      </c>
      <c r="AU16" s="276">
        <v>0</v>
      </c>
      <c r="AV16" s="280">
        <v>0</v>
      </c>
      <c r="AW16" s="277">
        <v>0</v>
      </c>
      <c r="AX16" s="279">
        <v>0</v>
      </c>
      <c r="AY16" s="280">
        <v>159</v>
      </c>
      <c r="AZ16" s="280">
        <v>123</v>
      </c>
      <c r="BA16" s="280">
        <v>62</v>
      </c>
      <c r="BB16" s="280">
        <v>32</v>
      </c>
      <c r="BC16" s="280">
        <v>3</v>
      </c>
      <c r="BD16" s="281">
        <v>379</v>
      </c>
      <c r="BE16" s="282">
        <v>379</v>
      </c>
      <c r="BF16" s="276">
        <v>0</v>
      </c>
      <c r="BG16" s="280">
        <v>0</v>
      </c>
      <c r="BH16" s="277">
        <v>0</v>
      </c>
      <c r="BI16" s="279">
        <v>0</v>
      </c>
      <c r="BJ16" s="280">
        <v>5</v>
      </c>
      <c r="BK16" s="280">
        <v>14</v>
      </c>
      <c r="BL16" s="280">
        <v>20</v>
      </c>
      <c r="BM16" s="280">
        <v>20</v>
      </c>
      <c r="BN16" s="280">
        <v>8</v>
      </c>
      <c r="BO16" s="277">
        <v>67</v>
      </c>
      <c r="BP16" s="282">
        <v>67</v>
      </c>
      <c r="BQ16" s="276">
        <v>0</v>
      </c>
      <c r="BR16" s="280">
        <v>0</v>
      </c>
      <c r="BS16" s="277">
        <v>0</v>
      </c>
      <c r="BT16" s="279">
        <v>0</v>
      </c>
      <c r="BU16" s="280">
        <v>0</v>
      </c>
      <c r="BV16" s="280">
        <v>4</v>
      </c>
      <c r="BW16" s="280">
        <v>7</v>
      </c>
      <c r="BX16" s="280">
        <v>23</v>
      </c>
      <c r="BY16" s="280">
        <v>0</v>
      </c>
      <c r="BZ16" s="277">
        <v>34</v>
      </c>
      <c r="CA16" s="282">
        <v>34</v>
      </c>
      <c r="CB16" s="276">
        <v>0</v>
      </c>
      <c r="CC16" s="280">
        <v>0</v>
      </c>
      <c r="CD16" s="277">
        <v>0</v>
      </c>
      <c r="CE16" s="279">
        <v>0</v>
      </c>
      <c r="CF16" s="280">
        <v>0</v>
      </c>
      <c r="CG16" s="280">
        <v>0</v>
      </c>
      <c r="CH16" s="280">
        <v>0</v>
      </c>
      <c r="CI16" s="280">
        <v>3</v>
      </c>
      <c r="CJ16" s="280">
        <v>0</v>
      </c>
      <c r="CK16" s="277">
        <v>3</v>
      </c>
      <c r="CL16" s="282">
        <v>3</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77">
        <v>0</v>
      </c>
      <c r="E17" s="278">
        <v>0</v>
      </c>
      <c r="F17" s="279">
        <v>0</v>
      </c>
      <c r="G17" s="280">
        <v>37</v>
      </c>
      <c r="H17" s="280">
        <v>43</v>
      </c>
      <c r="I17" s="280">
        <v>4</v>
      </c>
      <c r="J17" s="280">
        <v>28</v>
      </c>
      <c r="K17" s="280">
        <v>116</v>
      </c>
      <c r="L17" s="281">
        <v>228</v>
      </c>
      <c r="M17" s="282">
        <v>228</v>
      </c>
      <c r="N17" s="276">
        <v>0</v>
      </c>
      <c r="O17" s="280">
        <v>0</v>
      </c>
      <c r="P17" s="277">
        <v>0</v>
      </c>
      <c r="Q17" s="279">
        <v>0</v>
      </c>
      <c r="R17" s="280">
        <v>0</v>
      </c>
      <c r="S17" s="280">
        <v>0</v>
      </c>
      <c r="T17" s="280">
        <v>0</v>
      </c>
      <c r="U17" s="280">
        <v>0</v>
      </c>
      <c r="V17" s="280">
        <v>20</v>
      </c>
      <c r="W17" s="277">
        <v>20</v>
      </c>
      <c r="X17" s="282">
        <v>20</v>
      </c>
      <c r="Y17" s="276">
        <v>0</v>
      </c>
      <c r="Z17" s="280">
        <v>2</v>
      </c>
      <c r="AA17" s="277">
        <v>2</v>
      </c>
      <c r="AB17" s="279">
        <v>0</v>
      </c>
      <c r="AC17" s="280">
        <v>5</v>
      </c>
      <c r="AD17" s="280">
        <v>9</v>
      </c>
      <c r="AE17" s="280">
        <v>2</v>
      </c>
      <c r="AF17" s="280">
        <v>44</v>
      </c>
      <c r="AG17" s="280">
        <v>71</v>
      </c>
      <c r="AH17" s="277">
        <v>131</v>
      </c>
      <c r="AI17" s="282">
        <v>133</v>
      </c>
      <c r="AJ17" s="276">
        <v>0</v>
      </c>
      <c r="AK17" s="280">
        <v>0</v>
      </c>
      <c r="AL17" s="277">
        <v>0</v>
      </c>
      <c r="AM17" s="279">
        <v>0</v>
      </c>
      <c r="AN17" s="280">
        <v>0</v>
      </c>
      <c r="AO17" s="280">
        <v>0</v>
      </c>
      <c r="AP17" s="280">
        <v>0</v>
      </c>
      <c r="AQ17" s="280">
        <v>0</v>
      </c>
      <c r="AR17" s="280">
        <v>33</v>
      </c>
      <c r="AS17" s="277">
        <v>33</v>
      </c>
      <c r="AT17" s="282">
        <v>33</v>
      </c>
      <c r="AU17" s="276">
        <v>0</v>
      </c>
      <c r="AV17" s="280">
        <v>0</v>
      </c>
      <c r="AW17" s="277">
        <v>0</v>
      </c>
      <c r="AX17" s="279">
        <v>0</v>
      </c>
      <c r="AY17" s="280">
        <v>24</v>
      </c>
      <c r="AZ17" s="280">
        <v>31</v>
      </c>
      <c r="BA17" s="280">
        <v>0</v>
      </c>
      <c r="BB17" s="280">
        <v>5</v>
      </c>
      <c r="BC17" s="280">
        <v>0</v>
      </c>
      <c r="BD17" s="281">
        <v>60</v>
      </c>
      <c r="BE17" s="282">
        <v>60</v>
      </c>
      <c r="BF17" s="276">
        <v>0</v>
      </c>
      <c r="BG17" s="280">
        <v>0</v>
      </c>
      <c r="BH17" s="277">
        <v>0</v>
      </c>
      <c r="BI17" s="279">
        <v>0</v>
      </c>
      <c r="BJ17" s="280">
        <v>6</v>
      </c>
      <c r="BK17" s="280">
        <v>12</v>
      </c>
      <c r="BL17" s="280">
        <v>7</v>
      </c>
      <c r="BM17" s="280">
        <v>18</v>
      </c>
      <c r="BN17" s="280">
        <v>17</v>
      </c>
      <c r="BO17" s="277">
        <v>60</v>
      </c>
      <c r="BP17" s="282">
        <v>60</v>
      </c>
      <c r="BQ17" s="276">
        <v>0</v>
      </c>
      <c r="BR17" s="280">
        <v>0</v>
      </c>
      <c r="BS17" s="277">
        <v>0</v>
      </c>
      <c r="BT17" s="279">
        <v>0</v>
      </c>
      <c r="BU17" s="280">
        <v>0</v>
      </c>
      <c r="BV17" s="280">
        <v>0</v>
      </c>
      <c r="BW17" s="280">
        <v>36</v>
      </c>
      <c r="BX17" s="280">
        <v>20</v>
      </c>
      <c r="BY17" s="280">
        <v>0</v>
      </c>
      <c r="BZ17" s="277">
        <v>56</v>
      </c>
      <c r="CA17" s="282">
        <v>56</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77">
        <v>0</v>
      </c>
      <c r="E18" s="278">
        <v>0</v>
      </c>
      <c r="F18" s="279">
        <v>0</v>
      </c>
      <c r="G18" s="280">
        <v>85</v>
      </c>
      <c r="H18" s="280">
        <v>246</v>
      </c>
      <c r="I18" s="280">
        <v>191</v>
      </c>
      <c r="J18" s="280">
        <v>91</v>
      </c>
      <c r="K18" s="280">
        <v>68</v>
      </c>
      <c r="L18" s="281">
        <v>681</v>
      </c>
      <c r="M18" s="282">
        <v>681</v>
      </c>
      <c r="N18" s="276">
        <v>0</v>
      </c>
      <c r="O18" s="280">
        <v>0</v>
      </c>
      <c r="P18" s="277">
        <v>0</v>
      </c>
      <c r="Q18" s="279">
        <v>0</v>
      </c>
      <c r="R18" s="280">
        <v>0</v>
      </c>
      <c r="S18" s="280">
        <v>0</v>
      </c>
      <c r="T18" s="280">
        <v>2</v>
      </c>
      <c r="U18" s="280">
        <v>4</v>
      </c>
      <c r="V18" s="280">
        <v>7</v>
      </c>
      <c r="W18" s="277">
        <v>13</v>
      </c>
      <c r="X18" s="282">
        <v>13</v>
      </c>
      <c r="Y18" s="276">
        <v>8</v>
      </c>
      <c r="Z18" s="280">
        <v>1</v>
      </c>
      <c r="AA18" s="277">
        <v>9</v>
      </c>
      <c r="AB18" s="279">
        <v>0</v>
      </c>
      <c r="AC18" s="280">
        <v>49</v>
      </c>
      <c r="AD18" s="280">
        <v>100</v>
      </c>
      <c r="AE18" s="280">
        <v>59</v>
      </c>
      <c r="AF18" s="280">
        <v>27</v>
      </c>
      <c r="AG18" s="280">
        <v>40</v>
      </c>
      <c r="AH18" s="277">
        <v>275</v>
      </c>
      <c r="AI18" s="282">
        <v>284</v>
      </c>
      <c r="AJ18" s="276">
        <v>0</v>
      </c>
      <c r="AK18" s="280">
        <v>0</v>
      </c>
      <c r="AL18" s="277">
        <v>0</v>
      </c>
      <c r="AM18" s="279">
        <v>0</v>
      </c>
      <c r="AN18" s="280">
        <v>24</v>
      </c>
      <c r="AO18" s="280">
        <v>12</v>
      </c>
      <c r="AP18" s="280">
        <v>17</v>
      </c>
      <c r="AQ18" s="280">
        <v>0</v>
      </c>
      <c r="AR18" s="280">
        <v>0</v>
      </c>
      <c r="AS18" s="277">
        <v>53</v>
      </c>
      <c r="AT18" s="282">
        <v>53</v>
      </c>
      <c r="AU18" s="276">
        <v>0</v>
      </c>
      <c r="AV18" s="280">
        <v>0</v>
      </c>
      <c r="AW18" s="277">
        <v>0</v>
      </c>
      <c r="AX18" s="279">
        <v>0</v>
      </c>
      <c r="AY18" s="280">
        <v>216</v>
      </c>
      <c r="AZ18" s="280">
        <v>205</v>
      </c>
      <c r="BA18" s="280">
        <v>95</v>
      </c>
      <c r="BB18" s="280">
        <v>45</v>
      </c>
      <c r="BC18" s="280">
        <v>12</v>
      </c>
      <c r="BD18" s="281">
        <v>573</v>
      </c>
      <c r="BE18" s="282">
        <v>573</v>
      </c>
      <c r="BF18" s="276">
        <v>0</v>
      </c>
      <c r="BG18" s="280">
        <v>0</v>
      </c>
      <c r="BH18" s="277">
        <v>0</v>
      </c>
      <c r="BI18" s="279">
        <v>0</v>
      </c>
      <c r="BJ18" s="280">
        <v>65</v>
      </c>
      <c r="BK18" s="280">
        <v>113</v>
      </c>
      <c r="BL18" s="280">
        <v>56</v>
      </c>
      <c r="BM18" s="280">
        <v>8</v>
      </c>
      <c r="BN18" s="280">
        <v>8</v>
      </c>
      <c r="BO18" s="277">
        <v>250</v>
      </c>
      <c r="BP18" s="282">
        <v>250</v>
      </c>
      <c r="BQ18" s="276">
        <v>0</v>
      </c>
      <c r="BR18" s="280">
        <v>0</v>
      </c>
      <c r="BS18" s="277">
        <v>0</v>
      </c>
      <c r="BT18" s="279">
        <v>0</v>
      </c>
      <c r="BU18" s="280">
        <v>43</v>
      </c>
      <c r="BV18" s="280">
        <v>34</v>
      </c>
      <c r="BW18" s="280">
        <v>36</v>
      </c>
      <c r="BX18" s="280">
        <v>5</v>
      </c>
      <c r="BY18" s="280">
        <v>0</v>
      </c>
      <c r="BZ18" s="277">
        <v>118</v>
      </c>
      <c r="CA18" s="282">
        <v>118</v>
      </c>
      <c r="CB18" s="276">
        <v>0</v>
      </c>
      <c r="CC18" s="280">
        <v>0</v>
      </c>
      <c r="CD18" s="277">
        <v>0</v>
      </c>
      <c r="CE18" s="279">
        <v>0</v>
      </c>
      <c r="CF18" s="280">
        <v>3</v>
      </c>
      <c r="CG18" s="280">
        <v>0</v>
      </c>
      <c r="CH18" s="280">
        <v>17</v>
      </c>
      <c r="CI18" s="280">
        <v>0</v>
      </c>
      <c r="CJ18" s="280">
        <v>0</v>
      </c>
      <c r="CK18" s="277">
        <v>20</v>
      </c>
      <c r="CL18" s="282">
        <v>20</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77">
        <v>0</v>
      </c>
      <c r="E19" s="278">
        <v>0</v>
      </c>
      <c r="F19" s="279">
        <v>0</v>
      </c>
      <c r="G19" s="280">
        <v>89</v>
      </c>
      <c r="H19" s="280">
        <v>302</v>
      </c>
      <c r="I19" s="280">
        <v>652</v>
      </c>
      <c r="J19" s="280">
        <v>275</v>
      </c>
      <c r="K19" s="280">
        <v>416</v>
      </c>
      <c r="L19" s="281">
        <v>1734</v>
      </c>
      <c r="M19" s="282">
        <v>1734</v>
      </c>
      <c r="N19" s="276">
        <v>0</v>
      </c>
      <c r="O19" s="280">
        <v>0</v>
      </c>
      <c r="P19" s="277">
        <v>0</v>
      </c>
      <c r="Q19" s="279">
        <v>0</v>
      </c>
      <c r="R19" s="280">
        <v>0</v>
      </c>
      <c r="S19" s="280">
        <v>0</v>
      </c>
      <c r="T19" s="280">
        <v>4</v>
      </c>
      <c r="U19" s="280">
        <v>10</v>
      </c>
      <c r="V19" s="280">
        <v>9</v>
      </c>
      <c r="W19" s="277">
        <v>23</v>
      </c>
      <c r="X19" s="282">
        <v>23</v>
      </c>
      <c r="Y19" s="276">
        <v>20</v>
      </c>
      <c r="Z19" s="280">
        <v>33</v>
      </c>
      <c r="AA19" s="277">
        <v>53</v>
      </c>
      <c r="AB19" s="279">
        <v>0</v>
      </c>
      <c r="AC19" s="280">
        <v>98</v>
      </c>
      <c r="AD19" s="280">
        <v>180</v>
      </c>
      <c r="AE19" s="280">
        <v>122</v>
      </c>
      <c r="AF19" s="280">
        <v>97</v>
      </c>
      <c r="AG19" s="280">
        <v>50</v>
      </c>
      <c r="AH19" s="277">
        <v>547</v>
      </c>
      <c r="AI19" s="282">
        <v>600</v>
      </c>
      <c r="AJ19" s="276">
        <v>0</v>
      </c>
      <c r="AK19" s="280">
        <v>9</v>
      </c>
      <c r="AL19" s="277">
        <v>9</v>
      </c>
      <c r="AM19" s="279">
        <v>0</v>
      </c>
      <c r="AN19" s="280">
        <v>10</v>
      </c>
      <c r="AO19" s="280">
        <v>0</v>
      </c>
      <c r="AP19" s="280">
        <v>36</v>
      </c>
      <c r="AQ19" s="280">
        <v>38</v>
      </c>
      <c r="AR19" s="280">
        <v>0</v>
      </c>
      <c r="AS19" s="277">
        <v>84</v>
      </c>
      <c r="AT19" s="282">
        <v>93</v>
      </c>
      <c r="AU19" s="276">
        <v>0</v>
      </c>
      <c r="AV19" s="280">
        <v>0</v>
      </c>
      <c r="AW19" s="277">
        <v>0</v>
      </c>
      <c r="AX19" s="279">
        <v>0</v>
      </c>
      <c r="AY19" s="280">
        <v>164</v>
      </c>
      <c r="AZ19" s="280">
        <v>234</v>
      </c>
      <c r="BA19" s="280">
        <v>124</v>
      </c>
      <c r="BB19" s="280">
        <v>84</v>
      </c>
      <c r="BC19" s="280">
        <v>24</v>
      </c>
      <c r="BD19" s="281">
        <v>630</v>
      </c>
      <c r="BE19" s="282">
        <v>630</v>
      </c>
      <c r="BF19" s="276">
        <v>0</v>
      </c>
      <c r="BG19" s="280">
        <v>0</v>
      </c>
      <c r="BH19" s="277">
        <v>0</v>
      </c>
      <c r="BI19" s="279">
        <v>0</v>
      </c>
      <c r="BJ19" s="280">
        <v>53</v>
      </c>
      <c r="BK19" s="280">
        <v>84</v>
      </c>
      <c r="BL19" s="280">
        <v>75</v>
      </c>
      <c r="BM19" s="280">
        <v>37</v>
      </c>
      <c r="BN19" s="280">
        <v>2</v>
      </c>
      <c r="BO19" s="277">
        <v>251</v>
      </c>
      <c r="BP19" s="282">
        <v>251</v>
      </c>
      <c r="BQ19" s="276">
        <v>0</v>
      </c>
      <c r="BR19" s="280">
        <v>2</v>
      </c>
      <c r="BS19" s="277">
        <v>2</v>
      </c>
      <c r="BT19" s="279">
        <v>0</v>
      </c>
      <c r="BU19" s="280">
        <v>3</v>
      </c>
      <c r="BV19" s="280">
        <v>80</v>
      </c>
      <c r="BW19" s="280">
        <v>15</v>
      </c>
      <c r="BX19" s="280">
        <v>58</v>
      </c>
      <c r="BY19" s="280">
        <v>52</v>
      </c>
      <c r="BZ19" s="277">
        <v>208</v>
      </c>
      <c r="CA19" s="282">
        <v>210</v>
      </c>
      <c r="CB19" s="276">
        <v>0</v>
      </c>
      <c r="CC19" s="280">
        <v>0</v>
      </c>
      <c r="CD19" s="277">
        <v>0</v>
      </c>
      <c r="CE19" s="279">
        <v>0</v>
      </c>
      <c r="CF19" s="280">
        <v>11</v>
      </c>
      <c r="CG19" s="280">
        <v>8</v>
      </c>
      <c r="CH19" s="280">
        <v>10</v>
      </c>
      <c r="CI19" s="280">
        <v>12</v>
      </c>
      <c r="CJ19" s="280">
        <v>0</v>
      </c>
      <c r="CK19" s="277">
        <v>41</v>
      </c>
      <c r="CL19" s="282">
        <v>41</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77">
        <v>0</v>
      </c>
      <c r="E20" s="278">
        <v>0</v>
      </c>
      <c r="F20" s="279">
        <v>0</v>
      </c>
      <c r="G20" s="280">
        <v>297</v>
      </c>
      <c r="H20" s="280">
        <v>290</v>
      </c>
      <c r="I20" s="280">
        <v>645</v>
      </c>
      <c r="J20" s="280">
        <v>1161</v>
      </c>
      <c r="K20" s="280">
        <v>338</v>
      </c>
      <c r="L20" s="281">
        <v>2731</v>
      </c>
      <c r="M20" s="282">
        <v>2731</v>
      </c>
      <c r="N20" s="276">
        <v>0</v>
      </c>
      <c r="O20" s="280">
        <v>0</v>
      </c>
      <c r="P20" s="277">
        <v>0</v>
      </c>
      <c r="Q20" s="279">
        <v>0</v>
      </c>
      <c r="R20" s="280">
        <v>0</v>
      </c>
      <c r="S20" s="280">
        <v>0</v>
      </c>
      <c r="T20" s="280">
        <v>8</v>
      </c>
      <c r="U20" s="280">
        <v>8</v>
      </c>
      <c r="V20" s="280">
        <v>17</v>
      </c>
      <c r="W20" s="277">
        <v>33</v>
      </c>
      <c r="X20" s="282">
        <v>33</v>
      </c>
      <c r="Y20" s="276">
        <v>32</v>
      </c>
      <c r="Z20" s="280">
        <v>52</v>
      </c>
      <c r="AA20" s="277">
        <v>84</v>
      </c>
      <c r="AB20" s="279">
        <v>0</v>
      </c>
      <c r="AC20" s="280">
        <v>153</v>
      </c>
      <c r="AD20" s="280">
        <v>256</v>
      </c>
      <c r="AE20" s="280">
        <v>201</v>
      </c>
      <c r="AF20" s="280">
        <v>88</v>
      </c>
      <c r="AG20" s="280">
        <v>135</v>
      </c>
      <c r="AH20" s="277">
        <v>833</v>
      </c>
      <c r="AI20" s="282">
        <v>917</v>
      </c>
      <c r="AJ20" s="276">
        <v>12</v>
      </c>
      <c r="AK20" s="280">
        <v>0</v>
      </c>
      <c r="AL20" s="277">
        <v>12</v>
      </c>
      <c r="AM20" s="279">
        <v>0</v>
      </c>
      <c r="AN20" s="280">
        <v>57</v>
      </c>
      <c r="AO20" s="280">
        <v>29</v>
      </c>
      <c r="AP20" s="280">
        <v>40</v>
      </c>
      <c r="AQ20" s="280">
        <v>0</v>
      </c>
      <c r="AR20" s="280">
        <v>0</v>
      </c>
      <c r="AS20" s="277">
        <v>126</v>
      </c>
      <c r="AT20" s="282">
        <v>138</v>
      </c>
      <c r="AU20" s="276">
        <v>0</v>
      </c>
      <c r="AV20" s="280">
        <v>0</v>
      </c>
      <c r="AW20" s="277">
        <v>0</v>
      </c>
      <c r="AX20" s="279">
        <v>0</v>
      </c>
      <c r="AY20" s="280">
        <v>234</v>
      </c>
      <c r="AZ20" s="280">
        <v>450</v>
      </c>
      <c r="BA20" s="280">
        <v>225</v>
      </c>
      <c r="BB20" s="280">
        <v>156</v>
      </c>
      <c r="BC20" s="280">
        <v>48</v>
      </c>
      <c r="BD20" s="281">
        <v>1113</v>
      </c>
      <c r="BE20" s="282">
        <v>1113</v>
      </c>
      <c r="BF20" s="276">
        <v>0</v>
      </c>
      <c r="BG20" s="280">
        <v>0</v>
      </c>
      <c r="BH20" s="277">
        <v>0</v>
      </c>
      <c r="BI20" s="279">
        <v>0</v>
      </c>
      <c r="BJ20" s="280">
        <v>83</v>
      </c>
      <c r="BK20" s="280">
        <v>93</v>
      </c>
      <c r="BL20" s="280">
        <v>42</v>
      </c>
      <c r="BM20" s="280">
        <v>39</v>
      </c>
      <c r="BN20" s="280">
        <v>25</v>
      </c>
      <c r="BO20" s="277">
        <v>282</v>
      </c>
      <c r="BP20" s="282">
        <v>282</v>
      </c>
      <c r="BQ20" s="276">
        <v>0</v>
      </c>
      <c r="BR20" s="280">
        <v>0</v>
      </c>
      <c r="BS20" s="277">
        <v>0</v>
      </c>
      <c r="BT20" s="279">
        <v>0</v>
      </c>
      <c r="BU20" s="280">
        <v>0</v>
      </c>
      <c r="BV20" s="280">
        <v>96</v>
      </c>
      <c r="BW20" s="280">
        <v>78</v>
      </c>
      <c r="BX20" s="280">
        <v>84</v>
      </c>
      <c r="BY20" s="280">
        <v>41</v>
      </c>
      <c r="BZ20" s="277">
        <v>299</v>
      </c>
      <c r="CA20" s="282">
        <v>299</v>
      </c>
      <c r="CB20" s="276">
        <v>0</v>
      </c>
      <c r="CC20" s="280">
        <v>0</v>
      </c>
      <c r="CD20" s="277">
        <v>0</v>
      </c>
      <c r="CE20" s="279">
        <v>0</v>
      </c>
      <c r="CF20" s="280">
        <v>0</v>
      </c>
      <c r="CG20" s="280">
        <v>2</v>
      </c>
      <c r="CH20" s="280">
        <v>0</v>
      </c>
      <c r="CI20" s="280">
        <v>0</v>
      </c>
      <c r="CJ20" s="280">
        <v>0</v>
      </c>
      <c r="CK20" s="277">
        <v>2</v>
      </c>
      <c r="CL20" s="282">
        <v>2</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77">
        <v>0</v>
      </c>
      <c r="E21" s="278">
        <v>0</v>
      </c>
      <c r="F21" s="279">
        <v>0</v>
      </c>
      <c r="G21" s="280">
        <v>46</v>
      </c>
      <c r="H21" s="280">
        <v>106</v>
      </c>
      <c r="I21" s="280">
        <v>126</v>
      </c>
      <c r="J21" s="280">
        <v>183</v>
      </c>
      <c r="K21" s="280">
        <v>62</v>
      </c>
      <c r="L21" s="281">
        <v>523</v>
      </c>
      <c r="M21" s="282">
        <v>523</v>
      </c>
      <c r="N21" s="276">
        <v>0</v>
      </c>
      <c r="O21" s="280">
        <v>0</v>
      </c>
      <c r="P21" s="277">
        <v>0</v>
      </c>
      <c r="Q21" s="279">
        <v>0</v>
      </c>
      <c r="R21" s="280">
        <v>0</v>
      </c>
      <c r="S21" s="280">
        <v>4</v>
      </c>
      <c r="T21" s="280">
        <v>8</v>
      </c>
      <c r="U21" s="280">
        <v>8</v>
      </c>
      <c r="V21" s="280">
        <v>9</v>
      </c>
      <c r="W21" s="277">
        <v>29</v>
      </c>
      <c r="X21" s="282">
        <v>29</v>
      </c>
      <c r="Y21" s="276">
        <v>16</v>
      </c>
      <c r="Z21" s="280">
        <v>7</v>
      </c>
      <c r="AA21" s="277">
        <v>23</v>
      </c>
      <c r="AB21" s="279">
        <v>0</v>
      </c>
      <c r="AC21" s="280">
        <v>109</v>
      </c>
      <c r="AD21" s="280">
        <v>84</v>
      </c>
      <c r="AE21" s="280">
        <v>37</v>
      </c>
      <c r="AF21" s="280">
        <v>131</v>
      </c>
      <c r="AG21" s="280">
        <v>58</v>
      </c>
      <c r="AH21" s="277">
        <v>419</v>
      </c>
      <c r="AI21" s="282">
        <v>442</v>
      </c>
      <c r="AJ21" s="276">
        <v>8</v>
      </c>
      <c r="AK21" s="280">
        <v>0</v>
      </c>
      <c r="AL21" s="277">
        <v>8</v>
      </c>
      <c r="AM21" s="279">
        <v>0</v>
      </c>
      <c r="AN21" s="280">
        <v>41</v>
      </c>
      <c r="AO21" s="280">
        <v>0</v>
      </c>
      <c r="AP21" s="280">
        <v>12</v>
      </c>
      <c r="AQ21" s="280">
        <v>18</v>
      </c>
      <c r="AR21" s="280">
        <v>0</v>
      </c>
      <c r="AS21" s="277">
        <v>71</v>
      </c>
      <c r="AT21" s="282">
        <v>79</v>
      </c>
      <c r="AU21" s="276">
        <v>0</v>
      </c>
      <c r="AV21" s="280">
        <v>0</v>
      </c>
      <c r="AW21" s="277">
        <v>0</v>
      </c>
      <c r="AX21" s="279">
        <v>0</v>
      </c>
      <c r="AY21" s="280">
        <v>92</v>
      </c>
      <c r="AZ21" s="280">
        <v>125</v>
      </c>
      <c r="BA21" s="280">
        <v>27</v>
      </c>
      <c r="BB21" s="280">
        <v>33</v>
      </c>
      <c r="BC21" s="280">
        <v>34</v>
      </c>
      <c r="BD21" s="281">
        <v>311</v>
      </c>
      <c r="BE21" s="282">
        <v>311</v>
      </c>
      <c r="BF21" s="276">
        <v>0</v>
      </c>
      <c r="BG21" s="280">
        <v>0</v>
      </c>
      <c r="BH21" s="277">
        <v>0</v>
      </c>
      <c r="BI21" s="279">
        <v>0</v>
      </c>
      <c r="BJ21" s="280">
        <v>47</v>
      </c>
      <c r="BK21" s="280">
        <v>25</v>
      </c>
      <c r="BL21" s="280">
        <v>29</v>
      </c>
      <c r="BM21" s="280">
        <v>32</v>
      </c>
      <c r="BN21" s="280">
        <v>12</v>
      </c>
      <c r="BO21" s="277">
        <v>145</v>
      </c>
      <c r="BP21" s="282">
        <v>145</v>
      </c>
      <c r="BQ21" s="276">
        <v>0</v>
      </c>
      <c r="BR21" s="280">
        <v>3</v>
      </c>
      <c r="BS21" s="277">
        <v>3</v>
      </c>
      <c r="BT21" s="279">
        <v>0</v>
      </c>
      <c r="BU21" s="280">
        <v>5</v>
      </c>
      <c r="BV21" s="280">
        <v>5</v>
      </c>
      <c r="BW21" s="280">
        <v>2</v>
      </c>
      <c r="BX21" s="280">
        <v>25</v>
      </c>
      <c r="BY21" s="280">
        <v>21</v>
      </c>
      <c r="BZ21" s="277">
        <v>58</v>
      </c>
      <c r="CA21" s="282">
        <v>61</v>
      </c>
      <c r="CB21" s="276">
        <v>0</v>
      </c>
      <c r="CC21" s="280">
        <v>0</v>
      </c>
      <c r="CD21" s="277">
        <v>0</v>
      </c>
      <c r="CE21" s="279">
        <v>0</v>
      </c>
      <c r="CF21" s="280">
        <v>0</v>
      </c>
      <c r="CG21" s="280">
        <v>0</v>
      </c>
      <c r="CH21" s="280">
        <v>10</v>
      </c>
      <c r="CI21" s="280">
        <v>10</v>
      </c>
      <c r="CJ21" s="280">
        <v>0</v>
      </c>
      <c r="CK21" s="277">
        <v>20</v>
      </c>
      <c r="CL21" s="282">
        <v>20</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77">
        <v>0</v>
      </c>
      <c r="E22" s="278">
        <v>0</v>
      </c>
      <c r="F22" s="279">
        <v>0</v>
      </c>
      <c r="G22" s="280">
        <v>155</v>
      </c>
      <c r="H22" s="280">
        <v>157</v>
      </c>
      <c r="I22" s="280">
        <v>202</v>
      </c>
      <c r="J22" s="280">
        <v>289</v>
      </c>
      <c r="K22" s="280">
        <v>77</v>
      </c>
      <c r="L22" s="281">
        <v>880</v>
      </c>
      <c r="M22" s="282">
        <v>880</v>
      </c>
      <c r="N22" s="276">
        <v>0</v>
      </c>
      <c r="O22" s="280">
        <v>0</v>
      </c>
      <c r="P22" s="277">
        <v>0</v>
      </c>
      <c r="Q22" s="279">
        <v>0</v>
      </c>
      <c r="R22" s="280">
        <v>0</v>
      </c>
      <c r="S22" s="280">
        <v>4</v>
      </c>
      <c r="T22" s="280">
        <v>0</v>
      </c>
      <c r="U22" s="280">
        <v>12</v>
      </c>
      <c r="V22" s="280">
        <v>14</v>
      </c>
      <c r="W22" s="277">
        <v>30</v>
      </c>
      <c r="X22" s="282">
        <v>30</v>
      </c>
      <c r="Y22" s="276">
        <v>6</v>
      </c>
      <c r="Z22" s="280">
        <v>36</v>
      </c>
      <c r="AA22" s="277">
        <v>42</v>
      </c>
      <c r="AB22" s="279">
        <v>0</v>
      </c>
      <c r="AC22" s="280">
        <v>97</v>
      </c>
      <c r="AD22" s="280">
        <v>132</v>
      </c>
      <c r="AE22" s="280">
        <v>151</v>
      </c>
      <c r="AF22" s="280">
        <v>91</v>
      </c>
      <c r="AG22" s="280">
        <v>38</v>
      </c>
      <c r="AH22" s="277">
        <v>509</v>
      </c>
      <c r="AI22" s="282">
        <v>551</v>
      </c>
      <c r="AJ22" s="276">
        <v>0</v>
      </c>
      <c r="AK22" s="280">
        <v>22</v>
      </c>
      <c r="AL22" s="277">
        <v>22</v>
      </c>
      <c r="AM22" s="279">
        <v>0</v>
      </c>
      <c r="AN22" s="280">
        <v>58</v>
      </c>
      <c r="AO22" s="280">
        <v>86</v>
      </c>
      <c r="AP22" s="280">
        <v>42</v>
      </c>
      <c r="AQ22" s="280">
        <v>18</v>
      </c>
      <c r="AR22" s="280">
        <v>8</v>
      </c>
      <c r="AS22" s="277">
        <v>212</v>
      </c>
      <c r="AT22" s="282">
        <v>234</v>
      </c>
      <c r="AU22" s="276">
        <v>0</v>
      </c>
      <c r="AV22" s="280">
        <v>0</v>
      </c>
      <c r="AW22" s="277">
        <v>0</v>
      </c>
      <c r="AX22" s="279">
        <v>0</v>
      </c>
      <c r="AY22" s="280">
        <v>94</v>
      </c>
      <c r="AZ22" s="280">
        <v>175</v>
      </c>
      <c r="BA22" s="280">
        <v>146</v>
      </c>
      <c r="BB22" s="280">
        <v>30</v>
      </c>
      <c r="BC22" s="280">
        <v>44</v>
      </c>
      <c r="BD22" s="281">
        <v>489</v>
      </c>
      <c r="BE22" s="282">
        <v>489</v>
      </c>
      <c r="BF22" s="276">
        <v>0</v>
      </c>
      <c r="BG22" s="280">
        <v>0</v>
      </c>
      <c r="BH22" s="277">
        <v>0</v>
      </c>
      <c r="BI22" s="279">
        <v>0</v>
      </c>
      <c r="BJ22" s="280">
        <v>16</v>
      </c>
      <c r="BK22" s="280">
        <v>72</v>
      </c>
      <c r="BL22" s="280">
        <v>12</v>
      </c>
      <c r="BM22" s="280">
        <v>25</v>
      </c>
      <c r="BN22" s="280">
        <v>7</v>
      </c>
      <c r="BO22" s="277">
        <v>132</v>
      </c>
      <c r="BP22" s="282">
        <v>132</v>
      </c>
      <c r="BQ22" s="276">
        <v>0</v>
      </c>
      <c r="BR22" s="280">
        <v>2</v>
      </c>
      <c r="BS22" s="277">
        <v>2</v>
      </c>
      <c r="BT22" s="279">
        <v>0</v>
      </c>
      <c r="BU22" s="280">
        <v>34</v>
      </c>
      <c r="BV22" s="280">
        <v>10</v>
      </c>
      <c r="BW22" s="280">
        <v>28</v>
      </c>
      <c r="BX22" s="280">
        <v>82</v>
      </c>
      <c r="BY22" s="280">
        <v>9</v>
      </c>
      <c r="BZ22" s="277">
        <v>163</v>
      </c>
      <c r="CA22" s="282">
        <v>165</v>
      </c>
      <c r="CB22" s="276">
        <v>0</v>
      </c>
      <c r="CC22" s="280">
        <v>0</v>
      </c>
      <c r="CD22" s="277">
        <v>0</v>
      </c>
      <c r="CE22" s="279">
        <v>0</v>
      </c>
      <c r="CF22" s="280">
        <v>0</v>
      </c>
      <c r="CG22" s="280">
        <v>0</v>
      </c>
      <c r="CH22" s="280">
        <v>0</v>
      </c>
      <c r="CI22" s="280">
        <v>9</v>
      </c>
      <c r="CJ22" s="280">
        <v>0</v>
      </c>
      <c r="CK22" s="277">
        <v>9</v>
      </c>
      <c r="CL22" s="282">
        <v>9</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77">
        <v>0</v>
      </c>
      <c r="E23" s="278">
        <v>0</v>
      </c>
      <c r="F23" s="279">
        <v>0</v>
      </c>
      <c r="G23" s="280">
        <v>227</v>
      </c>
      <c r="H23" s="280">
        <v>164</v>
      </c>
      <c r="I23" s="280">
        <v>175</v>
      </c>
      <c r="J23" s="280">
        <v>377</v>
      </c>
      <c r="K23" s="280">
        <v>160</v>
      </c>
      <c r="L23" s="281">
        <v>1103</v>
      </c>
      <c r="M23" s="282">
        <v>1103</v>
      </c>
      <c r="N23" s="276">
        <v>0</v>
      </c>
      <c r="O23" s="280">
        <v>0</v>
      </c>
      <c r="P23" s="277">
        <v>0</v>
      </c>
      <c r="Q23" s="279">
        <v>0</v>
      </c>
      <c r="R23" s="280">
        <v>0</v>
      </c>
      <c r="S23" s="280">
        <v>0</v>
      </c>
      <c r="T23" s="280">
        <v>0</v>
      </c>
      <c r="U23" s="280">
        <v>0</v>
      </c>
      <c r="V23" s="280">
        <v>14</v>
      </c>
      <c r="W23" s="277">
        <v>14</v>
      </c>
      <c r="X23" s="282">
        <v>14</v>
      </c>
      <c r="Y23" s="276">
        <v>15</v>
      </c>
      <c r="Z23" s="280">
        <v>17</v>
      </c>
      <c r="AA23" s="277">
        <v>32</v>
      </c>
      <c r="AB23" s="279">
        <v>0</v>
      </c>
      <c r="AC23" s="280">
        <v>174</v>
      </c>
      <c r="AD23" s="280">
        <v>96</v>
      </c>
      <c r="AE23" s="280">
        <v>53</v>
      </c>
      <c r="AF23" s="280">
        <v>21</v>
      </c>
      <c r="AG23" s="280">
        <v>51</v>
      </c>
      <c r="AH23" s="277">
        <v>395</v>
      </c>
      <c r="AI23" s="282">
        <v>427</v>
      </c>
      <c r="AJ23" s="276">
        <v>0</v>
      </c>
      <c r="AK23" s="280">
        <v>0</v>
      </c>
      <c r="AL23" s="277">
        <v>0</v>
      </c>
      <c r="AM23" s="279">
        <v>0</v>
      </c>
      <c r="AN23" s="280">
        <v>0</v>
      </c>
      <c r="AO23" s="280">
        <v>8</v>
      </c>
      <c r="AP23" s="280">
        <v>0</v>
      </c>
      <c r="AQ23" s="280">
        <v>0</v>
      </c>
      <c r="AR23" s="280">
        <v>12</v>
      </c>
      <c r="AS23" s="277">
        <v>20</v>
      </c>
      <c r="AT23" s="282">
        <v>20</v>
      </c>
      <c r="AU23" s="276">
        <v>0</v>
      </c>
      <c r="AV23" s="280">
        <v>0</v>
      </c>
      <c r="AW23" s="277">
        <v>0</v>
      </c>
      <c r="AX23" s="279">
        <v>0</v>
      </c>
      <c r="AY23" s="280">
        <v>175</v>
      </c>
      <c r="AZ23" s="280">
        <v>78</v>
      </c>
      <c r="BA23" s="280">
        <v>21</v>
      </c>
      <c r="BB23" s="280">
        <v>32</v>
      </c>
      <c r="BC23" s="280">
        <v>17</v>
      </c>
      <c r="BD23" s="281">
        <v>323</v>
      </c>
      <c r="BE23" s="282">
        <v>323</v>
      </c>
      <c r="BF23" s="276">
        <v>0</v>
      </c>
      <c r="BG23" s="280">
        <v>0</v>
      </c>
      <c r="BH23" s="277">
        <v>0</v>
      </c>
      <c r="BI23" s="279">
        <v>0</v>
      </c>
      <c r="BJ23" s="280">
        <v>17</v>
      </c>
      <c r="BK23" s="280">
        <v>32</v>
      </c>
      <c r="BL23" s="280">
        <v>0</v>
      </c>
      <c r="BM23" s="280">
        <v>5</v>
      </c>
      <c r="BN23" s="280">
        <v>12</v>
      </c>
      <c r="BO23" s="277">
        <v>66</v>
      </c>
      <c r="BP23" s="282">
        <v>66</v>
      </c>
      <c r="BQ23" s="276">
        <v>0</v>
      </c>
      <c r="BR23" s="280">
        <v>7</v>
      </c>
      <c r="BS23" s="277">
        <v>7</v>
      </c>
      <c r="BT23" s="279">
        <v>0</v>
      </c>
      <c r="BU23" s="280">
        <v>19</v>
      </c>
      <c r="BV23" s="280">
        <v>33</v>
      </c>
      <c r="BW23" s="280">
        <v>32</v>
      </c>
      <c r="BX23" s="280">
        <v>7</v>
      </c>
      <c r="BY23" s="280">
        <v>18</v>
      </c>
      <c r="BZ23" s="277">
        <v>109</v>
      </c>
      <c r="CA23" s="282">
        <v>116</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77">
        <v>0</v>
      </c>
      <c r="E24" s="278">
        <v>0</v>
      </c>
      <c r="F24" s="279">
        <v>0</v>
      </c>
      <c r="G24" s="280">
        <v>30</v>
      </c>
      <c r="H24" s="280">
        <v>0</v>
      </c>
      <c r="I24" s="280">
        <v>43</v>
      </c>
      <c r="J24" s="280">
        <v>4</v>
      </c>
      <c r="K24" s="280">
        <v>147</v>
      </c>
      <c r="L24" s="281">
        <v>224</v>
      </c>
      <c r="M24" s="282">
        <v>224</v>
      </c>
      <c r="N24" s="276">
        <v>0</v>
      </c>
      <c r="O24" s="280">
        <v>0</v>
      </c>
      <c r="P24" s="277">
        <v>0</v>
      </c>
      <c r="Q24" s="279">
        <v>0</v>
      </c>
      <c r="R24" s="280">
        <v>0</v>
      </c>
      <c r="S24" s="280">
        <v>0</v>
      </c>
      <c r="T24" s="280">
        <v>0</v>
      </c>
      <c r="U24" s="280">
        <v>0</v>
      </c>
      <c r="V24" s="280">
        <v>51</v>
      </c>
      <c r="W24" s="277">
        <v>51</v>
      </c>
      <c r="X24" s="282">
        <v>51</v>
      </c>
      <c r="Y24" s="276">
        <v>4</v>
      </c>
      <c r="Z24" s="280">
        <v>1</v>
      </c>
      <c r="AA24" s="277">
        <v>5</v>
      </c>
      <c r="AB24" s="279">
        <v>0</v>
      </c>
      <c r="AC24" s="280">
        <v>17</v>
      </c>
      <c r="AD24" s="280">
        <v>12</v>
      </c>
      <c r="AE24" s="280">
        <v>12</v>
      </c>
      <c r="AF24" s="280">
        <v>10</v>
      </c>
      <c r="AG24" s="280">
        <v>144</v>
      </c>
      <c r="AH24" s="277">
        <v>195</v>
      </c>
      <c r="AI24" s="282">
        <v>200</v>
      </c>
      <c r="AJ24" s="276">
        <v>0</v>
      </c>
      <c r="AK24" s="280">
        <v>0</v>
      </c>
      <c r="AL24" s="277">
        <v>0</v>
      </c>
      <c r="AM24" s="279">
        <v>0</v>
      </c>
      <c r="AN24" s="280">
        <v>21</v>
      </c>
      <c r="AO24" s="280">
        <v>12</v>
      </c>
      <c r="AP24" s="280">
        <v>0</v>
      </c>
      <c r="AQ24" s="280">
        <v>24</v>
      </c>
      <c r="AR24" s="280">
        <v>0</v>
      </c>
      <c r="AS24" s="277">
        <v>57</v>
      </c>
      <c r="AT24" s="282">
        <v>57</v>
      </c>
      <c r="AU24" s="276">
        <v>0</v>
      </c>
      <c r="AV24" s="280">
        <v>0</v>
      </c>
      <c r="AW24" s="277">
        <v>0</v>
      </c>
      <c r="AX24" s="279">
        <v>0</v>
      </c>
      <c r="AY24" s="280">
        <v>59</v>
      </c>
      <c r="AZ24" s="280">
        <v>21</v>
      </c>
      <c r="BA24" s="280">
        <v>13</v>
      </c>
      <c r="BB24" s="280">
        <v>38</v>
      </c>
      <c r="BC24" s="280">
        <v>17</v>
      </c>
      <c r="BD24" s="281">
        <v>148</v>
      </c>
      <c r="BE24" s="282">
        <v>148</v>
      </c>
      <c r="BF24" s="276">
        <v>0</v>
      </c>
      <c r="BG24" s="280">
        <v>0</v>
      </c>
      <c r="BH24" s="277">
        <v>0</v>
      </c>
      <c r="BI24" s="279">
        <v>0</v>
      </c>
      <c r="BJ24" s="280">
        <v>11</v>
      </c>
      <c r="BK24" s="280">
        <v>17</v>
      </c>
      <c r="BL24" s="280">
        <v>11</v>
      </c>
      <c r="BM24" s="280">
        <v>8</v>
      </c>
      <c r="BN24" s="280">
        <v>3</v>
      </c>
      <c r="BO24" s="277">
        <v>50</v>
      </c>
      <c r="BP24" s="282">
        <v>50</v>
      </c>
      <c r="BQ24" s="276">
        <v>0</v>
      </c>
      <c r="BR24" s="280">
        <v>0</v>
      </c>
      <c r="BS24" s="277">
        <v>0</v>
      </c>
      <c r="BT24" s="279">
        <v>0</v>
      </c>
      <c r="BU24" s="280">
        <v>31</v>
      </c>
      <c r="BV24" s="280">
        <v>15</v>
      </c>
      <c r="BW24" s="280">
        <v>31</v>
      </c>
      <c r="BX24" s="280">
        <v>10</v>
      </c>
      <c r="BY24" s="280">
        <v>29</v>
      </c>
      <c r="BZ24" s="277">
        <v>116</v>
      </c>
      <c r="CA24" s="282">
        <v>116</v>
      </c>
      <c r="CB24" s="276">
        <v>0</v>
      </c>
      <c r="CC24" s="280">
        <v>0</v>
      </c>
      <c r="CD24" s="277">
        <v>0</v>
      </c>
      <c r="CE24" s="279">
        <v>0</v>
      </c>
      <c r="CF24" s="280">
        <v>0</v>
      </c>
      <c r="CG24" s="280">
        <v>0</v>
      </c>
      <c r="CH24" s="280">
        <v>8</v>
      </c>
      <c r="CI24" s="280">
        <v>0</v>
      </c>
      <c r="CJ24" s="280">
        <v>0</v>
      </c>
      <c r="CK24" s="277">
        <v>8</v>
      </c>
      <c r="CL24" s="282">
        <v>8</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77">
        <v>0</v>
      </c>
      <c r="E25" s="278">
        <v>0</v>
      </c>
      <c r="F25" s="279">
        <v>0</v>
      </c>
      <c r="G25" s="280">
        <v>4</v>
      </c>
      <c r="H25" s="280">
        <v>61</v>
      </c>
      <c r="I25" s="280">
        <v>232</v>
      </c>
      <c r="J25" s="280">
        <v>16</v>
      </c>
      <c r="K25" s="280">
        <v>0</v>
      </c>
      <c r="L25" s="281">
        <v>313</v>
      </c>
      <c r="M25" s="282">
        <v>313</v>
      </c>
      <c r="N25" s="276">
        <v>0</v>
      </c>
      <c r="O25" s="280">
        <v>0</v>
      </c>
      <c r="P25" s="277">
        <v>0</v>
      </c>
      <c r="Q25" s="279">
        <v>0</v>
      </c>
      <c r="R25" s="280">
        <v>4</v>
      </c>
      <c r="S25" s="280">
        <v>0</v>
      </c>
      <c r="T25" s="280">
        <v>3</v>
      </c>
      <c r="U25" s="280">
        <v>0</v>
      </c>
      <c r="V25" s="280">
        <v>4</v>
      </c>
      <c r="W25" s="277">
        <v>11</v>
      </c>
      <c r="X25" s="282">
        <v>11</v>
      </c>
      <c r="Y25" s="276">
        <v>17</v>
      </c>
      <c r="Z25" s="280">
        <v>34</v>
      </c>
      <c r="AA25" s="277">
        <v>51</v>
      </c>
      <c r="AB25" s="279">
        <v>0</v>
      </c>
      <c r="AC25" s="280">
        <v>34</v>
      </c>
      <c r="AD25" s="280">
        <v>76</v>
      </c>
      <c r="AE25" s="280">
        <v>61</v>
      </c>
      <c r="AF25" s="280">
        <v>38</v>
      </c>
      <c r="AG25" s="280">
        <v>19</v>
      </c>
      <c r="AH25" s="277">
        <v>228</v>
      </c>
      <c r="AI25" s="282">
        <v>279</v>
      </c>
      <c r="AJ25" s="276">
        <v>0</v>
      </c>
      <c r="AK25" s="280">
        <v>12</v>
      </c>
      <c r="AL25" s="277">
        <v>12</v>
      </c>
      <c r="AM25" s="279">
        <v>0</v>
      </c>
      <c r="AN25" s="280">
        <v>0</v>
      </c>
      <c r="AO25" s="280">
        <v>24</v>
      </c>
      <c r="AP25" s="280">
        <v>0</v>
      </c>
      <c r="AQ25" s="280">
        <v>21</v>
      </c>
      <c r="AR25" s="280">
        <v>0</v>
      </c>
      <c r="AS25" s="277">
        <v>45</v>
      </c>
      <c r="AT25" s="282">
        <v>57</v>
      </c>
      <c r="AU25" s="276">
        <v>0</v>
      </c>
      <c r="AV25" s="280">
        <v>0</v>
      </c>
      <c r="AW25" s="277">
        <v>0</v>
      </c>
      <c r="AX25" s="279">
        <v>0</v>
      </c>
      <c r="AY25" s="280">
        <v>101</v>
      </c>
      <c r="AZ25" s="280">
        <v>154</v>
      </c>
      <c r="BA25" s="280">
        <v>58</v>
      </c>
      <c r="BB25" s="280">
        <v>28</v>
      </c>
      <c r="BC25" s="280">
        <v>1</v>
      </c>
      <c r="BD25" s="281">
        <v>342</v>
      </c>
      <c r="BE25" s="282">
        <v>342</v>
      </c>
      <c r="BF25" s="276">
        <v>0</v>
      </c>
      <c r="BG25" s="280">
        <v>0</v>
      </c>
      <c r="BH25" s="277">
        <v>0</v>
      </c>
      <c r="BI25" s="279">
        <v>0</v>
      </c>
      <c r="BJ25" s="280">
        <v>14</v>
      </c>
      <c r="BK25" s="280">
        <v>7</v>
      </c>
      <c r="BL25" s="280">
        <v>33</v>
      </c>
      <c r="BM25" s="280">
        <v>28</v>
      </c>
      <c r="BN25" s="280">
        <v>0</v>
      </c>
      <c r="BO25" s="277">
        <v>82</v>
      </c>
      <c r="BP25" s="282">
        <v>82</v>
      </c>
      <c r="BQ25" s="276">
        <v>0</v>
      </c>
      <c r="BR25" s="280">
        <v>0</v>
      </c>
      <c r="BS25" s="277">
        <v>0</v>
      </c>
      <c r="BT25" s="279">
        <v>0</v>
      </c>
      <c r="BU25" s="280">
        <v>21</v>
      </c>
      <c r="BV25" s="280">
        <v>12</v>
      </c>
      <c r="BW25" s="280">
        <v>4</v>
      </c>
      <c r="BX25" s="280">
        <v>6</v>
      </c>
      <c r="BY25" s="280">
        <v>0</v>
      </c>
      <c r="BZ25" s="277">
        <v>43</v>
      </c>
      <c r="CA25" s="282">
        <v>43</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77">
        <v>0</v>
      </c>
      <c r="E26" s="278">
        <v>0</v>
      </c>
      <c r="F26" s="279">
        <v>0</v>
      </c>
      <c r="G26" s="280">
        <v>101</v>
      </c>
      <c r="H26" s="280">
        <v>54</v>
      </c>
      <c r="I26" s="280">
        <v>207</v>
      </c>
      <c r="J26" s="280">
        <v>93</v>
      </c>
      <c r="K26" s="280">
        <v>312</v>
      </c>
      <c r="L26" s="281">
        <v>767</v>
      </c>
      <c r="M26" s="282">
        <v>767</v>
      </c>
      <c r="N26" s="276">
        <v>0</v>
      </c>
      <c r="O26" s="280">
        <v>0</v>
      </c>
      <c r="P26" s="277">
        <v>0</v>
      </c>
      <c r="Q26" s="279">
        <v>0</v>
      </c>
      <c r="R26" s="280">
        <v>0</v>
      </c>
      <c r="S26" s="280">
        <v>0</v>
      </c>
      <c r="T26" s="280">
        <v>0</v>
      </c>
      <c r="U26" s="280">
        <v>0</v>
      </c>
      <c r="V26" s="280">
        <v>12</v>
      </c>
      <c r="W26" s="277">
        <v>12</v>
      </c>
      <c r="X26" s="282">
        <v>12</v>
      </c>
      <c r="Y26" s="276">
        <v>2</v>
      </c>
      <c r="Z26" s="280">
        <v>25</v>
      </c>
      <c r="AA26" s="277">
        <v>27</v>
      </c>
      <c r="AB26" s="279">
        <v>0</v>
      </c>
      <c r="AC26" s="280">
        <v>48</v>
      </c>
      <c r="AD26" s="280">
        <v>6</v>
      </c>
      <c r="AE26" s="280">
        <v>56</v>
      </c>
      <c r="AF26" s="280">
        <v>57</v>
      </c>
      <c r="AG26" s="280">
        <v>19</v>
      </c>
      <c r="AH26" s="277">
        <v>186</v>
      </c>
      <c r="AI26" s="282">
        <v>213</v>
      </c>
      <c r="AJ26" s="276">
        <v>0</v>
      </c>
      <c r="AK26" s="280">
        <v>0</v>
      </c>
      <c r="AL26" s="277">
        <v>0</v>
      </c>
      <c r="AM26" s="279">
        <v>0</v>
      </c>
      <c r="AN26" s="280">
        <v>0</v>
      </c>
      <c r="AO26" s="280">
        <v>0</v>
      </c>
      <c r="AP26" s="280">
        <v>0</v>
      </c>
      <c r="AQ26" s="280">
        <v>0</v>
      </c>
      <c r="AR26" s="280">
        <v>4</v>
      </c>
      <c r="AS26" s="277">
        <v>4</v>
      </c>
      <c r="AT26" s="282">
        <v>4</v>
      </c>
      <c r="AU26" s="276">
        <v>0</v>
      </c>
      <c r="AV26" s="280">
        <v>0</v>
      </c>
      <c r="AW26" s="277">
        <v>0</v>
      </c>
      <c r="AX26" s="279">
        <v>0</v>
      </c>
      <c r="AY26" s="280">
        <v>97</v>
      </c>
      <c r="AZ26" s="280">
        <v>44</v>
      </c>
      <c r="BA26" s="280">
        <v>33</v>
      </c>
      <c r="BB26" s="280">
        <v>8</v>
      </c>
      <c r="BC26" s="280">
        <v>17</v>
      </c>
      <c r="BD26" s="281">
        <v>199</v>
      </c>
      <c r="BE26" s="282">
        <v>199</v>
      </c>
      <c r="BF26" s="276">
        <v>0</v>
      </c>
      <c r="BG26" s="280">
        <v>0</v>
      </c>
      <c r="BH26" s="277">
        <v>0</v>
      </c>
      <c r="BI26" s="279">
        <v>0</v>
      </c>
      <c r="BJ26" s="280">
        <v>24</v>
      </c>
      <c r="BK26" s="280">
        <v>50</v>
      </c>
      <c r="BL26" s="280">
        <v>4</v>
      </c>
      <c r="BM26" s="280">
        <v>0</v>
      </c>
      <c r="BN26" s="280">
        <v>20</v>
      </c>
      <c r="BO26" s="277">
        <v>98</v>
      </c>
      <c r="BP26" s="282">
        <v>98</v>
      </c>
      <c r="BQ26" s="276">
        <v>0</v>
      </c>
      <c r="BR26" s="280">
        <v>0</v>
      </c>
      <c r="BS26" s="277">
        <v>0</v>
      </c>
      <c r="BT26" s="279">
        <v>0</v>
      </c>
      <c r="BU26" s="280">
        <v>4</v>
      </c>
      <c r="BV26" s="280">
        <v>19</v>
      </c>
      <c r="BW26" s="280">
        <v>42</v>
      </c>
      <c r="BX26" s="280">
        <v>0</v>
      </c>
      <c r="BY26" s="280">
        <v>12</v>
      </c>
      <c r="BZ26" s="277">
        <v>77</v>
      </c>
      <c r="CA26" s="282">
        <v>77</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77">
        <v>0</v>
      </c>
      <c r="E27" s="278">
        <v>0</v>
      </c>
      <c r="F27" s="279">
        <v>0</v>
      </c>
      <c r="G27" s="280">
        <v>35</v>
      </c>
      <c r="H27" s="280">
        <v>33</v>
      </c>
      <c r="I27" s="280">
        <v>8</v>
      </c>
      <c r="J27" s="280">
        <v>163</v>
      </c>
      <c r="K27" s="280">
        <v>9</v>
      </c>
      <c r="L27" s="281">
        <v>248</v>
      </c>
      <c r="M27" s="282">
        <v>248</v>
      </c>
      <c r="N27" s="276">
        <v>0</v>
      </c>
      <c r="O27" s="280">
        <v>0</v>
      </c>
      <c r="P27" s="277">
        <v>0</v>
      </c>
      <c r="Q27" s="279">
        <v>0</v>
      </c>
      <c r="R27" s="280">
        <v>0</v>
      </c>
      <c r="S27" s="280">
        <v>0</v>
      </c>
      <c r="T27" s="280">
        <v>0</v>
      </c>
      <c r="U27" s="280">
        <v>32</v>
      </c>
      <c r="V27" s="280">
        <v>25</v>
      </c>
      <c r="W27" s="277">
        <v>57</v>
      </c>
      <c r="X27" s="282">
        <v>57</v>
      </c>
      <c r="Y27" s="276">
        <v>4</v>
      </c>
      <c r="Z27" s="280">
        <v>26</v>
      </c>
      <c r="AA27" s="277">
        <v>30</v>
      </c>
      <c r="AB27" s="279">
        <v>0</v>
      </c>
      <c r="AC27" s="280">
        <v>38</v>
      </c>
      <c r="AD27" s="280">
        <v>57</v>
      </c>
      <c r="AE27" s="280">
        <v>4</v>
      </c>
      <c r="AF27" s="280">
        <v>26</v>
      </c>
      <c r="AG27" s="280">
        <v>29</v>
      </c>
      <c r="AH27" s="277">
        <v>154</v>
      </c>
      <c r="AI27" s="282">
        <v>184</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38</v>
      </c>
      <c r="AZ27" s="280">
        <v>13</v>
      </c>
      <c r="BA27" s="280">
        <v>26</v>
      </c>
      <c r="BB27" s="280">
        <v>8</v>
      </c>
      <c r="BC27" s="280">
        <v>0</v>
      </c>
      <c r="BD27" s="281">
        <v>85</v>
      </c>
      <c r="BE27" s="282">
        <v>85</v>
      </c>
      <c r="BF27" s="276">
        <v>0</v>
      </c>
      <c r="BG27" s="280">
        <v>0</v>
      </c>
      <c r="BH27" s="277">
        <v>0</v>
      </c>
      <c r="BI27" s="279">
        <v>0</v>
      </c>
      <c r="BJ27" s="280">
        <v>24</v>
      </c>
      <c r="BK27" s="280">
        <v>34</v>
      </c>
      <c r="BL27" s="280">
        <v>0</v>
      </c>
      <c r="BM27" s="280">
        <v>0</v>
      </c>
      <c r="BN27" s="280">
        <v>11</v>
      </c>
      <c r="BO27" s="277">
        <v>69</v>
      </c>
      <c r="BP27" s="282">
        <v>69</v>
      </c>
      <c r="BQ27" s="276">
        <v>0</v>
      </c>
      <c r="BR27" s="280">
        <v>0</v>
      </c>
      <c r="BS27" s="277">
        <v>0</v>
      </c>
      <c r="BT27" s="279">
        <v>0</v>
      </c>
      <c r="BU27" s="280">
        <v>8</v>
      </c>
      <c r="BV27" s="280">
        <v>20</v>
      </c>
      <c r="BW27" s="280">
        <v>29</v>
      </c>
      <c r="BX27" s="280">
        <v>0</v>
      </c>
      <c r="BY27" s="280">
        <v>0</v>
      </c>
      <c r="BZ27" s="277">
        <v>57</v>
      </c>
      <c r="CA27" s="282">
        <v>57</v>
      </c>
      <c r="CB27" s="276">
        <v>0</v>
      </c>
      <c r="CC27" s="280">
        <v>0</v>
      </c>
      <c r="CD27" s="277">
        <v>0</v>
      </c>
      <c r="CE27" s="279">
        <v>0</v>
      </c>
      <c r="CF27" s="280">
        <v>0</v>
      </c>
      <c r="CG27" s="280">
        <v>4</v>
      </c>
      <c r="CH27" s="280">
        <v>0</v>
      </c>
      <c r="CI27" s="280">
        <v>0</v>
      </c>
      <c r="CJ27" s="280">
        <v>8</v>
      </c>
      <c r="CK27" s="277">
        <v>12</v>
      </c>
      <c r="CL27" s="282">
        <v>12</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77">
        <v>0</v>
      </c>
      <c r="E28" s="278">
        <v>0</v>
      </c>
      <c r="F28" s="279">
        <v>0</v>
      </c>
      <c r="G28" s="280">
        <v>24</v>
      </c>
      <c r="H28" s="280">
        <v>19</v>
      </c>
      <c r="I28" s="280">
        <v>69</v>
      </c>
      <c r="J28" s="280">
        <v>51</v>
      </c>
      <c r="K28" s="280">
        <v>165</v>
      </c>
      <c r="L28" s="281">
        <v>328</v>
      </c>
      <c r="M28" s="282">
        <v>328</v>
      </c>
      <c r="N28" s="276">
        <v>0</v>
      </c>
      <c r="O28" s="280">
        <v>0</v>
      </c>
      <c r="P28" s="277">
        <v>0</v>
      </c>
      <c r="Q28" s="279">
        <v>0</v>
      </c>
      <c r="R28" s="280">
        <v>0</v>
      </c>
      <c r="S28" s="280">
        <v>0</v>
      </c>
      <c r="T28" s="280">
        <v>0</v>
      </c>
      <c r="U28" s="280">
        <v>3</v>
      </c>
      <c r="V28" s="280">
        <v>4</v>
      </c>
      <c r="W28" s="277">
        <v>7</v>
      </c>
      <c r="X28" s="282">
        <v>7</v>
      </c>
      <c r="Y28" s="276">
        <v>0</v>
      </c>
      <c r="Z28" s="280">
        <v>6</v>
      </c>
      <c r="AA28" s="277">
        <v>6</v>
      </c>
      <c r="AB28" s="279">
        <v>0</v>
      </c>
      <c r="AC28" s="280">
        <v>21</v>
      </c>
      <c r="AD28" s="280">
        <v>68</v>
      </c>
      <c r="AE28" s="280">
        <v>9</v>
      </c>
      <c r="AF28" s="280">
        <v>48</v>
      </c>
      <c r="AG28" s="280">
        <v>30</v>
      </c>
      <c r="AH28" s="277">
        <v>176</v>
      </c>
      <c r="AI28" s="282">
        <v>182</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43</v>
      </c>
      <c r="AZ28" s="280">
        <v>47</v>
      </c>
      <c r="BA28" s="280">
        <v>19</v>
      </c>
      <c r="BB28" s="280">
        <v>12</v>
      </c>
      <c r="BC28" s="280">
        <v>0</v>
      </c>
      <c r="BD28" s="281">
        <v>121</v>
      </c>
      <c r="BE28" s="282">
        <v>121</v>
      </c>
      <c r="BF28" s="276">
        <v>0</v>
      </c>
      <c r="BG28" s="280">
        <v>0</v>
      </c>
      <c r="BH28" s="277">
        <v>0</v>
      </c>
      <c r="BI28" s="279">
        <v>0</v>
      </c>
      <c r="BJ28" s="280">
        <v>18</v>
      </c>
      <c r="BK28" s="280">
        <v>26</v>
      </c>
      <c r="BL28" s="280">
        <v>8</v>
      </c>
      <c r="BM28" s="280">
        <v>0</v>
      </c>
      <c r="BN28" s="280">
        <v>0</v>
      </c>
      <c r="BO28" s="277">
        <v>52</v>
      </c>
      <c r="BP28" s="282">
        <v>52</v>
      </c>
      <c r="BQ28" s="276">
        <v>0</v>
      </c>
      <c r="BR28" s="280">
        <v>0</v>
      </c>
      <c r="BS28" s="277">
        <v>0</v>
      </c>
      <c r="BT28" s="279">
        <v>0</v>
      </c>
      <c r="BU28" s="280">
        <v>0</v>
      </c>
      <c r="BV28" s="280">
        <v>0</v>
      </c>
      <c r="BW28" s="280">
        <v>16</v>
      </c>
      <c r="BX28" s="280">
        <v>20</v>
      </c>
      <c r="BY28" s="280">
        <v>0</v>
      </c>
      <c r="BZ28" s="277">
        <v>36</v>
      </c>
      <c r="CA28" s="282">
        <v>36</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77">
        <v>0</v>
      </c>
      <c r="E29" s="278">
        <v>0</v>
      </c>
      <c r="F29" s="279">
        <v>0</v>
      </c>
      <c r="G29" s="280">
        <v>0</v>
      </c>
      <c r="H29" s="280">
        <v>48</v>
      </c>
      <c r="I29" s="280">
        <v>64</v>
      </c>
      <c r="J29" s="280">
        <v>0</v>
      </c>
      <c r="K29" s="280">
        <v>86</v>
      </c>
      <c r="L29" s="281">
        <v>198</v>
      </c>
      <c r="M29" s="282">
        <v>198</v>
      </c>
      <c r="N29" s="276">
        <v>0</v>
      </c>
      <c r="O29" s="280">
        <v>0</v>
      </c>
      <c r="P29" s="277">
        <v>0</v>
      </c>
      <c r="Q29" s="279">
        <v>0</v>
      </c>
      <c r="R29" s="280">
        <v>0</v>
      </c>
      <c r="S29" s="280">
        <v>0</v>
      </c>
      <c r="T29" s="280">
        <v>0</v>
      </c>
      <c r="U29" s="280">
        <v>5</v>
      </c>
      <c r="V29" s="280">
        <v>0</v>
      </c>
      <c r="W29" s="277">
        <v>5</v>
      </c>
      <c r="X29" s="282">
        <v>5</v>
      </c>
      <c r="Y29" s="276">
        <v>22</v>
      </c>
      <c r="Z29" s="280">
        <v>13</v>
      </c>
      <c r="AA29" s="277">
        <v>35</v>
      </c>
      <c r="AB29" s="279">
        <v>0</v>
      </c>
      <c r="AC29" s="280">
        <v>6</v>
      </c>
      <c r="AD29" s="280">
        <v>51</v>
      </c>
      <c r="AE29" s="280">
        <v>38</v>
      </c>
      <c r="AF29" s="280">
        <v>2</v>
      </c>
      <c r="AG29" s="280">
        <v>4</v>
      </c>
      <c r="AH29" s="277">
        <v>101</v>
      </c>
      <c r="AI29" s="282">
        <v>136</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4</v>
      </c>
      <c r="AZ29" s="280">
        <v>24</v>
      </c>
      <c r="BA29" s="280">
        <v>12</v>
      </c>
      <c r="BB29" s="280">
        <v>7</v>
      </c>
      <c r="BC29" s="280">
        <v>0</v>
      </c>
      <c r="BD29" s="281">
        <v>47</v>
      </c>
      <c r="BE29" s="282">
        <v>47</v>
      </c>
      <c r="BF29" s="276">
        <v>0</v>
      </c>
      <c r="BG29" s="280">
        <v>0</v>
      </c>
      <c r="BH29" s="277">
        <v>0</v>
      </c>
      <c r="BI29" s="279">
        <v>0</v>
      </c>
      <c r="BJ29" s="280">
        <v>0</v>
      </c>
      <c r="BK29" s="280">
        <v>26</v>
      </c>
      <c r="BL29" s="280">
        <v>8</v>
      </c>
      <c r="BM29" s="280">
        <v>0</v>
      </c>
      <c r="BN29" s="280">
        <v>0</v>
      </c>
      <c r="BO29" s="277">
        <v>34</v>
      </c>
      <c r="BP29" s="282">
        <v>34</v>
      </c>
      <c r="BQ29" s="276">
        <v>0</v>
      </c>
      <c r="BR29" s="280">
        <v>0</v>
      </c>
      <c r="BS29" s="277">
        <v>0</v>
      </c>
      <c r="BT29" s="279">
        <v>0</v>
      </c>
      <c r="BU29" s="280">
        <v>0</v>
      </c>
      <c r="BV29" s="280">
        <v>4</v>
      </c>
      <c r="BW29" s="280">
        <v>21</v>
      </c>
      <c r="BX29" s="280">
        <v>8</v>
      </c>
      <c r="BY29" s="280">
        <v>0</v>
      </c>
      <c r="BZ29" s="277">
        <v>33</v>
      </c>
      <c r="CA29" s="282">
        <v>33</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77">
        <v>0</v>
      </c>
      <c r="E30" s="278">
        <v>0</v>
      </c>
      <c r="F30" s="279">
        <v>0</v>
      </c>
      <c r="G30" s="280">
        <v>8</v>
      </c>
      <c r="H30" s="280">
        <v>13</v>
      </c>
      <c r="I30" s="280">
        <v>0</v>
      </c>
      <c r="J30" s="280">
        <v>27</v>
      </c>
      <c r="K30" s="280">
        <v>0</v>
      </c>
      <c r="L30" s="281">
        <v>48</v>
      </c>
      <c r="M30" s="282">
        <v>48</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4</v>
      </c>
      <c r="AE30" s="280">
        <v>4</v>
      </c>
      <c r="AF30" s="280">
        <v>0</v>
      </c>
      <c r="AG30" s="280">
        <v>0</v>
      </c>
      <c r="AH30" s="277">
        <v>18</v>
      </c>
      <c r="AI30" s="282">
        <v>18</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8</v>
      </c>
      <c r="BA30" s="280">
        <v>17</v>
      </c>
      <c r="BB30" s="280">
        <v>12</v>
      </c>
      <c r="BC30" s="280">
        <v>0</v>
      </c>
      <c r="BD30" s="281">
        <v>37</v>
      </c>
      <c r="BE30" s="282">
        <v>37</v>
      </c>
      <c r="BF30" s="276">
        <v>0</v>
      </c>
      <c r="BG30" s="280">
        <v>0</v>
      </c>
      <c r="BH30" s="277">
        <v>0</v>
      </c>
      <c r="BI30" s="279">
        <v>0</v>
      </c>
      <c r="BJ30" s="280">
        <v>0</v>
      </c>
      <c r="BK30" s="280">
        <v>0</v>
      </c>
      <c r="BL30" s="280">
        <v>6</v>
      </c>
      <c r="BM30" s="280">
        <v>0</v>
      </c>
      <c r="BN30" s="280">
        <v>3</v>
      </c>
      <c r="BO30" s="277">
        <v>9</v>
      </c>
      <c r="BP30" s="282">
        <v>9</v>
      </c>
      <c r="BQ30" s="276">
        <v>0</v>
      </c>
      <c r="BR30" s="280">
        <v>0</v>
      </c>
      <c r="BS30" s="277">
        <v>0</v>
      </c>
      <c r="BT30" s="279">
        <v>0</v>
      </c>
      <c r="BU30" s="280">
        <v>0</v>
      </c>
      <c r="BV30" s="280">
        <v>9</v>
      </c>
      <c r="BW30" s="280">
        <v>0</v>
      </c>
      <c r="BX30" s="280">
        <v>0</v>
      </c>
      <c r="BY30" s="280">
        <v>0</v>
      </c>
      <c r="BZ30" s="277">
        <v>9</v>
      </c>
      <c r="CA30" s="282">
        <v>9</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77">
        <v>0</v>
      </c>
      <c r="E31" s="278">
        <v>0</v>
      </c>
      <c r="F31" s="279">
        <v>0</v>
      </c>
      <c r="G31" s="280">
        <v>16</v>
      </c>
      <c r="H31" s="280">
        <v>25</v>
      </c>
      <c r="I31" s="280">
        <v>0</v>
      </c>
      <c r="J31" s="280">
        <v>142</v>
      </c>
      <c r="K31" s="280">
        <v>0</v>
      </c>
      <c r="L31" s="281">
        <v>183</v>
      </c>
      <c r="M31" s="282">
        <v>183</v>
      </c>
      <c r="N31" s="276">
        <v>0</v>
      </c>
      <c r="O31" s="280">
        <v>0</v>
      </c>
      <c r="P31" s="277">
        <v>0</v>
      </c>
      <c r="Q31" s="279">
        <v>0</v>
      </c>
      <c r="R31" s="280">
        <v>0</v>
      </c>
      <c r="S31" s="280">
        <v>0</v>
      </c>
      <c r="T31" s="280">
        <v>0</v>
      </c>
      <c r="U31" s="280">
        <v>0</v>
      </c>
      <c r="V31" s="280">
        <v>0</v>
      </c>
      <c r="W31" s="277">
        <v>0</v>
      </c>
      <c r="X31" s="282">
        <v>0</v>
      </c>
      <c r="Y31" s="276">
        <v>0</v>
      </c>
      <c r="Z31" s="280">
        <v>17</v>
      </c>
      <c r="AA31" s="277">
        <v>17</v>
      </c>
      <c r="AB31" s="279">
        <v>0</v>
      </c>
      <c r="AC31" s="280">
        <v>24</v>
      </c>
      <c r="AD31" s="280">
        <v>16</v>
      </c>
      <c r="AE31" s="280">
        <v>35</v>
      </c>
      <c r="AF31" s="280">
        <v>3</v>
      </c>
      <c r="AG31" s="280">
        <v>0</v>
      </c>
      <c r="AH31" s="277">
        <v>78</v>
      </c>
      <c r="AI31" s="282">
        <v>95</v>
      </c>
      <c r="AJ31" s="276">
        <v>0</v>
      </c>
      <c r="AK31" s="280">
        <v>0</v>
      </c>
      <c r="AL31" s="277">
        <v>0</v>
      </c>
      <c r="AM31" s="279">
        <v>0</v>
      </c>
      <c r="AN31" s="280">
        <v>12</v>
      </c>
      <c r="AO31" s="280">
        <v>0</v>
      </c>
      <c r="AP31" s="280">
        <v>0</v>
      </c>
      <c r="AQ31" s="280">
        <v>-51</v>
      </c>
      <c r="AR31" s="280">
        <v>0</v>
      </c>
      <c r="AS31" s="277">
        <v>-39</v>
      </c>
      <c r="AT31" s="282">
        <v>-39</v>
      </c>
      <c r="AU31" s="276">
        <v>0</v>
      </c>
      <c r="AV31" s="280">
        <v>0</v>
      </c>
      <c r="AW31" s="277">
        <v>0</v>
      </c>
      <c r="AX31" s="279">
        <v>0</v>
      </c>
      <c r="AY31" s="280">
        <v>21</v>
      </c>
      <c r="AZ31" s="280">
        <v>4</v>
      </c>
      <c r="BA31" s="280">
        <v>7</v>
      </c>
      <c r="BB31" s="280">
        <v>11</v>
      </c>
      <c r="BC31" s="280">
        <v>0</v>
      </c>
      <c r="BD31" s="281">
        <v>43</v>
      </c>
      <c r="BE31" s="282">
        <v>43</v>
      </c>
      <c r="BF31" s="276">
        <v>0</v>
      </c>
      <c r="BG31" s="280">
        <v>0</v>
      </c>
      <c r="BH31" s="277">
        <v>0</v>
      </c>
      <c r="BI31" s="279">
        <v>0</v>
      </c>
      <c r="BJ31" s="280">
        <v>15</v>
      </c>
      <c r="BK31" s="280">
        <v>0</v>
      </c>
      <c r="BL31" s="280">
        <v>13</v>
      </c>
      <c r="BM31" s="280">
        <v>9</v>
      </c>
      <c r="BN31" s="280">
        <v>0</v>
      </c>
      <c r="BO31" s="277">
        <v>37</v>
      </c>
      <c r="BP31" s="282">
        <v>37</v>
      </c>
      <c r="BQ31" s="276">
        <v>0</v>
      </c>
      <c r="BR31" s="280">
        <v>0</v>
      </c>
      <c r="BS31" s="277">
        <v>0</v>
      </c>
      <c r="BT31" s="279">
        <v>0</v>
      </c>
      <c r="BU31" s="280">
        <v>0</v>
      </c>
      <c r="BV31" s="280">
        <v>0</v>
      </c>
      <c r="BW31" s="280">
        <v>5</v>
      </c>
      <c r="BX31" s="280">
        <v>0</v>
      </c>
      <c r="BY31" s="280">
        <v>0</v>
      </c>
      <c r="BZ31" s="277">
        <v>5</v>
      </c>
      <c r="CA31" s="282">
        <v>5</v>
      </c>
      <c r="CB31" s="276">
        <v>0</v>
      </c>
      <c r="CC31" s="280">
        <v>0</v>
      </c>
      <c r="CD31" s="277">
        <v>0</v>
      </c>
      <c r="CE31" s="279">
        <v>0</v>
      </c>
      <c r="CF31" s="280">
        <v>2</v>
      </c>
      <c r="CG31" s="280">
        <v>0</v>
      </c>
      <c r="CH31" s="280">
        <v>0</v>
      </c>
      <c r="CI31" s="280">
        <v>0</v>
      </c>
      <c r="CJ31" s="280">
        <v>0</v>
      </c>
      <c r="CK31" s="277">
        <v>2</v>
      </c>
      <c r="CL31" s="282">
        <v>2</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77">
        <v>0</v>
      </c>
      <c r="E32" s="278">
        <v>0</v>
      </c>
      <c r="F32" s="279">
        <v>0</v>
      </c>
      <c r="G32" s="280">
        <v>8</v>
      </c>
      <c r="H32" s="280">
        <v>0</v>
      </c>
      <c r="I32" s="280">
        <v>189</v>
      </c>
      <c r="J32" s="280">
        <v>42</v>
      </c>
      <c r="K32" s="280">
        <v>0</v>
      </c>
      <c r="L32" s="281">
        <v>239</v>
      </c>
      <c r="M32" s="282">
        <v>239</v>
      </c>
      <c r="N32" s="276">
        <v>0</v>
      </c>
      <c r="O32" s="280">
        <v>0</v>
      </c>
      <c r="P32" s="277">
        <v>0</v>
      </c>
      <c r="Q32" s="279">
        <v>0</v>
      </c>
      <c r="R32" s="280">
        <v>4</v>
      </c>
      <c r="S32" s="280">
        <v>0</v>
      </c>
      <c r="T32" s="280">
        <v>0</v>
      </c>
      <c r="U32" s="280">
        <v>4</v>
      </c>
      <c r="V32" s="280">
        <v>0</v>
      </c>
      <c r="W32" s="277">
        <v>8</v>
      </c>
      <c r="X32" s="282">
        <v>8</v>
      </c>
      <c r="Y32" s="276">
        <v>0</v>
      </c>
      <c r="Z32" s="280">
        <v>0</v>
      </c>
      <c r="AA32" s="277">
        <v>0</v>
      </c>
      <c r="AB32" s="279">
        <v>0</v>
      </c>
      <c r="AC32" s="280">
        <v>4</v>
      </c>
      <c r="AD32" s="280">
        <v>1</v>
      </c>
      <c r="AE32" s="280">
        <v>3</v>
      </c>
      <c r="AF32" s="280">
        <v>4</v>
      </c>
      <c r="AG32" s="280">
        <v>0</v>
      </c>
      <c r="AH32" s="277">
        <v>12</v>
      </c>
      <c r="AI32" s="282">
        <v>12</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8</v>
      </c>
      <c r="AZ32" s="280">
        <v>18</v>
      </c>
      <c r="BA32" s="280">
        <v>0</v>
      </c>
      <c r="BB32" s="280">
        <v>0</v>
      </c>
      <c r="BC32" s="280">
        <v>0</v>
      </c>
      <c r="BD32" s="281">
        <v>26</v>
      </c>
      <c r="BE32" s="282">
        <v>26</v>
      </c>
      <c r="BF32" s="276">
        <v>0</v>
      </c>
      <c r="BG32" s="280">
        <v>0</v>
      </c>
      <c r="BH32" s="277">
        <v>0</v>
      </c>
      <c r="BI32" s="279">
        <v>0</v>
      </c>
      <c r="BJ32" s="280">
        <v>0</v>
      </c>
      <c r="BK32" s="280">
        <v>8</v>
      </c>
      <c r="BL32" s="280">
        <v>0</v>
      </c>
      <c r="BM32" s="280">
        <v>3</v>
      </c>
      <c r="BN32" s="280">
        <v>0</v>
      </c>
      <c r="BO32" s="277">
        <v>11</v>
      </c>
      <c r="BP32" s="282">
        <v>11</v>
      </c>
      <c r="BQ32" s="276">
        <v>0</v>
      </c>
      <c r="BR32" s="280">
        <v>0</v>
      </c>
      <c r="BS32" s="277">
        <v>0</v>
      </c>
      <c r="BT32" s="279">
        <v>0</v>
      </c>
      <c r="BU32" s="280">
        <v>0</v>
      </c>
      <c r="BV32" s="280">
        <v>13</v>
      </c>
      <c r="BW32" s="280">
        <v>0</v>
      </c>
      <c r="BX32" s="280">
        <v>0</v>
      </c>
      <c r="BY32" s="280">
        <v>0</v>
      </c>
      <c r="BZ32" s="277">
        <v>13</v>
      </c>
      <c r="CA32" s="282">
        <v>13</v>
      </c>
      <c r="CB32" s="276">
        <v>0</v>
      </c>
      <c r="CC32" s="280">
        <v>0</v>
      </c>
      <c r="CD32" s="277">
        <v>0</v>
      </c>
      <c r="CE32" s="279">
        <v>0</v>
      </c>
      <c r="CF32" s="280">
        <v>0</v>
      </c>
      <c r="CG32" s="280">
        <v>2</v>
      </c>
      <c r="CH32" s="280">
        <v>0</v>
      </c>
      <c r="CI32" s="280">
        <v>0</v>
      </c>
      <c r="CJ32" s="280">
        <v>0</v>
      </c>
      <c r="CK32" s="277">
        <v>2</v>
      </c>
      <c r="CL32" s="282">
        <v>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77">
        <v>0</v>
      </c>
      <c r="E33" s="278">
        <v>0</v>
      </c>
      <c r="F33" s="279">
        <v>0</v>
      </c>
      <c r="G33" s="280">
        <v>0</v>
      </c>
      <c r="H33" s="280">
        <v>0</v>
      </c>
      <c r="I33" s="280">
        <v>40</v>
      </c>
      <c r="J33" s="280">
        <v>12</v>
      </c>
      <c r="K33" s="280">
        <v>0</v>
      </c>
      <c r="L33" s="281">
        <v>52</v>
      </c>
      <c r="M33" s="282">
        <v>52</v>
      </c>
      <c r="N33" s="276">
        <v>0</v>
      </c>
      <c r="O33" s="280">
        <v>0</v>
      </c>
      <c r="P33" s="277">
        <v>0</v>
      </c>
      <c r="Q33" s="279">
        <v>0</v>
      </c>
      <c r="R33" s="280">
        <v>0</v>
      </c>
      <c r="S33" s="280">
        <v>0</v>
      </c>
      <c r="T33" s="280">
        <v>0</v>
      </c>
      <c r="U33" s="280">
        <v>0</v>
      </c>
      <c r="V33" s="280">
        <v>8</v>
      </c>
      <c r="W33" s="277">
        <v>8</v>
      </c>
      <c r="X33" s="282">
        <v>8</v>
      </c>
      <c r="Y33" s="276">
        <v>0</v>
      </c>
      <c r="Z33" s="280">
        <v>0</v>
      </c>
      <c r="AA33" s="277">
        <v>0</v>
      </c>
      <c r="AB33" s="279">
        <v>0</v>
      </c>
      <c r="AC33" s="280">
        <v>4</v>
      </c>
      <c r="AD33" s="280">
        <v>2</v>
      </c>
      <c r="AE33" s="280">
        <v>18</v>
      </c>
      <c r="AF33" s="280">
        <v>40</v>
      </c>
      <c r="AG33" s="280">
        <v>25</v>
      </c>
      <c r="AH33" s="277">
        <v>89</v>
      </c>
      <c r="AI33" s="282">
        <v>89</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4</v>
      </c>
      <c r="AZ33" s="280">
        <v>25</v>
      </c>
      <c r="BA33" s="280">
        <v>9</v>
      </c>
      <c r="BB33" s="280">
        <v>17</v>
      </c>
      <c r="BC33" s="280">
        <v>0</v>
      </c>
      <c r="BD33" s="281">
        <v>55</v>
      </c>
      <c r="BE33" s="282">
        <v>55</v>
      </c>
      <c r="BF33" s="276">
        <v>0</v>
      </c>
      <c r="BG33" s="280">
        <v>0</v>
      </c>
      <c r="BH33" s="277">
        <v>0</v>
      </c>
      <c r="BI33" s="279">
        <v>0</v>
      </c>
      <c r="BJ33" s="280">
        <v>0</v>
      </c>
      <c r="BK33" s="280">
        <v>4</v>
      </c>
      <c r="BL33" s="280">
        <v>0</v>
      </c>
      <c r="BM33" s="280">
        <v>0</v>
      </c>
      <c r="BN33" s="280">
        <v>0</v>
      </c>
      <c r="BO33" s="277">
        <v>4</v>
      </c>
      <c r="BP33" s="282">
        <v>4</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6</v>
      </c>
      <c r="AE34" s="280">
        <v>0</v>
      </c>
      <c r="AF34" s="280">
        <v>0</v>
      </c>
      <c r="AG34" s="280">
        <v>0</v>
      </c>
      <c r="AH34" s="277">
        <v>16</v>
      </c>
      <c r="AI34" s="282">
        <v>16</v>
      </c>
      <c r="AJ34" s="276">
        <v>0</v>
      </c>
      <c r="AK34" s="280">
        <v>0</v>
      </c>
      <c r="AL34" s="277">
        <v>0</v>
      </c>
      <c r="AM34" s="279">
        <v>0</v>
      </c>
      <c r="AN34" s="280">
        <v>0</v>
      </c>
      <c r="AO34" s="280">
        <v>12</v>
      </c>
      <c r="AP34" s="280">
        <v>0</v>
      </c>
      <c r="AQ34" s="280">
        <v>9</v>
      </c>
      <c r="AR34" s="280">
        <v>0</v>
      </c>
      <c r="AS34" s="277">
        <v>21</v>
      </c>
      <c r="AT34" s="282">
        <v>21</v>
      </c>
      <c r="AU34" s="276">
        <v>0</v>
      </c>
      <c r="AV34" s="280">
        <v>0</v>
      </c>
      <c r="AW34" s="277">
        <v>0</v>
      </c>
      <c r="AX34" s="279">
        <v>0</v>
      </c>
      <c r="AY34" s="280">
        <v>24</v>
      </c>
      <c r="AZ34" s="280">
        <v>12</v>
      </c>
      <c r="BA34" s="280">
        <v>45</v>
      </c>
      <c r="BB34" s="280">
        <v>0</v>
      </c>
      <c r="BC34" s="280">
        <v>0</v>
      </c>
      <c r="BD34" s="281">
        <v>81</v>
      </c>
      <c r="BE34" s="282">
        <v>81</v>
      </c>
      <c r="BF34" s="276">
        <v>0</v>
      </c>
      <c r="BG34" s="280">
        <v>0</v>
      </c>
      <c r="BH34" s="277">
        <v>0</v>
      </c>
      <c r="BI34" s="279">
        <v>0</v>
      </c>
      <c r="BJ34" s="280">
        <v>0</v>
      </c>
      <c r="BK34" s="280">
        <v>0</v>
      </c>
      <c r="BL34" s="280">
        <v>6</v>
      </c>
      <c r="BM34" s="280">
        <v>9</v>
      </c>
      <c r="BN34" s="280">
        <v>0</v>
      </c>
      <c r="BO34" s="277">
        <v>15</v>
      </c>
      <c r="BP34" s="282">
        <v>15</v>
      </c>
      <c r="BQ34" s="276">
        <v>0</v>
      </c>
      <c r="BR34" s="280">
        <v>0</v>
      </c>
      <c r="BS34" s="277">
        <v>0</v>
      </c>
      <c r="BT34" s="279">
        <v>0</v>
      </c>
      <c r="BU34" s="280">
        <v>0</v>
      </c>
      <c r="BV34" s="280">
        <v>0</v>
      </c>
      <c r="BW34" s="280">
        <v>2</v>
      </c>
      <c r="BX34" s="280">
        <v>0</v>
      </c>
      <c r="BY34" s="280">
        <v>0</v>
      </c>
      <c r="BZ34" s="277">
        <v>2</v>
      </c>
      <c r="CA34" s="282">
        <v>2</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77">
        <v>0</v>
      </c>
      <c r="E35" s="278">
        <v>0</v>
      </c>
      <c r="F35" s="279">
        <v>0</v>
      </c>
      <c r="G35" s="280">
        <v>33</v>
      </c>
      <c r="H35" s="280">
        <v>0</v>
      </c>
      <c r="I35" s="280">
        <v>4</v>
      </c>
      <c r="J35" s="280">
        <v>0</v>
      </c>
      <c r="K35" s="280">
        <v>2</v>
      </c>
      <c r="L35" s="281">
        <v>39</v>
      </c>
      <c r="M35" s="282">
        <v>39</v>
      </c>
      <c r="N35" s="276">
        <v>0</v>
      </c>
      <c r="O35" s="280">
        <v>0</v>
      </c>
      <c r="P35" s="277">
        <v>0</v>
      </c>
      <c r="Q35" s="279">
        <v>0</v>
      </c>
      <c r="R35" s="280">
        <v>0</v>
      </c>
      <c r="S35" s="280">
        <v>0</v>
      </c>
      <c r="T35" s="280">
        <v>4</v>
      </c>
      <c r="U35" s="280">
        <v>0</v>
      </c>
      <c r="V35" s="280">
        <v>0</v>
      </c>
      <c r="W35" s="277">
        <v>4</v>
      </c>
      <c r="X35" s="282">
        <v>4</v>
      </c>
      <c r="Y35" s="276">
        <v>0</v>
      </c>
      <c r="Z35" s="280">
        <v>0</v>
      </c>
      <c r="AA35" s="277">
        <v>0</v>
      </c>
      <c r="AB35" s="279">
        <v>0</v>
      </c>
      <c r="AC35" s="280">
        <v>0</v>
      </c>
      <c r="AD35" s="280">
        <v>4</v>
      </c>
      <c r="AE35" s="280">
        <v>13</v>
      </c>
      <c r="AF35" s="280">
        <v>0</v>
      </c>
      <c r="AG35" s="280">
        <v>0</v>
      </c>
      <c r="AH35" s="277">
        <v>17</v>
      </c>
      <c r="AI35" s="282">
        <v>17</v>
      </c>
      <c r="AJ35" s="276">
        <v>0</v>
      </c>
      <c r="AK35" s="280">
        <v>0</v>
      </c>
      <c r="AL35" s="277">
        <v>0</v>
      </c>
      <c r="AM35" s="279">
        <v>0</v>
      </c>
      <c r="AN35" s="280">
        <v>30</v>
      </c>
      <c r="AO35" s="280">
        <v>28</v>
      </c>
      <c r="AP35" s="280">
        <v>38</v>
      </c>
      <c r="AQ35" s="280">
        <v>0</v>
      </c>
      <c r="AR35" s="280">
        <v>0</v>
      </c>
      <c r="AS35" s="277">
        <v>96</v>
      </c>
      <c r="AT35" s="282">
        <v>96</v>
      </c>
      <c r="AU35" s="276">
        <v>0</v>
      </c>
      <c r="AV35" s="280">
        <v>0</v>
      </c>
      <c r="AW35" s="277">
        <v>0</v>
      </c>
      <c r="AX35" s="279">
        <v>0</v>
      </c>
      <c r="AY35" s="280">
        <v>12</v>
      </c>
      <c r="AZ35" s="280">
        <v>0</v>
      </c>
      <c r="BA35" s="280">
        <v>0</v>
      </c>
      <c r="BB35" s="280">
        <v>0</v>
      </c>
      <c r="BC35" s="280">
        <v>6</v>
      </c>
      <c r="BD35" s="281">
        <v>18</v>
      </c>
      <c r="BE35" s="282">
        <v>18</v>
      </c>
      <c r="BF35" s="276">
        <v>0</v>
      </c>
      <c r="BG35" s="280">
        <v>0</v>
      </c>
      <c r="BH35" s="277">
        <v>0</v>
      </c>
      <c r="BI35" s="279">
        <v>0</v>
      </c>
      <c r="BJ35" s="280">
        <v>12</v>
      </c>
      <c r="BK35" s="280">
        <v>0</v>
      </c>
      <c r="BL35" s="280">
        <v>7</v>
      </c>
      <c r="BM35" s="280">
        <v>0</v>
      </c>
      <c r="BN35" s="280">
        <v>0</v>
      </c>
      <c r="BO35" s="277">
        <v>19</v>
      </c>
      <c r="BP35" s="282">
        <v>19</v>
      </c>
      <c r="BQ35" s="276">
        <v>0</v>
      </c>
      <c r="BR35" s="280">
        <v>0</v>
      </c>
      <c r="BS35" s="277">
        <v>0</v>
      </c>
      <c r="BT35" s="279">
        <v>0</v>
      </c>
      <c r="BU35" s="280">
        <v>0</v>
      </c>
      <c r="BV35" s="280">
        <v>0</v>
      </c>
      <c r="BW35" s="280">
        <v>3</v>
      </c>
      <c r="BX35" s="280">
        <v>0</v>
      </c>
      <c r="BY35" s="280">
        <v>0</v>
      </c>
      <c r="BZ35" s="277">
        <v>3</v>
      </c>
      <c r="CA35" s="282">
        <v>3</v>
      </c>
      <c r="CB35" s="276">
        <v>0</v>
      </c>
      <c r="CC35" s="280">
        <v>0</v>
      </c>
      <c r="CD35" s="277">
        <v>0</v>
      </c>
      <c r="CE35" s="279">
        <v>0</v>
      </c>
      <c r="CF35" s="280">
        <v>7</v>
      </c>
      <c r="CG35" s="280">
        <v>0</v>
      </c>
      <c r="CH35" s="280">
        <v>14</v>
      </c>
      <c r="CI35" s="280">
        <v>0</v>
      </c>
      <c r="CJ35" s="280">
        <v>0</v>
      </c>
      <c r="CK35" s="277">
        <v>21</v>
      </c>
      <c r="CL35" s="282">
        <v>21</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77">
        <v>0</v>
      </c>
      <c r="E36" s="278">
        <v>0</v>
      </c>
      <c r="F36" s="279">
        <v>0</v>
      </c>
      <c r="G36" s="280">
        <v>11</v>
      </c>
      <c r="H36" s="280">
        <v>0</v>
      </c>
      <c r="I36" s="280">
        <v>0</v>
      </c>
      <c r="J36" s="280">
        <v>0</v>
      </c>
      <c r="K36" s="280">
        <v>0</v>
      </c>
      <c r="L36" s="281">
        <v>11</v>
      </c>
      <c r="M36" s="282">
        <v>11</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0</v>
      </c>
      <c r="AZ36" s="280">
        <v>26</v>
      </c>
      <c r="BA36" s="280">
        <v>25</v>
      </c>
      <c r="BB36" s="280">
        <v>0</v>
      </c>
      <c r="BC36" s="280">
        <v>0</v>
      </c>
      <c r="BD36" s="281">
        <v>51</v>
      </c>
      <c r="BE36" s="282">
        <v>51</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77">
        <v>0</v>
      </c>
      <c r="E37" s="278">
        <v>0</v>
      </c>
      <c r="F37" s="279">
        <v>0</v>
      </c>
      <c r="G37" s="280">
        <v>79</v>
      </c>
      <c r="H37" s="280">
        <v>22</v>
      </c>
      <c r="I37" s="280">
        <v>19</v>
      </c>
      <c r="J37" s="280">
        <v>79</v>
      </c>
      <c r="K37" s="280">
        <v>0</v>
      </c>
      <c r="L37" s="281">
        <v>199</v>
      </c>
      <c r="M37" s="282">
        <v>199</v>
      </c>
      <c r="N37" s="276">
        <v>0</v>
      </c>
      <c r="O37" s="280">
        <v>0</v>
      </c>
      <c r="P37" s="277">
        <v>0</v>
      </c>
      <c r="Q37" s="279">
        <v>0</v>
      </c>
      <c r="R37" s="280">
        <v>1</v>
      </c>
      <c r="S37" s="280">
        <v>0</v>
      </c>
      <c r="T37" s="280">
        <v>0</v>
      </c>
      <c r="U37" s="280">
        <v>4</v>
      </c>
      <c r="V37" s="280">
        <v>0</v>
      </c>
      <c r="W37" s="277">
        <v>5</v>
      </c>
      <c r="X37" s="282">
        <v>5</v>
      </c>
      <c r="Y37" s="276">
        <v>6</v>
      </c>
      <c r="Z37" s="280">
        <v>5</v>
      </c>
      <c r="AA37" s="277">
        <v>11</v>
      </c>
      <c r="AB37" s="279">
        <v>0</v>
      </c>
      <c r="AC37" s="280">
        <v>23</v>
      </c>
      <c r="AD37" s="280">
        <v>8</v>
      </c>
      <c r="AE37" s="280">
        <v>12</v>
      </c>
      <c r="AF37" s="280">
        <v>30</v>
      </c>
      <c r="AG37" s="280">
        <v>0</v>
      </c>
      <c r="AH37" s="277">
        <v>73</v>
      </c>
      <c r="AI37" s="282">
        <v>84</v>
      </c>
      <c r="AJ37" s="276">
        <v>0</v>
      </c>
      <c r="AK37" s="280">
        <v>0</v>
      </c>
      <c r="AL37" s="277">
        <v>0</v>
      </c>
      <c r="AM37" s="279">
        <v>0</v>
      </c>
      <c r="AN37" s="280">
        <v>60</v>
      </c>
      <c r="AO37" s="280">
        <v>0</v>
      </c>
      <c r="AP37" s="280">
        <v>0</v>
      </c>
      <c r="AQ37" s="280">
        <v>0</v>
      </c>
      <c r="AR37" s="280">
        <v>0</v>
      </c>
      <c r="AS37" s="277">
        <v>60</v>
      </c>
      <c r="AT37" s="282">
        <v>60</v>
      </c>
      <c r="AU37" s="276">
        <v>0</v>
      </c>
      <c r="AV37" s="280">
        <v>0</v>
      </c>
      <c r="AW37" s="277">
        <v>0</v>
      </c>
      <c r="AX37" s="279">
        <v>0</v>
      </c>
      <c r="AY37" s="280">
        <v>45</v>
      </c>
      <c r="AZ37" s="280">
        <v>20</v>
      </c>
      <c r="BA37" s="280">
        <v>14</v>
      </c>
      <c r="BB37" s="280">
        <v>13</v>
      </c>
      <c r="BC37" s="280">
        <v>0</v>
      </c>
      <c r="BD37" s="281">
        <v>92</v>
      </c>
      <c r="BE37" s="282">
        <v>92</v>
      </c>
      <c r="BF37" s="276">
        <v>0</v>
      </c>
      <c r="BG37" s="280">
        <v>0</v>
      </c>
      <c r="BH37" s="277">
        <v>0</v>
      </c>
      <c r="BI37" s="279">
        <v>0</v>
      </c>
      <c r="BJ37" s="280">
        <v>8</v>
      </c>
      <c r="BK37" s="280">
        <v>9</v>
      </c>
      <c r="BL37" s="280">
        <v>0</v>
      </c>
      <c r="BM37" s="280">
        <v>11</v>
      </c>
      <c r="BN37" s="280">
        <v>0</v>
      </c>
      <c r="BO37" s="277">
        <v>28</v>
      </c>
      <c r="BP37" s="282">
        <v>28</v>
      </c>
      <c r="BQ37" s="276">
        <v>0</v>
      </c>
      <c r="BR37" s="280">
        <v>0</v>
      </c>
      <c r="BS37" s="277">
        <v>0</v>
      </c>
      <c r="BT37" s="279">
        <v>0</v>
      </c>
      <c r="BU37" s="280">
        <v>0</v>
      </c>
      <c r="BV37" s="280">
        <v>0</v>
      </c>
      <c r="BW37" s="280">
        <v>0</v>
      </c>
      <c r="BX37" s="280">
        <v>31</v>
      </c>
      <c r="BY37" s="280">
        <v>0</v>
      </c>
      <c r="BZ37" s="277">
        <v>31</v>
      </c>
      <c r="CA37" s="282">
        <v>31</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77">
        <v>0</v>
      </c>
      <c r="E38" s="278">
        <v>0</v>
      </c>
      <c r="F38" s="279">
        <v>0</v>
      </c>
      <c r="G38" s="280">
        <v>12</v>
      </c>
      <c r="H38" s="280">
        <v>5</v>
      </c>
      <c r="I38" s="280">
        <v>0</v>
      </c>
      <c r="J38" s="280">
        <v>358</v>
      </c>
      <c r="K38" s="280">
        <v>232</v>
      </c>
      <c r="L38" s="281">
        <v>607</v>
      </c>
      <c r="M38" s="282">
        <v>607</v>
      </c>
      <c r="N38" s="276">
        <v>0</v>
      </c>
      <c r="O38" s="280">
        <v>0</v>
      </c>
      <c r="P38" s="277">
        <v>0</v>
      </c>
      <c r="Q38" s="279">
        <v>0</v>
      </c>
      <c r="R38" s="280">
        <v>2</v>
      </c>
      <c r="S38" s="280">
        <v>0</v>
      </c>
      <c r="T38" s="280">
        <v>0</v>
      </c>
      <c r="U38" s="280">
        <v>0</v>
      </c>
      <c r="V38" s="280">
        <v>0</v>
      </c>
      <c r="W38" s="277">
        <v>2</v>
      </c>
      <c r="X38" s="282">
        <v>2</v>
      </c>
      <c r="Y38" s="276">
        <v>0</v>
      </c>
      <c r="Z38" s="280">
        <v>6</v>
      </c>
      <c r="AA38" s="277">
        <v>6</v>
      </c>
      <c r="AB38" s="279">
        <v>0</v>
      </c>
      <c r="AC38" s="280">
        <v>23</v>
      </c>
      <c r="AD38" s="280">
        <v>10</v>
      </c>
      <c r="AE38" s="280">
        <v>11</v>
      </c>
      <c r="AF38" s="280">
        <v>5</v>
      </c>
      <c r="AG38" s="280">
        <v>15</v>
      </c>
      <c r="AH38" s="277">
        <v>64</v>
      </c>
      <c r="AI38" s="282">
        <v>70</v>
      </c>
      <c r="AJ38" s="276">
        <v>0</v>
      </c>
      <c r="AK38" s="280">
        <v>0</v>
      </c>
      <c r="AL38" s="277">
        <v>0</v>
      </c>
      <c r="AM38" s="279">
        <v>0</v>
      </c>
      <c r="AN38" s="280">
        <v>16</v>
      </c>
      <c r="AO38" s="280">
        <v>0</v>
      </c>
      <c r="AP38" s="280">
        <v>0</v>
      </c>
      <c r="AQ38" s="280">
        <v>0</v>
      </c>
      <c r="AR38" s="280">
        <v>0</v>
      </c>
      <c r="AS38" s="277">
        <v>16</v>
      </c>
      <c r="AT38" s="282">
        <v>16</v>
      </c>
      <c r="AU38" s="276">
        <v>0</v>
      </c>
      <c r="AV38" s="280">
        <v>0</v>
      </c>
      <c r="AW38" s="277">
        <v>0</v>
      </c>
      <c r="AX38" s="279">
        <v>0</v>
      </c>
      <c r="AY38" s="280">
        <v>18</v>
      </c>
      <c r="AZ38" s="280">
        <v>5</v>
      </c>
      <c r="BA38" s="280">
        <v>12</v>
      </c>
      <c r="BB38" s="280">
        <v>32</v>
      </c>
      <c r="BC38" s="280">
        <v>6</v>
      </c>
      <c r="BD38" s="281">
        <v>73</v>
      </c>
      <c r="BE38" s="282">
        <v>73</v>
      </c>
      <c r="BF38" s="276">
        <v>0</v>
      </c>
      <c r="BG38" s="280">
        <v>0</v>
      </c>
      <c r="BH38" s="277">
        <v>0</v>
      </c>
      <c r="BI38" s="279">
        <v>0</v>
      </c>
      <c r="BJ38" s="280">
        <v>3</v>
      </c>
      <c r="BK38" s="280">
        <v>0</v>
      </c>
      <c r="BL38" s="280">
        <v>0</v>
      </c>
      <c r="BM38" s="280">
        <v>0</v>
      </c>
      <c r="BN38" s="280">
        <v>0</v>
      </c>
      <c r="BO38" s="277">
        <v>3</v>
      </c>
      <c r="BP38" s="282">
        <v>3</v>
      </c>
      <c r="BQ38" s="276">
        <v>0</v>
      </c>
      <c r="BR38" s="280">
        <v>0</v>
      </c>
      <c r="BS38" s="277">
        <v>0</v>
      </c>
      <c r="BT38" s="279">
        <v>0</v>
      </c>
      <c r="BU38" s="280">
        <v>0</v>
      </c>
      <c r="BV38" s="280">
        <v>16</v>
      </c>
      <c r="BW38" s="280">
        <v>0</v>
      </c>
      <c r="BX38" s="280">
        <v>6</v>
      </c>
      <c r="BY38" s="280">
        <v>0</v>
      </c>
      <c r="BZ38" s="277">
        <v>22</v>
      </c>
      <c r="CA38" s="282">
        <v>22</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4">
        <v>0</v>
      </c>
      <c r="E39" s="285">
        <v>0</v>
      </c>
      <c r="F39" s="286">
        <v>0</v>
      </c>
      <c r="G39" s="287">
        <v>0</v>
      </c>
      <c r="H39" s="287">
        <v>0</v>
      </c>
      <c r="I39" s="287">
        <v>0</v>
      </c>
      <c r="J39" s="287">
        <v>0</v>
      </c>
      <c r="K39" s="287">
        <v>22</v>
      </c>
      <c r="L39" s="288">
        <v>22</v>
      </c>
      <c r="M39" s="289">
        <v>22</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9</v>
      </c>
      <c r="AH39" s="284">
        <v>9</v>
      </c>
      <c r="AI39" s="289">
        <v>9</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8">
        <v>0</v>
      </c>
      <c r="BE39" s="289">
        <v>0</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4</v>
      </c>
      <c r="CK39" s="284">
        <v>4</v>
      </c>
      <c r="CL39" s="289">
        <v>4</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8</v>
      </c>
      <c r="F1" s="22"/>
      <c r="H1" s="522">
        <f>第１表!F2</f>
        <v>5</v>
      </c>
      <c r="I1" s="522"/>
      <c r="J1" s="248">
        <f>第１表!G2</f>
        <v>6</v>
      </c>
      <c r="K1" s="553">
        <f>IF(J1&lt;3,J1-2+12,J1-2)</f>
        <v>4</v>
      </c>
      <c r="L1" s="553"/>
    </row>
    <row r="2" spans="2:35" ht="24" customHeight="1" thickBot="1" x14ac:dyDescent="0.25">
      <c r="J2" s="5"/>
      <c r="K2" s="5"/>
      <c r="L2" s="5"/>
      <c r="M2" s="5"/>
      <c r="N2" s="5"/>
      <c r="O2" s="5"/>
      <c r="P2" s="30"/>
      <c r="Q2" s="30"/>
      <c r="R2" s="30"/>
    </row>
    <row r="3" spans="2:35" ht="21" customHeight="1" thickBot="1" x14ac:dyDescent="0.25">
      <c r="B3" s="26"/>
      <c r="C3" s="554" t="s">
        <v>53</v>
      </c>
      <c r="D3" s="555"/>
      <c r="E3" s="555"/>
      <c r="F3" s="555"/>
      <c r="G3" s="555"/>
      <c r="H3" s="555"/>
      <c r="I3" s="555"/>
      <c r="J3" s="555"/>
      <c r="K3" s="555"/>
      <c r="L3" s="555"/>
      <c r="M3" s="556"/>
      <c r="N3" s="554" t="s">
        <v>54</v>
      </c>
      <c r="O3" s="555"/>
      <c r="P3" s="555"/>
      <c r="Q3" s="555"/>
      <c r="R3" s="555"/>
      <c r="S3" s="555"/>
      <c r="T3" s="555"/>
      <c r="U3" s="555"/>
      <c r="V3" s="555"/>
      <c r="W3" s="555"/>
      <c r="X3" s="556"/>
      <c r="Y3" s="554" t="s">
        <v>55</v>
      </c>
      <c r="Z3" s="555"/>
      <c r="AA3" s="555"/>
      <c r="AB3" s="555"/>
      <c r="AC3" s="555"/>
      <c r="AD3" s="555"/>
      <c r="AE3" s="555"/>
      <c r="AF3" s="555"/>
      <c r="AG3" s="555"/>
      <c r="AH3" s="555"/>
      <c r="AI3" s="556"/>
    </row>
    <row r="4" spans="2:35" ht="30"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83</v>
      </c>
      <c r="D5" s="92">
        <v>316</v>
      </c>
      <c r="E5" s="93">
        <v>499</v>
      </c>
      <c r="F5" s="94">
        <v>0</v>
      </c>
      <c r="G5" s="92">
        <v>18542</v>
      </c>
      <c r="H5" s="92">
        <v>18604</v>
      </c>
      <c r="I5" s="92">
        <v>12787</v>
      </c>
      <c r="J5" s="92">
        <v>8109</v>
      </c>
      <c r="K5" s="92">
        <v>5086</v>
      </c>
      <c r="L5" s="93">
        <v>63128</v>
      </c>
      <c r="M5" s="95">
        <v>63627</v>
      </c>
      <c r="N5" s="96">
        <v>1</v>
      </c>
      <c r="O5" s="92">
        <v>3</v>
      </c>
      <c r="P5" s="93">
        <v>4</v>
      </c>
      <c r="Q5" s="94">
        <v>0</v>
      </c>
      <c r="R5" s="92">
        <v>205</v>
      </c>
      <c r="S5" s="92">
        <v>352</v>
      </c>
      <c r="T5" s="92">
        <v>238</v>
      </c>
      <c r="U5" s="92">
        <v>168</v>
      </c>
      <c r="V5" s="92">
        <v>178</v>
      </c>
      <c r="W5" s="93">
        <v>1141</v>
      </c>
      <c r="X5" s="95">
        <v>1145</v>
      </c>
      <c r="Y5" s="96">
        <v>184</v>
      </c>
      <c r="Z5" s="92">
        <v>319</v>
      </c>
      <c r="AA5" s="93">
        <v>503</v>
      </c>
      <c r="AB5" s="94">
        <v>0</v>
      </c>
      <c r="AC5" s="92">
        <v>18747</v>
      </c>
      <c r="AD5" s="92">
        <v>18956</v>
      </c>
      <c r="AE5" s="92">
        <v>13025</v>
      </c>
      <c r="AF5" s="92">
        <v>8277</v>
      </c>
      <c r="AG5" s="92">
        <v>5264</v>
      </c>
      <c r="AH5" s="93">
        <v>64269</v>
      </c>
      <c r="AI5" s="95">
        <v>64772</v>
      </c>
    </row>
    <row r="6" spans="2:35" ht="21" customHeight="1" x14ac:dyDescent="0.2">
      <c r="B6" s="18" t="s">
        <v>5</v>
      </c>
      <c r="C6" s="97">
        <v>73</v>
      </c>
      <c r="D6" s="98">
        <v>113</v>
      </c>
      <c r="E6" s="99">
        <v>186</v>
      </c>
      <c r="F6" s="100">
        <v>0</v>
      </c>
      <c r="G6" s="98">
        <v>6781</v>
      </c>
      <c r="H6" s="98">
        <v>8751</v>
      </c>
      <c r="I6" s="98">
        <v>5608</v>
      </c>
      <c r="J6" s="98">
        <v>3538</v>
      </c>
      <c r="K6" s="98">
        <v>2335</v>
      </c>
      <c r="L6" s="99">
        <v>27013</v>
      </c>
      <c r="M6" s="101">
        <v>27199</v>
      </c>
      <c r="N6" s="102">
        <v>1</v>
      </c>
      <c r="O6" s="98">
        <v>1</v>
      </c>
      <c r="P6" s="99">
        <v>2</v>
      </c>
      <c r="Q6" s="100">
        <v>0</v>
      </c>
      <c r="R6" s="98">
        <v>68</v>
      </c>
      <c r="S6" s="98">
        <v>158</v>
      </c>
      <c r="T6" s="98">
        <v>132</v>
      </c>
      <c r="U6" s="98">
        <v>79</v>
      </c>
      <c r="V6" s="98">
        <v>82</v>
      </c>
      <c r="W6" s="99">
        <v>519</v>
      </c>
      <c r="X6" s="101">
        <v>521</v>
      </c>
      <c r="Y6" s="102">
        <v>74</v>
      </c>
      <c r="Z6" s="98">
        <v>114</v>
      </c>
      <c r="AA6" s="99">
        <v>188</v>
      </c>
      <c r="AB6" s="100">
        <v>0</v>
      </c>
      <c r="AC6" s="98">
        <v>6849</v>
      </c>
      <c r="AD6" s="98">
        <v>8909</v>
      </c>
      <c r="AE6" s="98">
        <v>5740</v>
      </c>
      <c r="AF6" s="98">
        <v>3617</v>
      </c>
      <c r="AG6" s="98">
        <v>2417</v>
      </c>
      <c r="AH6" s="99">
        <v>27532</v>
      </c>
      <c r="AI6" s="101">
        <v>27720</v>
      </c>
    </row>
    <row r="7" spans="2:35" ht="21" customHeight="1" x14ac:dyDescent="0.2">
      <c r="B7" s="18" t="s">
        <v>6</v>
      </c>
      <c r="C7" s="97">
        <v>29</v>
      </c>
      <c r="D7" s="98">
        <v>38</v>
      </c>
      <c r="E7" s="99">
        <v>67</v>
      </c>
      <c r="F7" s="100">
        <v>0</v>
      </c>
      <c r="G7" s="98">
        <v>2906</v>
      </c>
      <c r="H7" s="98">
        <v>2449</v>
      </c>
      <c r="I7" s="98">
        <v>1898</v>
      </c>
      <c r="J7" s="98">
        <v>1364</v>
      </c>
      <c r="K7" s="98">
        <v>926</v>
      </c>
      <c r="L7" s="99">
        <v>9543</v>
      </c>
      <c r="M7" s="101">
        <v>9610</v>
      </c>
      <c r="N7" s="102">
        <v>0</v>
      </c>
      <c r="O7" s="98">
        <v>0</v>
      </c>
      <c r="P7" s="99">
        <v>0</v>
      </c>
      <c r="Q7" s="100">
        <v>0</v>
      </c>
      <c r="R7" s="98">
        <v>31</v>
      </c>
      <c r="S7" s="98">
        <v>39</v>
      </c>
      <c r="T7" s="98">
        <v>29</v>
      </c>
      <c r="U7" s="98">
        <v>23</v>
      </c>
      <c r="V7" s="98">
        <v>33</v>
      </c>
      <c r="W7" s="99">
        <v>155</v>
      </c>
      <c r="X7" s="101">
        <v>155</v>
      </c>
      <c r="Y7" s="102">
        <v>29</v>
      </c>
      <c r="Z7" s="98">
        <v>38</v>
      </c>
      <c r="AA7" s="99">
        <v>67</v>
      </c>
      <c r="AB7" s="100">
        <v>0</v>
      </c>
      <c r="AC7" s="98">
        <v>2937</v>
      </c>
      <c r="AD7" s="98">
        <v>2488</v>
      </c>
      <c r="AE7" s="98">
        <v>1927</v>
      </c>
      <c r="AF7" s="98">
        <v>1387</v>
      </c>
      <c r="AG7" s="98">
        <v>959</v>
      </c>
      <c r="AH7" s="99">
        <v>9698</v>
      </c>
      <c r="AI7" s="101">
        <v>9765</v>
      </c>
    </row>
    <row r="8" spans="2:35" ht="21" customHeight="1" x14ac:dyDescent="0.2">
      <c r="B8" s="18" t="s">
        <v>14</v>
      </c>
      <c r="C8" s="97">
        <v>19</v>
      </c>
      <c r="D8" s="98">
        <v>30</v>
      </c>
      <c r="E8" s="99">
        <v>49</v>
      </c>
      <c r="F8" s="100">
        <v>0</v>
      </c>
      <c r="G8" s="98">
        <v>1387</v>
      </c>
      <c r="H8" s="98">
        <v>1579</v>
      </c>
      <c r="I8" s="98">
        <v>1112</v>
      </c>
      <c r="J8" s="98">
        <v>617</v>
      </c>
      <c r="K8" s="98">
        <v>359</v>
      </c>
      <c r="L8" s="99">
        <v>5054</v>
      </c>
      <c r="M8" s="101">
        <v>5103</v>
      </c>
      <c r="N8" s="102">
        <v>0</v>
      </c>
      <c r="O8" s="98">
        <v>0</v>
      </c>
      <c r="P8" s="99">
        <v>0</v>
      </c>
      <c r="Q8" s="100">
        <v>0</v>
      </c>
      <c r="R8" s="98">
        <v>11</v>
      </c>
      <c r="S8" s="98">
        <v>37</v>
      </c>
      <c r="T8" s="98">
        <v>9</v>
      </c>
      <c r="U8" s="98">
        <v>13</v>
      </c>
      <c r="V8" s="98">
        <v>10</v>
      </c>
      <c r="W8" s="99">
        <v>80</v>
      </c>
      <c r="X8" s="101">
        <v>80</v>
      </c>
      <c r="Y8" s="102">
        <v>19</v>
      </c>
      <c r="Z8" s="98">
        <v>30</v>
      </c>
      <c r="AA8" s="99">
        <v>49</v>
      </c>
      <c r="AB8" s="100">
        <v>0</v>
      </c>
      <c r="AC8" s="98">
        <v>1398</v>
      </c>
      <c r="AD8" s="98">
        <v>1616</v>
      </c>
      <c r="AE8" s="98">
        <v>1121</v>
      </c>
      <c r="AF8" s="98">
        <v>630</v>
      </c>
      <c r="AG8" s="98">
        <v>369</v>
      </c>
      <c r="AH8" s="99">
        <v>5134</v>
      </c>
      <c r="AI8" s="101">
        <v>5183</v>
      </c>
    </row>
    <row r="9" spans="2:35" ht="21" customHeight="1" x14ac:dyDescent="0.2">
      <c r="B9" s="18" t="s">
        <v>7</v>
      </c>
      <c r="C9" s="97">
        <v>3</v>
      </c>
      <c r="D9" s="98">
        <v>8</v>
      </c>
      <c r="E9" s="99">
        <v>11</v>
      </c>
      <c r="F9" s="100">
        <v>0</v>
      </c>
      <c r="G9" s="98">
        <v>1377</v>
      </c>
      <c r="H9" s="98">
        <v>901</v>
      </c>
      <c r="I9" s="98">
        <v>611</v>
      </c>
      <c r="J9" s="98">
        <v>343</v>
      </c>
      <c r="K9" s="98">
        <v>152</v>
      </c>
      <c r="L9" s="99">
        <v>3384</v>
      </c>
      <c r="M9" s="101">
        <v>3395</v>
      </c>
      <c r="N9" s="102">
        <v>0</v>
      </c>
      <c r="O9" s="98">
        <v>0</v>
      </c>
      <c r="P9" s="99">
        <v>0</v>
      </c>
      <c r="Q9" s="100">
        <v>0</v>
      </c>
      <c r="R9" s="98">
        <v>13</v>
      </c>
      <c r="S9" s="98">
        <v>19</v>
      </c>
      <c r="T9" s="98">
        <v>5</v>
      </c>
      <c r="U9" s="98">
        <v>7</v>
      </c>
      <c r="V9" s="98">
        <v>10</v>
      </c>
      <c r="W9" s="99">
        <v>54</v>
      </c>
      <c r="X9" s="101">
        <v>54</v>
      </c>
      <c r="Y9" s="102">
        <v>3</v>
      </c>
      <c r="Z9" s="98">
        <v>8</v>
      </c>
      <c r="AA9" s="99">
        <v>11</v>
      </c>
      <c r="AB9" s="100">
        <v>0</v>
      </c>
      <c r="AC9" s="98">
        <v>1390</v>
      </c>
      <c r="AD9" s="98">
        <v>920</v>
      </c>
      <c r="AE9" s="98">
        <v>616</v>
      </c>
      <c r="AF9" s="98">
        <v>350</v>
      </c>
      <c r="AG9" s="98">
        <v>162</v>
      </c>
      <c r="AH9" s="99">
        <v>3438</v>
      </c>
      <c r="AI9" s="101">
        <v>3449</v>
      </c>
    </row>
    <row r="10" spans="2:35" ht="21" customHeight="1" x14ac:dyDescent="0.2">
      <c r="B10" s="18" t="s">
        <v>8</v>
      </c>
      <c r="C10" s="97">
        <v>9</v>
      </c>
      <c r="D10" s="98">
        <v>12</v>
      </c>
      <c r="E10" s="99">
        <v>21</v>
      </c>
      <c r="F10" s="100">
        <v>0</v>
      </c>
      <c r="G10" s="98">
        <v>783</v>
      </c>
      <c r="H10" s="98">
        <v>655</v>
      </c>
      <c r="I10" s="98">
        <v>420</v>
      </c>
      <c r="J10" s="98">
        <v>235</v>
      </c>
      <c r="K10" s="98">
        <v>128</v>
      </c>
      <c r="L10" s="99">
        <v>2221</v>
      </c>
      <c r="M10" s="101">
        <v>2242</v>
      </c>
      <c r="N10" s="102">
        <v>0</v>
      </c>
      <c r="O10" s="98">
        <v>0</v>
      </c>
      <c r="P10" s="99">
        <v>0</v>
      </c>
      <c r="Q10" s="100">
        <v>0</v>
      </c>
      <c r="R10" s="98">
        <v>14</v>
      </c>
      <c r="S10" s="98">
        <v>28</v>
      </c>
      <c r="T10" s="98">
        <v>6</v>
      </c>
      <c r="U10" s="98">
        <v>6</v>
      </c>
      <c r="V10" s="98">
        <v>3</v>
      </c>
      <c r="W10" s="99">
        <v>57</v>
      </c>
      <c r="X10" s="101">
        <v>57</v>
      </c>
      <c r="Y10" s="102">
        <v>9</v>
      </c>
      <c r="Z10" s="98">
        <v>12</v>
      </c>
      <c r="AA10" s="99">
        <v>21</v>
      </c>
      <c r="AB10" s="100">
        <v>0</v>
      </c>
      <c r="AC10" s="98">
        <v>797</v>
      </c>
      <c r="AD10" s="98">
        <v>683</v>
      </c>
      <c r="AE10" s="98">
        <v>426</v>
      </c>
      <c r="AF10" s="98">
        <v>241</v>
      </c>
      <c r="AG10" s="98">
        <v>131</v>
      </c>
      <c r="AH10" s="99">
        <v>2278</v>
      </c>
      <c r="AI10" s="101">
        <v>2299</v>
      </c>
    </row>
    <row r="11" spans="2:35" ht="21" customHeight="1" x14ac:dyDescent="0.2">
      <c r="B11" s="18" t="s">
        <v>9</v>
      </c>
      <c r="C11" s="97">
        <v>7</v>
      </c>
      <c r="D11" s="98">
        <v>12</v>
      </c>
      <c r="E11" s="99">
        <v>19</v>
      </c>
      <c r="F11" s="100">
        <v>0</v>
      </c>
      <c r="G11" s="98">
        <v>533</v>
      </c>
      <c r="H11" s="98">
        <v>381</v>
      </c>
      <c r="I11" s="98">
        <v>300</v>
      </c>
      <c r="J11" s="98">
        <v>199</v>
      </c>
      <c r="K11" s="98">
        <v>103</v>
      </c>
      <c r="L11" s="99">
        <v>1516</v>
      </c>
      <c r="M11" s="101">
        <v>1535</v>
      </c>
      <c r="N11" s="102">
        <v>0</v>
      </c>
      <c r="O11" s="98">
        <v>0</v>
      </c>
      <c r="P11" s="99">
        <v>0</v>
      </c>
      <c r="Q11" s="100">
        <v>0</v>
      </c>
      <c r="R11" s="98">
        <v>13</v>
      </c>
      <c r="S11" s="98">
        <v>9</v>
      </c>
      <c r="T11" s="98">
        <v>6</v>
      </c>
      <c r="U11" s="98">
        <v>4</v>
      </c>
      <c r="V11" s="98">
        <v>2</v>
      </c>
      <c r="W11" s="99">
        <v>34</v>
      </c>
      <c r="X11" s="101">
        <v>34</v>
      </c>
      <c r="Y11" s="102">
        <v>7</v>
      </c>
      <c r="Z11" s="98">
        <v>12</v>
      </c>
      <c r="AA11" s="99">
        <v>19</v>
      </c>
      <c r="AB11" s="100">
        <v>0</v>
      </c>
      <c r="AC11" s="98">
        <v>546</v>
      </c>
      <c r="AD11" s="98">
        <v>390</v>
      </c>
      <c r="AE11" s="98">
        <v>306</v>
      </c>
      <c r="AF11" s="98">
        <v>203</v>
      </c>
      <c r="AG11" s="98">
        <v>105</v>
      </c>
      <c r="AH11" s="99">
        <v>1550</v>
      </c>
      <c r="AI11" s="101">
        <v>1569</v>
      </c>
    </row>
    <row r="12" spans="2:35" ht="21" customHeight="1" x14ac:dyDescent="0.2">
      <c r="B12" s="18" t="s">
        <v>10</v>
      </c>
      <c r="C12" s="97">
        <v>10</v>
      </c>
      <c r="D12" s="98">
        <v>23</v>
      </c>
      <c r="E12" s="99">
        <v>33</v>
      </c>
      <c r="F12" s="100">
        <v>0</v>
      </c>
      <c r="G12" s="98">
        <v>814</v>
      </c>
      <c r="H12" s="98">
        <v>536</v>
      </c>
      <c r="I12" s="98">
        <v>427</v>
      </c>
      <c r="J12" s="98">
        <v>327</v>
      </c>
      <c r="K12" s="98">
        <v>254</v>
      </c>
      <c r="L12" s="99">
        <v>2358</v>
      </c>
      <c r="M12" s="101">
        <v>2391</v>
      </c>
      <c r="N12" s="102">
        <v>0</v>
      </c>
      <c r="O12" s="98">
        <v>1</v>
      </c>
      <c r="P12" s="99">
        <v>1</v>
      </c>
      <c r="Q12" s="100">
        <v>0</v>
      </c>
      <c r="R12" s="98">
        <v>10</v>
      </c>
      <c r="S12" s="98">
        <v>6</v>
      </c>
      <c r="T12" s="98">
        <v>8</v>
      </c>
      <c r="U12" s="98">
        <v>8</v>
      </c>
      <c r="V12" s="98">
        <v>7</v>
      </c>
      <c r="W12" s="99">
        <v>39</v>
      </c>
      <c r="X12" s="101">
        <v>40</v>
      </c>
      <c r="Y12" s="102">
        <v>10</v>
      </c>
      <c r="Z12" s="98">
        <v>24</v>
      </c>
      <c r="AA12" s="99">
        <v>34</v>
      </c>
      <c r="AB12" s="100">
        <v>0</v>
      </c>
      <c r="AC12" s="98">
        <v>824</v>
      </c>
      <c r="AD12" s="98">
        <v>542</v>
      </c>
      <c r="AE12" s="98">
        <v>435</v>
      </c>
      <c r="AF12" s="98">
        <v>335</v>
      </c>
      <c r="AG12" s="98">
        <v>261</v>
      </c>
      <c r="AH12" s="99">
        <v>2397</v>
      </c>
      <c r="AI12" s="101">
        <v>2431</v>
      </c>
    </row>
    <row r="13" spans="2:35" ht="21" customHeight="1" x14ac:dyDescent="0.2">
      <c r="B13" s="18" t="s">
        <v>11</v>
      </c>
      <c r="C13" s="97">
        <v>0</v>
      </c>
      <c r="D13" s="98">
        <v>11</v>
      </c>
      <c r="E13" s="99">
        <v>11</v>
      </c>
      <c r="F13" s="100">
        <v>0</v>
      </c>
      <c r="G13" s="98">
        <v>618</v>
      </c>
      <c r="H13" s="98">
        <v>414</v>
      </c>
      <c r="I13" s="98">
        <v>291</v>
      </c>
      <c r="J13" s="98">
        <v>157</v>
      </c>
      <c r="K13" s="98">
        <v>63</v>
      </c>
      <c r="L13" s="99">
        <v>1543</v>
      </c>
      <c r="M13" s="101">
        <v>1554</v>
      </c>
      <c r="N13" s="102">
        <v>0</v>
      </c>
      <c r="O13" s="98">
        <v>0</v>
      </c>
      <c r="P13" s="99">
        <v>0</v>
      </c>
      <c r="Q13" s="100">
        <v>0</v>
      </c>
      <c r="R13" s="98">
        <v>9</v>
      </c>
      <c r="S13" s="98">
        <v>8</v>
      </c>
      <c r="T13" s="98">
        <v>2</v>
      </c>
      <c r="U13" s="98">
        <v>5</v>
      </c>
      <c r="V13" s="98">
        <v>3</v>
      </c>
      <c r="W13" s="99">
        <v>27</v>
      </c>
      <c r="X13" s="101">
        <v>27</v>
      </c>
      <c r="Y13" s="102">
        <v>0</v>
      </c>
      <c r="Z13" s="98">
        <v>11</v>
      </c>
      <c r="AA13" s="99">
        <v>11</v>
      </c>
      <c r="AB13" s="100">
        <v>0</v>
      </c>
      <c r="AC13" s="98">
        <v>627</v>
      </c>
      <c r="AD13" s="98">
        <v>422</v>
      </c>
      <c r="AE13" s="98">
        <v>293</v>
      </c>
      <c r="AF13" s="98">
        <v>162</v>
      </c>
      <c r="AG13" s="98">
        <v>66</v>
      </c>
      <c r="AH13" s="99">
        <v>1570</v>
      </c>
      <c r="AI13" s="101">
        <v>1581</v>
      </c>
    </row>
    <row r="14" spans="2:35" ht="21" customHeight="1" x14ac:dyDescent="0.2">
      <c r="B14" s="18" t="s">
        <v>12</v>
      </c>
      <c r="C14" s="97">
        <v>0</v>
      </c>
      <c r="D14" s="98">
        <v>1</v>
      </c>
      <c r="E14" s="99">
        <v>1</v>
      </c>
      <c r="F14" s="100">
        <v>0</v>
      </c>
      <c r="G14" s="98">
        <v>436</v>
      </c>
      <c r="H14" s="98">
        <v>359</v>
      </c>
      <c r="I14" s="98">
        <v>270</v>
      </c>
      <c r="J14" s="98">
        <v>203</v>
      </c>
      <c r="K14" s="98">
        <v>119</v>
      </c>
      <c r="L14" s="99">
        <v>1387</v>
      </c>
      <c r="M14" s="101">
        <v>1388</v>
      </c>
      <c r="N14" s="102">
        <v>0</v>
      </c>
      <c r="O14" s="98">
        <v>0</v>
      </c>
      <c r="P14" s="99">
        <v>0</v>
      </c>
      <c r="Q14" s="100">
        <v>0</v>
      </c>
      <c r="R14" s="98">
        <v>6</v>
      </c>
      <c r="S14" s="98">
        <v>4</v>
      </c>
      <c r="T14" s="98">
        <v>2</v>
      </c>
      <c r="U14" s="98">
        <v>1</v>
      </c>
      <c r="V14" s="98">
        <v>3</v>
      </c>
      <c r="W14" s="99">
        <v>16</v>
      </c>
      <c r="X14" s="101">
        <v>16</v>
      </c>
      <c r="Y14" s="102">
        <v>0</v>
      </c>
      <c r="Z14" s="98">
        <v>1</v>
      </c>
      <c r="AA14" s="99">
        <v>1</v>
      </c>
      <c r="AB14" s="100">
        <v>0</v>
      </c>
      <c r="AC14" s="98">
        <v>442</v>
      </c>
      <c r="AD14" s="98">
        <v>363</v>
      </c>
      <c r="AE14" s="98">
        <v>272</v>
      </c>
      <c r="AF14" s="98">
        <v>204</v>
      </c>
      <c r="AG14" s="98">
        <v>122</v>
      </c>
      <c r="AH14" s="99">
        <v>1403</v>
      </c>
      <c r="AI14" s="101">
        <v>1404</v>
      </c>
    </row>
    <row r="15" spans="2:35" ht="21" customHeight="1" x14ac:dyDescent="0.2">
      <c r="B15" s="18" t="s">
        <v>13</v>
      </c>
      <c r="C15" s="97">
        <v>1</v>
      </c>
      <c r="D15" s="98">
        <v>3</v>
      </c>
      <c r="E15" s="99">
        <v>4</v>
      </c>
      <c r="F15" s="100">
        <v>0</v>
      </c>
      <c r="G15" s="98">
        <v>170</v>
      </c>
      <c r="H15" s="98">
        <v>158</v>
      </c>
      <c r="I15" s="98">
        <v>108</v>
      </c>
      <c r="J15" s="98">
        <v>67</v>
      </c>
      <c r="K15" s="98">
        <v>31</v>
      </c>
      <c r="L15" s="99">
        <v>534</v>
      </c>
      <c r="M15" s="101">
        <v>538</v>
      </c>
      <c r="N15" s="102">
        <v>0</v>
      </c>
      <c r="O15" s="98">
        <v>0</v>
      </c>
      <c r="P15" s="99">
        <v>0</v>
      </c>
      <c r="Q15" s="100">
        <v>0</v>
      </c>
      <c r="R15" s="98">
        <v>1</v>
      </c>
      <c r="S15" s="98">
        <v>2</v>
      </c>
      <c r="T15" s="98">
        <v>3</v>
      </c>
      <c r="U15" s="98">
        <v>0</v>
      </c>
      <c r="V15" s="98">
        <v>0</v>
      </c>
      <c r="W15" s="99">
        <v>6</v>
      </c>
      <c r="X15" s="101">
        <v>6</v>
      </c>
      <c r="Y15" s="102">
        <v>1</v>
      </c>
      <c r="Z15" s="98">
        <v>3</v>
      </c>
      <c r="AA15" s="99">
        <v>4</v>
      </c>
      <c r="AB15" s="100">
        <v>0</v>
      </c>
      <c r="AC15" s="98">
        <v>171</v>
      </c>
      <c r="AD15" s="98">
        <v>160</v>
      </c>
      <c r="AE15" s="98">
        <v>111</v>
      </c>
      <c r="AF15" s="98">
        <v>67</v>
      </c>
      <c r="AG15" s="98">
        <v>31</v>
      </c>
      <c r="AH15" s="99">
        <v>540</v>
      </c>
      <c r="AI15" s="101">
        <v>544</v>
      </c>
    </row>
    <row r="16" spans="2:35" ht="21" customHeight="1" x14ac:dyDescent="0.2">
      <c r="B16" s="18" t="s">
        <v>15</v>
      </c>
      <c r="C16" s="97">
        <v>4</v>
      </c>
      <c r="D16" s="98">
        <v>16</v>
      </c>
      <c r="E16" s="99">
        <v>20</v>
      </c>
      <c r="F16" s="100">
        <v>0</v>
      </c>
      <c r="G16" s="98">
        <v>217</v>
      </c>
      <c r="H16" s="98">
        <v>235</v>
      </c>
      <c r="I16" s="98">
        <v>143</v>
      </c>
      <c r="J16" s="98">
        <v>90</v>
      </c>
      <c r="K16" s="98">
        <v>48</v>
      </c>
      <c r="L16" s="99">
        <v>733</v>
      </c>
      <c r="M16" s="101">
        <v>753</v>
      </c>
      <c r="N16" s="102">
        <v>0</v>
      </c>
      <c r="O16" s="98">
        <v>1</v>
      </c>
      <c r="P16" s="99">
        <v>1</v>
      </c>
      <c r="Q16" s="100">
        <v>0</v>
      </c>
      <c r="R16" s="98">
        <v>3</v>
      </c>
      <c r="S16" s="98">
        <v>4</v>
      </c>
      <c r="T16" s="98">
        <v>1</v>
      </c>
      <c r="U16" s="98">
        <v>1</v>
      </c>
      <c r="V16" s="98">
        <v>2</v>
      </c>
      <c r="W16" s="99">
        <v>11</v>
      </c>
      <c r="X16" s="101">
        <v>12</v>
      </c>
      <c r="Y16" s="102">
        <v>4</v>
      </c>
      <c r="Z16" s="98">
        <v>17</v>
      </c>
      <c r="AA16" s="99">
        <v>21</v>
      </c>
      <c r="AB16" s="100">
        <v>0</v>
      </c>
      <c r="AC16" s="98">
        <v>220</v>
      </c>
      <c r="AD16" s="98">
        <v>239</v>
      </c>
      <c r="AE16" s="98">
        <v>144</v>
      </c>
      <c r="AF16" s="98">
        <v>91</v>
      </c>
      <c r="AG16" s="98">
        <v>50</v>
      </c>
      <c r="AH16" s="99">
        <v>744</v>
      </c>
      <c r="AI16" s="101">
        <v>765</v>
      </c>
    </row>
    <row r="17" spans="2:35" ht="21" customHeight="1" x14ac:dyDescent="0.2">
      <c r="B17" s="18" t="s">
        <v>16</v>
      </c>
      <c r="C17" s="97">
        <v>1</v>
      </c>
      <c r="D17" s="98">
        <v>1</v>
      </c>
      <c r="E17" s="99">
        <v>2</v>
      </c>
      <c r="F17" s="100">
        <v>0</v>
      </c>
      <c r="G17" s="98">
        <v>205</v>
      </c>
      <c r="H17" s="98">
        <v>257</v>
      </c>
      <c r="I17" s="98">
        <v>200</v>
      </c>
      <c r="J17" s="98">
        <v>118</v>
      </c>
      <c r="K17" s="98">
        <v>82</v>
      </c>
      <c r="L17" s="99">
        <v>862</v>
      </c>
      <c r="M17" s="101">
        <v>864</v>
      </c>
      <c r="N17" s="102">
        <v>0</v>
      </c>
      <c r="O17" s="98">
        <v>0</v>
      </c>
      <c r="P17" s="99">
        <v>0</v>
      </c>
      <c r="Q17" s="100">
        <v>0</v>
      </c>
      <c r="R17" s="98">
        <v>2</v>
      </c>
      <c r="S17" s="98">
        <v>2</v>
      </c>
      <c r="T17" s="98">
        <v>6</v>
      </c>
      <c r="U17" s="98">
        <v>1</v>
      </c>
      <c r="V17" s="98">
        <v>3</v>
      </c>
      <c r="W17" s="99">
        <v>14</v>
      </c>
      <c r="X17" s="101">
        <v>14</v>
      </c>
      <c r="Y17" s="102">
        <v>1</v>
      </c>
      <c r="Z17" s="98">
        <v>1</v>
      </c>
      <c r="AA17" s="99">
        <v>2</v>
      </c>
      <c r="AB17" s="100">
        <v>0</v>
      </c>
      <c r="AC17" s="98">
        <v>207</v>
      </c>
      <c r="AD17" s="98">
        <v>259</v>
      </c>
      <c r="AE17" s="98">
        <v>206</v>
      </c>
      <c r="AF17" s="98">
        <v>119</v>
      </c>
      <c r="AG17" s="98">
        <v>85</v>
      </c>
      <c r="AH17" s="99">
        <v>876</v>
      </c>
      <c r="AI17" s="101">
        <v>878</v>
      </c>
    </row>
    <row r="18" spans="2:35" ht="21" customHeight="1" x14ac:dyDescent="0.2">
      <c r="B18" s="18" t="s">
        <v>17</v>
      </c>
      <c r="C18" s="97">
        <v>1</v>
      </c>
      <c r="D18" s="98">
        <v>3</v>
      </c>
      <c r="E18" s="99">
        <v>4</v>
      </c>
      <c r="F18" s="100">
        <v>0</v>
      </c>
      <c r="G18" s="98">
        <v>329</v>
      </c>
      <c r="H18" s="98">
        <v>405</v>
      </c>
      <c r="I18" s="98">
        <v>267</v>
      </c>
      <c r="J18" s="98">
        <v>215</v>
      </c>
      <c r="K18" s="98">
        <v>136</v>
      </c>
      <c r="L18" s="99">
        <v>1352</v>
      </c>
      <c r="M18" s="101">
        <v>1356</v>
      </c>
      <c r="N18" s="102">
        <v>0</v>
      </c>
      <c r="O18" s="98">
        <v>0</v>
      </c>
      <c r="P18" s="99">
        <v>0</v>
      </c>
      <c r="Q18" s="100">
        <v>0</v>
      </c>
      <c r="R18" s="98">
        <v>3</v>
      </c>
      <c r="S18" s="98">
        <v>17</v>
      </c>
      <c r="T18" s="98">
        <v>11</v>
      </c>
      <c r="U18" s="98">
        <v>11</v>
      </c>
      <c r="V18" s="98">
        <v>6</v>
      </c>
      <c r="W18" s="99">
        <v>48</v>
      </c>
      <c r="X18" s="101">
        <v>48</v>
      </c>
      <c r="Y18" s="102">
        <v>1</v>
      </c>
      <c r="Z18" s="98">
        <v>3</v>
      </c>
      <c r="AA18" s="99">
        <v>4</v>
      </c>
      <c r="AB18" s="100">
        <v>0</v>
      </c>
      <c r="AC18" s="98">
        <v>332</v>
      </c>
      <c r="AD18" s="98">
        <v>422</v>
      </c>
      <c r="AE18" s="98">
        <v>278</v>
      </c>
      <c r="AF18" s="98">
        <v>226</v>
      </c>
      <c r="AG18" s="98">
        <v>142</v>
      </c>
      <c r="AH18" s="99">
        <v>1400</v>
      </c>
      <c r="AI18" s="101">
        <v>1404</v>
      </c>
    </row>
    <row r="19" spans="2:35" ht="21" customHeight="1" x14ac:dyDescent="0.2">
      <c r="B19" s="18" t="s">
        <v>18</v>
      </c>
      <c r="C19" s="97">
        <v>8</v>
      </c>
      <c r="D19" s="98">
        <v>19</v>
      </c>
      <c r="E19" s="99">
        <v>27</v>
      </c>
      <c r="F19" s="100">
        <v>0</v>
      </c>
      <c r="G19" s="98">
        <v>403</v>
      </c>
      <c r="H19" s="98">
        <v>337</v>
      </c>
      <c r="I19" s="98">
        <v>268</v>
      </c>
      <c r="J19" s="98">
        <v>158</v>
      </c>
      <c r="K19" s="98">
        <v>84</v>
      </c>
      <c r="L19" s="99">
        <v>1250</v>
      </c>
      <c r="M19" s="101">
        <v>1277</v>
      </c>
      <c r="N19" s="102">
        <v>0</v>
      </c>
      <c r="O19" s="98">
        <v>0</v>
      </c>
      <c r="P19" s="99">
        <v>0</v>
      </c>
      <c r="Q19" s="100">
        <v>0</v>
      </c>
      <c r="R19" s="98">
        <v>4</v>
      </c>
      <c r="S19" s="98">
        <v>4</v>
      </c>
      <c r="T19" s="98">
        <v>1</v>
      </c>
      <c r="U19" s="98">
        <v>4</v>
      </c>
      <c r="V19" s="98">
        <v>6</v>
      </c>
      <c r="W19" s="99">
        <v>19</v>
      </c>
      <c r="X19" s="101">
        <v>19</v>
      </c>
      <c r="Y19" s="102">
        <v>8</v>
      </c>
      <c r="Z19" s="98">
        <v>19</v>
      </c>
      <c r="AA19" s="99">
        <v>27</v>
      </c>
      <c r="AB19" s="100">
        <v>0</v>
      </c>
      <c r="AC19" s="98">
        <v>407</v>
      </c>
      <c r="AD19" s="98">
        <v>341</v>
      </c>
      <c r="AE19" s="98">
        <v>269</v>
      </c>
      <c r="AF19" s="98">
        <v>162</v>
      </c>
      <c r="AG19" s="98">
        <v>90</v>
      </c>
      <c r="AH19" s="99">
        <v>1269</v>
      </c>
      <c r="AI19" s="101">
        <v>1296</v>
      </c>
    </row>
    <row r="20" spans="2:35" ht="21" customHeight="1" x14ac:dyDescent="0.2">
      <c r="B20" s="18" t="s">
        <v>19</v>
      </c>
      <c r="C20" s="97">
        <v>0</v>
      </c>
      <c r="D20" s="98">
        <v>2</v>
      </c>
      <c r="E20" s="99">
        <v>2</v>
      </c>
      <c r="F20" s="100">
        <v>0</v>
      </c>
      <c r="G20" s="98">
        <v>194</v>
      </c>
      <c r="H20" s="98">
        <v>191</v>
      </c>
      <c r="I20" s="98">
        <v>131</v>
      </c>
      <c r="J20" s="98">
        <v>64</v>
      </c>
      <c r="K20" s="98">
        <v>61</v>
      </c>
      <c r="L20" s="99">
        <v>641</v>
      </c>
      <c r="M20" s="101">
        <v>643</v>
      </c>
      <c r="N20" s="102">
        <v>0</v>
      </c>
      <c r="O20" s="98">
        <v>0</v>
      </c>
      <c r="P20" s="99">
        <v>0</v>
      </c>
      <c r="Q20" s="100">
        <v>0</v>
      </c>
      <c r="R20" s="98">
        <v>1</v>
      </c>
      <c r="S20" s="98">
        <v>1</v>
      </c>
      <c r="T20" s="98">
        <v>4</v>
      </c>
      <c r="U20" s="98">
        <v>2</v>
      </c>
      <c r="V20" s="98">
        <v>0</v>
      </c>
      <c r="W20" s="99">
        <v>8</v>
      </c>
      <c r="X20" s="101">
        <v>8</v>
      </c>
      <c r="Y20" s="102">
        <v>0</v>
      </c>
      <c r="Z20" s="98">
        <v>2</v>
      </c>
      <c r="AA20" s="99">
        <v>2</v>
      </c>
      <c r="AB20" s="100">
        <v>0</v>
      </c>
      <c r="AC20" s="98">
        <v>195</v>
      </c>
      <c r="AD20" s="98">
        <v>192</v>
      </c>
      <c r="AE20" s="98">
        <v>135</v>
      </c>
      <c r="AF20" s="98">
        <v>66</v>
      </c>
      <c r="AG20" s="98">
        <v>61</v>
      </c>
      <c r="AH20" s="99">
        <v>649</v>
      </c>
      <c r="AI20" s="101">
        <v>651</v>
      </c>
    </row>
    <row r="21" spans="2:35" ht="21" customHeight="1" x14ac:dyDescent="0.2">
      <c r="B21" s="18" t="s">
        <v>20</v>
      </c>
      <c r="C21" s="97">
        <v>0</v>
      </c>
      <c r="D21" s="98">
        <v>1</v>
      </c>
      <c r="E21" s="99">
        <v>1</v>
      </c>
      <c r="F21" s="100">
        <v>0</v>
      </c>
      <c r="G21" s="98">
        <v>246</v>
      </c>
      <c r="H21" s="98">
        <v>119</v>
      </c>
      <c r="I21" s="98">
        <v>111</v>
      </c>
      <c r="J21" s="98">
        <v>43</v>
      </c>
      <c r="K21" s="98">
        <v>23</v>
      </c>
      <c r="L21" s="99">
        <v>542</v>
      </c>
      <c r="M21" s="101">
        <v>543</v>
      </c>
      <c r="N21" s="102">
        <v>0</v>
      </c>
      <c r="O21" s="98">
        <v>0</v>
      </c>
      <c r="P21" s="99">
        <v>0</v>
      </c>
      <c r="Q21" s="100">
        <v>0</v>
      </c>
      <c r="R21" s="98">
        <v>6</v>
      </c>
      <c r="S21" s="98">
        <v>2</v>
      </c>
      <c r="T21" s="98">
        <v>2</v>
      </c>
      <c r="U21" s="98">
        <v>1</v>
      </c>
      <c r="V21" s="98">
        <v>0</v>
      </c>
      <c r="W21" s="99">
        <v>11</v>
      </c>
      <c r="X21" s="101">
        <v>11</v>
      </c>
      <c r="Y21" s="102">
        <v>0</v>
      </c>
      <c r="Z21" s="98">
        <v>1</v>
      </c>
      <c r="AA21" s="99">
        <v>1</v>
      </c>
      <c r="AB21" s="100">
        <v>0</v>
      </c>
      <c r="AC21" s="98">
        <v>252</v>
      </c>
      <c r="AD21" s="98">
        <v>121</v>
      </c>
      <c r="AE21" s="98">
        <v>113</v>
      </c>
      <c r="AF21" s="98">
        <v>44</v>
      </c>
      <c r="AG21" s="98">
        <v>23</v>
      </c>
      <c r="AH21" s="99">
        <v>553</v>
      </c>
      <c r="AI21" s="101">
        <v>554</v>
      </c>
    </row>
    <row r="22" spans="2:35" ht="21" customHeight="1" x14ac:dyDescent="0.2">
      <c r="B22" s="18" t="s">
        <v>21</v>
      </c>
      <c r="C22" s="97">
        <v>0</v>
      </c>
      <c r="D22" s="98">
        <v>0</v>
      </c>
      <c r="E22" s="99">
        <v>0</v>
      </c>
      <c r="F22" s="100">
        <v>0</v>
      </c>
      <c r="G22" s="98">
        <v>224</v>
      </c>
      <c r="H22" s="98">
        <v>229</v>
      </c>
      <c r="I22" s="98">
        <v>121</v>
      </c>
      <c r="J22" s="98">
        <v>60</v>
      </c>
      <c r="K22" s="98">
        <v>24</v>
      </c>
      <c r="L22" s="99">
        <v>658</v>
      </c>
      <c r="M22" s="101">
        <v>658</v>
      </c>
      <c r="N22" s="102">
        <v>0</v>
      </c>
      <c r="O22" s="98">
        <v>0</v>
      </c>
      <c r="P22" s="99">
        <v>0</v>
      </c>
      <c r="Q22" s="100">
        <v>0</v>
      </c>
      <c r="R22" s="98">
        <v>2</v>
      </c>
      <c r="S22" s="98">
        <v>5</v>
      </c>
      <c r="T22" s="98">
        <v>4</v>
      </c>
      <c r="U22" s="98">
        <v>1</v>
      </c>
      <c r="V22" s="98">
        <v>3</v>
      </c>
      <c r="W22" s="99">
        <v>15</v>
      </c>
      <c r="X22" s="101">
        <v>15</v>
      </c>
      <c r="Y22" s="102">
        <v>0</v>
      </c>
      <c r="Z22" s="98">
        <v>0</v>
      </c>
      <c r="AA22" s="99">
        <v>0</v>
      </c>
      <c r="AB22" s="100">
        <v>0</v>
      </c>
      <c r="AC22" s="98">
        <v>226</v>
      </c>
      <c r="AD22" s="98">
        <v>234</v>
      </c>
      <c r="AE22" s="98">
        <v>125</v>
      </c>
      <c r="AF22" s="98">
        <v>61</v>
      </c>
      <c r="AG22" s="98">
        <v>27</v>
      </c>
      <c r="AH22" s="99">
        <v>673</v>
      </c>
      <c r="AI22" s="101">
        <v>673</v>
      </c>
    </row>
    <row r="23" spans="2:35" ht="21" customHeight="1" x14ac:dyDescent="0.2">
      <c r="B23" s="18" t="s">
        <v>22</v>
      </c>
      <c r="C23" s="97">
        <v>3</v>
      </c>
      <c r="D23" s="98">
        <v>3</v>
      </c>
      <c r="E23" s="99">
        <v>6</v>
      </c>
      <c r="F23" s="100">
        <v>0</v>
      </c>
      <c r="G23" s="98">
        <v>167</v>
      </c>
      <c r="H23" s="98">
        <v>141</v>
      </c>
      <c r="I23" s="98">
        <v>76</v>
      </c>
      <c r="J23" s="98">
        <v>64</v>
      </c>
      <c r="K23" s="98">
        <v>22</v>
      </c>
      <c r="L23" s="99">
        <v>470</v>
      </c>
      <c r="M23" s="101">
        <v>476</v>
      </c>
      <c r="N23" s="102">
        <v>0</v>
      </c>
      <c r="O23" s="98">
        <v>0</v>
      </c>
      <c r="P23" s="99">
        <v>0</v>
      </c>
      <c r="Q23" s="100">
        <v>0</v>
      </c>
      <c r="R23" s="98">
        <v>3</v>
      </c>
      <c r="S23" s="98">
        <v>0</v>
      </c>
      <c r="T23" s="98">
        <v>2</v>
      </c>
      <c r="U23" s="98">
        <v>0</v>
      </c>
      <c r="V23" s="98">
        <v>1</v>
      </c>
      <c r="W23" s="99">
        <v>6</v>
      </c>
      <c r="X23" s="101">
        <v>6</v>
      </c>
      <c r="Y23" s="102">
        <v>3</v>
      </c>
      <c r="Z23" s="98">
        <v>3</v>
      </c>
      <c r="AA23" s="99">
        <v>6</v>
      </c>
      <c r="AB23" s="100">
        <v>0</v>
      </c>
      <c r="AC23" s="98">
        <v>170</v>
      </c>
      <c r="AD23" s="98">
        <v>141</v>
      </c>
      <c r="AE23" s="98">
        <v>78</v>
      </c>
      <c r="AF23" s="98">
        <v>64</v>
      </c>
      <c r="AG23" s="98">
        <v>23</v>
      </c>
      <c r="AH23" s="99">
        <v>476</v>
      </c>
      <c r="AI23" s="101">
        <v>482</v>
      </c>
    </row>
    <row r="24" spans="2:35" ht="21" customHeight="1" x14ac:dyDescent="0.2">
      <c r="B24" s="18" t="s">
        <v>23</v>
      </c>
      <c r="C24" s="97">
        <v>0</v>
      </c>
      <c r="D24" s="98">
        <v>0</v>
      </c>
      <c r="E24" s="99">
        <v>0</v>
      </c>
      <c r="F24" s="100">
        <v>0</v>
      </c>
      <c r="G24" s="98">
        <v>103</v>
      </c>
      <c r="H24" s="98">
        <v>60</v>
      </c>
      <c r="I24" s="98">
        <v>51</v>
      </c>
      <c r="J24" s="98">
        <v>33</v>
      </c>
      <c r="K24" s="98">
        <v>19</v>
      </c>
      <c r="L24" s="99">
        <v>266</v>
      </c>
      <c r="M24" s="101">
        <v>266</v>
      </c>
      <c r="N24" s="102">
        <v>0</v>
      </c>
      <c r="O24" s="98">
        <v>0</v>
      </c>
      <c r="P24" s="99">
        <v>0</v>
      </c>
      <c r="Q24" s="100">
        <v>0</v>
      </c>
      <c r="R24" s="98">
        <v>0</v>
      </c>
      <c r="S24" s="98">
        <v>1</v>
      </c>
      <c r="T24" s="98">
        <v>1</v>
      </c>
      <c r="U24" s="98">
        <v>0</v>
      </c>
      <c r="V24" s="98">
        <v>0</v>
      </c>
      <c r="W24" s="99">
        <v>2</v>
      </c>
      <c r="X24" s="101">
        <v>2</v>
      </c>
      <c r="Y24" s="102">
        <v>0</v>
      </c>
      <c r="Z24" s="98">
        <v>0</v>
      </c>
      <c r="AA24" s="99">
        <v>0</v>
      </c>
      <c r="AB24" s="100">
        <v>0</v>
      </c>
      <c r="AC24" s="98">
        <v>103</v>
      </c>
      <c r="AD24" s="98">
        <v>61</v>
      </c>
      <c r="AE24" s="98">
        <v>52</v>
      </c>
      <c r="AF24" s="98">
        <v>33</v>
      </c>
      <c r="AG24" s="98">
        <v>19</v>
      </c>
      <c r="AH24" s="99">
        <v>268</v>
      </c>
      <c r="AI24" s="101">
        <v>268</v>
      </c>
    </row>
    <row r="25" spans="2:35" ht="21" customHeight="1" x14ac:dyDescent="0.2">
      <c r="B25" s="18" t="s">
        <v>24</v>
      </c>
      <c r="C25" s="97">
        <v>2</v>
      </c>
      <c r="D25" s="98">
        <v>3</v>
      </c>
      <c r="E25" s="99">
        <v>5</v>
      </c>
      <c r="F25" s="100">
        <v>0</v>
      </c>
      <c r="G25" s="98">
        <v>55</v>
      </c>
      <c r="H25" s="98">
        <v>29</v>
      </c>
      <c r="I25" s="98">
        <v>39</v>
      </c>
      <c r="J25" s="98">
        <v>19</v>
      </c>
      <c r="K25" s="98">
        <v>11</v>
      </c>
      <c r="L25" s="99">
        <v>153</v>
      </c>
      <c r="M25" s="101">
        <v>158</v>
      </c>
      <c r="N25" s="102">
        <v>0</v>
      </c>
      <c r="O25" s="98">
        <v>0</v>
      </c>
      <c r="P25" s="99">
        <v>0</v>
      </c>
      <c r="Q25" s="100">
        <v>0</v>
      </c>
      <c r="R25" s="98">
        <v>0</v>
      </c>
      <c r="S25" s="98">
        <v>1</v>
      </c>
      <c r="T25" s="98">
        <v>0</v>
      </c>
      <c r="U25" s="98">
        <v>0</v>
      </c>
      <c r="V25" s="98">
        <v>0</v>
      </c>
      <c r="W25" s="99">
        <v>1</v>
      </c>
      <c r="X25" s="101">
        <v>1</v>
      </c>
      <c r="Y25" s="102">
        <v>2</v>
      </c>
      <c r="Z25" s="98">
        <v>3</v>
      </c>
      <c r="AA25" s="99">
        <v>5</v>
      </c>
      <c r="AB25" s="100">
        <v>0</v>
      </c>
      <c r="AC25" s="98">
        <v>55</v>
      </c>
      <c r="AD25" s="98">
        <v>30</v>
      </c>
      <c r="AE25" s="98">
        <v>39</v>
      </c>
      <c r="AF25" s="98">
        <v>19</v>
      </c>
      <c r="AG25" s="98">
        <v>11</v>
      </c>
      <c r="AH25" s="99">
        <v>154</v>
      </c>
      <c r="AI25" s="101">
        <v>159</v>
      </c>
    </row>
    <row r="26" spans="2:35" ht="21" customHeight="1" x14ac:dyDescent="0.2">
      <c r="B26" s="18" t="s">
        <v>25</v>
      </c>
      <c r="C26" s="97">
        <v>2</v>
      </c>
      <c r="D26" s="98">
        <v>0</v>
      </c>
      <c r="E26" s="99">
        <v>2</v>
      </c>
      <c r="F26" s="100">
        <v>0</v>
      </c>
      <c r="G26" s="98">
        <v>92</v>
      </c>
      <c r="H26" s="98">
        <v>49</v>
      </c>
      <c r="I26" s="98">
        <v>25</v>
      </c>
      <c r="J26" s="98">
        <v>12</v>
      </c>
      <c r="K26" s="98">
        <v>1</v>
      </c>
      <c r="L26" s="99">
        <v>179</v>
      </c>
      <c r="M26" s="101">
        <v>181</v>
      </c>
      <c r="N26" s="102">
        <v>0</v>
      </c>
      <c r="O26" s="98">
        <v>0</v>
      </c>
      <c r="P26" s="99">
        <v>0</v>
      </c>
      <c r="Q26" s="100">
        <v>0</v>
      </c>
      <c r="R26" s="98">
        <v>1</v>
      </c>
      <c r="S26" s="98">
        <v>1</v>
      </c>
      <c r="T26" s="98">
        <v>1</v>
      </c>
      <c r="U26" s="98">
        <v>0</v>
      </c>
      <c r="V26" s="98">
        <v>0</v>
      </c>
      <c r="W26" s="99">
        <v>3</v>
      </c>
      <c r="X26" s="101">
        <v>3</v>
      </c>
      <c r="Y26" s="102">
        <v>2</v>
      </c>
      <c r="Z26" s="98">
        <v>0</v>
      </c>
      <c r="AA26" s="99">
        <v>2</v>
      </c>
      <c r="AB26" s="100">
        <v>0</v>
      </c>
      <c r="AC26" s="98">
        <v>93</v>
      </c>
      <c r="AD26" s="98">
        <v>50</v>
      </c>
      <c r="AE26" s="98">
        <v>26</v>
      </c>
      <c r="AF26" s="98">
        <v>12</v>
      </c>
      <c r="AG26" s="98">
        <v>1</v>
      </c>
      <c r="AH26" s="99">
        <v>182</v>
      </c>
      <c r="AI26" s="101">
        <v>184</v>
      </c>
    </row>
    <row r="27" spans="2:35" ht="21" customHeight="1" x14ac:dyDescent="0.2">
      <c r="B27" s="18" t="s">
        <v>26</v>
      </c>
      <c r="C27" s="97">
        <v>1</v>
      </c>
      <c r="D27" s="98">
        <v>0</v>
      </c>
      <c r="E27" s="99">
        <v>1</v>
      </c>
      <c r="F27" s="100">
        <v>0</v>
      </c>
      <c r="G27" s="98">
        <v>62</v>
      </c>
      <c r="H27" s="98">
        <v>59</v>
      </c>
      <c r="I27" s="98">
        <v>52</v>
      </c>
      <c r="J27" s="98">
        <v>18</v>
      </c>
      <c r="K27" s="98">
        <v>11</v>
      </c>
      <c r="L27" s="99">
        <v>202</v>
      </c>
      <c r="M27" s="101">
        <v>203</v>
      </c>
      <c r="N27" s="102">
        <v>0</v>
      </c>
      <c r="O27" s="98">
        <v>0</v>
      </c>
      <c r="P27" s="99">
        <v>0</v>
      </c>
      <c r="Q27" s="100">
        <v>0</v>
      </c>
      <c r="R27" s="98">
        <v>0</v>
      </c>
      <c r="S27" s="98">
        <v>0</v>
      </c>
      <c r="T27" s="98">
        <v>0</v>
      </c>
      <c r="U27" s="98">
        <v>0</v>
      </c>
      <c r="V27" s="98">
        <v>1</v>
      </c>
      <c r="W27" s="99">
        <v>1</v>
      </c>
      <c r="X27" s="101">
        <v>1</v>
      </c>
      <c r="Y27" s="102">
        <v>1</v>
      </c>
      <c r="Z27" s="98">
        <v>0</v>
      </c>
      <c r="AA27" s="99">
        <v>1</v>
      </c>
      <c r="AB27" s="100">
        <v>0</v>
      </c>
      <c r="AC27" s="98">
        <v>62</v>
      </c>
      <c r="AD27" s="98">
        <v>59</v>
      </c>
      <c r="AE27" s="98">
        <v>52</v>
      </c>
      <c r="AF27" s="98">
        <v>18</v>
      </c>
      <c r="AG27" s="98">
        <v>12</v>
      </c>
      <c r="AH27" s="99">
        <v>203</v>
      </c>
      <c r="AI27" s="101">
        <v>204</v>
      </c>
    </row>
    <row r="28" spans="2:35" ht="21" customHeight="1" x14ac:dyDescent="0.2">
      <c r="B28" s="18" t="s">
        <v>27</v>
      </c>
      <c r="C28" s="97">
        <v>0</v>
      </c>
      <c r="D28" s="98">
        <v>0</v>
      </c>
      <c r="E28" s="99">
        <v>0</v>
      </c>
      <c r="F28" s="100">
        <v>0</v>
      </c>
      <c r="G28" s="98">
        <v>48</v>
      </c>
      <c r="H28" s="98">
        <v>24</v>
      </c>
      <c r="I28" s="98">
        <v>27</v>
      </c>
      <c r="J28" s="98">
        <v>21</v>
      </c>
      <c r="K28" s="98">
        <v>11</v>
      </c>
      <c r="L28" s="99">
        <v>131</v>
      </c>
      <c r="M28" s="101">
        <v>131</v>
      </c>
      <c r="N28" s="102">
        <v>0</v>
      </c>
      <c r="O28" s="98">
        <v>0</v>
      </c>
      <c r="P28" s="99">
        <v>0</v>
      </c>
      <c r="Q28" s="100">
        <v>0</v>
      </c>
      <c r="R28" s="98">
        <v>1</v>
      </c>
      <c r="S28" s="98">
        <v>0</v>
      </c>
      <c r="T28" s="98">
        <v>1</v>
      </c>
      <c r="U28" s="98">
        <v>0</v>
      </c>
      <c r="V28" s="98">
        <v>0</v>
      </c>
      <c r="W28" s="99">
        <v>2</v>
      </c>
      <c r="X28" s="101">
        <v>2</v>
      </c>
      <c r="Y28" s="102">
        <v>0</v>
      </c>
      <c r="Z28" s="98">
        <v>0</v>
      </c>
      <c r="AA28" s="99">
        <v>0</v>
      </c>
      <c r="AB28" s="100">
        <v>0</v>
      </c>
      <c r="AC28" s="98">
        <v>49</v>
      </c>
      <c r="AD28" s="98">
        <v>24</v>
      </c>
      <c r="AE28" s="98">
        <v>28</v>
      </c>
      <c r="AF28" s="98">
        <v>21</v>
      </c>
      <c r="AG28" s="98">
        <v>11</v>
      </c>
      <c r="AH28" s="99">
        <v>133</v>
      </c>
      <c r="AI28" s="101">
        <v>133</v>
      </c>
    </row>
    <row r="29" spans="2:35" ht="21" customHeight="1" x14ac:dyDescent="0.2">
      <c r="B29" s="18" t="s">
        <v>28</v>
      </c>
      <c r="C29" s="97">
        <v>0</v>
      </c>
      <c r="D29" s="98">
        <v>0</v>
      </c>
      <c r="E29" s="99">
        <v>0</v>
      </c>
      <c r="F29" s="100">
        <v>0</v>
      </c>
      <c r="G29" s="98">
        <v>21</v>
      </c>
      <c r="H29" s="98">
        <v>21</v>
      </c>
      <c r="I29" s="98">
        <v>7</v>
      </c>
      <c r="J29" s="98">
        <v>5</v>
      </c>
      <c r="K29" s="98">
        <v>3</v>
      </c>
      <c r="L29" s="99">
        <v>57</v>
      </c>
      <c r="M29" s="101">
        <v>57</v>
      </c>
      <c r="N29" s="102">
        <v>0</v>
      </c>
      <c r="O29" s="98">
        <v>0</v>
      </c>
      <c r="P29" s="99">
        <v>0</v>
      </c>
      <c r="Q29" s="100">
        <v>0</v>
      </c>
      <c r="R29" s="98">
        <v>0</v>
      </c>
      <c r="S29" s="98">
        <v>1</v>
      </c>
      <c r="T29" s="98">
        <v>0</v>
      </c>
      <c r="U29" s="98">
        <v>0</v>
      </c>
      <c r="V29" s="98">
        <v>1</v>
      </c>
      <c r="W29" s="99">
        <v>2</v>
      </c>
      <c r="X29" s="101">
        <v>2</v>
      </c>
      <c r="Y29" s="102">
        <v>0</v>
      </c>
      <c r="Z29" s="98">
        <v>0</v>
      </c>
      <c r="AA29" s="99">
        <v>0</v>
      </c>
      <c r="AB29" s="100">
        <v>0</v>
      </c>
      <c r="AC29" s="98">
        <v>21</v>
      </c>
      <c r="AD29" s="98">
        <v>22</v>
      </c>
      <c r="AE29" s="98">
        <v>7</v>
      </c>
      <c r="AF29" s="98">
        <v>5</v>
      </c>
      <c r="AG29" s="98">
        <v>4</v>
      </c>
      <c r="AH29" s="99">
        <v>59</v>
      </c>
      <c r="AI29" s="101">
        <v>59</v>
      </c>
    </row>
    <row r="30" spans="2:35" ht="21" customHeight="1" x14ac:dyDescent="0.2">
      <c r="B30" s="18" t="s">
        <v>29</v>
      </c>
      <c r="C30" s="97">
        <v>0</v>
      </c>
      <c r="D30" s="98">
        <v>4</v>
      </c>
      <c r="E30" s="99">
        <v>4</v>
      </c>
      <c r="F30" s="100">
        <v>0</v>
      </c>
      <c r="G30" s="98">
        <v>35</v>
      </c>
      <c r="H30" s="98">
        <v>26</v>
      </c>
      <c r="I30" s="98">
        <v>28</v>
      </c>
      <c r="J30" s="98">
        <v>18</v>
      </c>
      <c r="K30" s="98">
        <v>12</v>
      </c>
      <c r="L30" s="99">
        <v>119</v>
      </c>
      <c r="M30" s="101">
        <v>123</v>
      </c>
      <c r="N30" s="102">
        <v>0</v>
      </c>
      <c r="O30" s="98">
        <v>0</v>
      </c>
      <c r="P30" s="99">
        <v>0</v>
      </c>
      <c r="Q30" s="100">
        <v>0</v>
      </c>
      <c r="R30" s="98">
        <v>0</v>
      </c>
      <c r="S30" s="98">
        <v>0</v>
      </c>
      <c r="T30" s="98">
        <v>0</v>
      </c>
      <c r="U30" s="98">
        <v>0</v>
      </c>
      <c r="V30" s="98">
        <v>0</v>
      </c>
      <c r="W30" s="99">
        <v>0</v>
      </c>
      <c r="X30" s="101">
        <v>0</v>
      </c>
      <c r="Y30" s="102">
        <v>0</v>
      </c>
      <c r="Z30" s="98">
        <v>4</v>
      </c>
      <c r="AA30" s="99">
        <v>4</v>
      </c>
      <c r="AB30" s="100">
        <v>0</v>
      </c>
      <c r="AC30" s="98">
        <v>35</v>
      </c>
      <c r="AD30" s="98">
        <v>26</v>
      </c>
      <c r="AE30" s="98">
        <v>28</v>
      </c>
      <c r="AF30" s="98">
        <v>18</v>
      </c>
      <c r="AG30" s="98">
        <v>12</v>
      </c>
      <c r="AH30" s="99">
        <v>119</v>
      </c>
      <c r="AI30" s="101">
        <v>123</v>
      </c>
    </row>
    <row r="31" spans="2:35" ht="21" customHeight="1" x14ac:dyDescent="0.2">
      <c r="B31" s="18" t="s">
        <v>30</v>
      </c>
      <c r="C31" s="97">
        <v>1</v>
      </c>
      <c r="D31" s="98">
        <v>0</v>
      </c>
      <c r="E31" s="99">
        <v>1</v>
      </c>
      <c r="F31" s="100">
        <v>0</v>
      </c>
      <c r="G31" s="98">
        <v>31</v>
      </c>
      <c r="H31" s="98">
        <v>14</v>
      </c>
      <c r="I31" s="98">
        <v>17</v>
      </c>
      <c r="J31" s="98">
        <v>9</v>
      </c>
      <c r="K31" s="98">
        <v>2</v>
      </c>
      <c r="L31" s="99">
        <v>73</v>
      </c>
      <c r="M31" s="101">
        <v>74</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2</v>
      </c>
      <c r="AD31" s="98">
        <v>14</v>
      </c>
      <c r="AE31" s="98">
        <v>17</v>
      </c>
      <c r="AF31" s="98">
        <v>9</v>
      </c>
      <c r="AG31" s="98">
        <v>2</v>
      </c>
      <c r="AH31" s="99">
        <v>74</v>
      </c>
      <c r="AI31" s="101">
        <v>75</v>
      </c>
    </row>
    <row r="32" spans="2:35" ht="21" customHeight="1" x14ac:dyDescent="0.2">
      <c r="B32" s="18" t="s">
        <v>31</v>
      </c>
      <c r="C32" s="97">
        <v>0</v>
      </c>
      <c r="D32" s="98">
        <v>2</v>
      </c>
      <c r="E32" s="99">
        <v>2</v>
      </c>
      <c r="F32" s="100">
        <v>0</v>
      </c>
      <c r="G32" s="98">
        <v>50</v>
      </c>
      <c r="H32" s="98">
        <v>30</v>
      </c>
      <c r="I32" s="98">
        <v>25</v>
      </c>
      <c r="J32" s="98">
        <v>18</v>
      </c>
      <c r="K32" s="98">
        <v>8</v>
      </c>
      <c r="L32" s="99">
        <v>131</v>
      </c>
      <c r="M32" s="101">
        <v>133</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0</v>
      </c>
      <c r="AD32" s="98">
        <v>30</v>
      </c>
      <c r="AE32" s="98">
        <v>25</v>
      </c>
      <c r="AF32" s="98">
        <v>18</v>
      </c>
      <c r="AG32" s="98">
        <v>8</v>
      </c>
      <c r="AH32" s="99">
        <v>131</v>
      </c>
      <c r="AI32" s="101">
        <v>133</v>
      </c>
    </row>
    <row r="33" spans="2:35" ht="21" customHeight="1" x14ac:dyDescent="0.2">
      <c r="B33" s="18" t="s">
        <v>32</v>
      </c>
      <c r="C33" s="97">
        <v>1</v>
      </c>
      <c r="D33" s="98">
        <v>4</v>
      </c>
      <c r="E33" s="99">
        <v>5</v>
      </c>
      <c r="F33" s="100">
        <v>0</v>
      </c>
      <c r="G33" s="98">
        <v>46</v>
      </c>
      <c r="H33" s="98">
        <v>41</v>
      </c>
      <c r="I33" s="98">
        <v>37</v>
      </c>
      <c r="J33" s="98">
        <v>24</v>
      </c>
      <c r="K33" s="98">
        <v>11</v>
      </c>
      <c r="L33" s="99">
        <v>159</v>
      </c>
      <c r="M33" s="101">
        <v>164</v>
      </c>
      <c r="N33" s="102">
        <v>0</v>
      </c>
      <c r="O33" s="98">
        <v>0</v>
      </c>
      <c r="P33" s="99">
        <v>0</v>
      </c>
      <c r="Q33" s="100">
        <v>0</v>
      </c>
      <c r="R33" s="98">
        <v>1</v>
      </c>
      <c r="S33" s="98">
        <v>1</v>
      </c>
      <c r="T33" s="98">
        <v>0</v>
      </c>
      <c r="U33" s="98">
        <v>0</v>
      </c>
      <c r="V33" s="98">
        <v>1</v>
      </c>
      <c r="W33" s="99">
        <v>3</v>
      </c>
      <c r="X33" s="101">
        <v>3</v>
      </c>
      <c r="Y33" s="102">
        <v>1</v>
      </c>
      <c r="Z33" s="98">
        <v>4</v>
      </c>
      <c r="AA33" s="99">
        <v>5</v>
      </c>
      <c r="AB33" s="100">
        <v>0</v>
      </c>
      <c r="AC33" s="98">
        <v>47</v>
      </c>
      <c r="AD33" s="98">
        <v>42</v>
      </c>
      <c r="AE33" s="98">
        <v>37</v>
      </c>
      <c r="AF33" s="98">
        <v>24</v>
      </c>
      <c r="AG33" s="98">
        <v>12</v>
      </c>
      <c r="AH33" s="99">
        <v>162</v>
      </c>
      <c r="AI33" s="101">
        <v>167</v>
      </c>
    </row>
    <row r="34" spans="2:35" ht="21" customHeight="1" x14ac:dyDescent="0.2">
      <c r="B34" s="18" t="s">
        <v>33</v>
      </c>
      <c r="C34" s="97">
        <v>0</v>
      </c>
      <c r="D34" s="98">
        <v>1</v>
      </c>
      <c r="E34" s="99">
        <v>1</v>
      </c>
      <c r="F34" s="100">
        <v>0</v>
      </c>
      <c r="G34" s="98">
        <v>30</v>
      </c>
      <c r="H34" s="98">
        <v>21</v>
      </c>
      <c r="I34" s="98">
        <v>21</v>
      </c>
      <c r="J34" s="98">
        <v>3</v>
      </c>
      <c r="K34" s="98">
        <v>9</v>
      </c>
      <c r="L34" s="99">
        <v>84</v>
      </c>
      <c r="M34" s="101">
        <v>85</v>
      </c>
      <c r="N34" s="102">
        <v>0</v>
      </c>
      <c r="O34" s="98">
        <v>0</v>
      </c>
      <c r="P34" s="99">
        <v>0</v>
      </c>
      <c r="Q34" s="100">
        <v>0</v>
      </c>
      <c r="R34" s="98">
        <v>0</v>
      </c>
      <c r="S34" s="98">
        <v>0</v>
      </c>
      <c r="T34" s="98">
        <v>0</v>
      </c>
      <c r="U34" s="98">
        <v>0</v>
      </c>
      <c r="V34" s="98">
        <v>0</v>
      </c>
      <c r="W34" s="99">
        <v>0</v>
      </c>
      <c r="X34" s="101">
        <v>0</v>
      </c>
      <c r="Y34" s="102">
        <v>0</v>
      </c>
      <c r="Z34" s="98">
        <v>1</v>
      </c>
      <c r="AA34" s="99">
        <v>1</v>
      </c>
      <c r="AB34" s="100">
        <v>0</v>
      </c>
      <c r="AC34" s="98">
        <v>30</v>
      </c>
      <c r="AD34" s="98">
        <v>21</v>
      </c>
      <c r="AE34" s="98">
        <v>21</v>
      </c>
      <c r="AF34" s="98">
        <v>3</v>
      </c>
      <c r="AG34" s="98">
        <v>9</v>
      </c>
      <c r="AH34" s="99">
        <v>84</v>
      </c>
      <c r="AI34" s="101">
        <v>85</v>
      </c>
    </row>
    <row r="35" spans="2:35" ht="21" customHeight="1" x14ac:dyDescent="0.2">
      <c r="B35" s="18" t="s">
        <v>34</v>
      </c>
      <c r="C35" s="97">
        <v>2</v>
      </c>
      <c r="D35" s="98">
        <v>2</v>
      </c>
      <c r="E35" s="99">
        <v>4</v>
      </c>
      <c r="F35" s="100">
        <v>0</v>
      </c>
      <c r="G35" s="98">
        <v>30</v>
      </c>
      <c r="H35" s="98">
        <v>22</v>
      </c>
      <c r="I35" s="98">
        <v>13</v>
      </c>
      <c r="J35" s="98">
        <v>6</v>
      </c>
      <c r="K35" s="98">
        <v>5</v>
      </c>
      <c r="L35" s="99">
        <v>76</v>
      </c>
      <c r="M35" s="101">
        <v>80</v>
      </c>
      <c r="N35" s="102">
        <v>0</v>
      </c>
      <c r="O35" s="98">
        <v>0</v>
      </c>
      <c r="P35" s="99">
        <v>0</v>
      </c>
      <c r="Q35" s="100">
        <v>0</v>
      </c>
      <c r="R35" s="98">
        <v>0</v>
      </c>
      <c r="S35" s="98">
        <v>0</v>
      </c>
      <c r="T35" s="98">
        <v>0</v>
      </c>
      <c r="U35" s="98">
        <v>1</v>
      </c>
      <c r="V35" s="98">
        <v>0</v>
      </c>
      <c r="W35" s="99">
        <v>1</v>
      </c>
      <c r="X35" s="101">
        <v>1</v>
      </c>
      <c r="Y35" s="102">
        <v>2</v>
      </c>
      <c r="Z35" s="98">
        <v>2</v>
      </c>
      <c r="AA35" s="99">
        <v>4</v>
      </c>
      <c r="AB35" s="100">
        <v>0</v>
      </c>
      <c r="AC35" s="98">
        <v>30</v>
      </c>
      <c r="AD35" s="98">
        <v>22</v>
      </c>
      <c r="AE35" s="98">
        <v>13</v>
      </c>
      <c r="AF35" s="98">
        <v>7</v>
      </c>
      <c r="AG35" s="98">
        <v>5</v>
      </c>
      <c r="AH35" s="99">
        <v>77</v>
      </c>
      <c r="AI35" s="101">
        <v>81</v>
      </c>
    </row>
    <row r="36" spans="2:35" ht="21" customHeight="1" x14ac:dyDescent="0.2">
      <c r="B36" s="18" t="s">
        <v>35</v>
      </c>
      <c r="C36" s="97">
        <v>3</v>
      </c>
      <c r="D36" s="98">
        <v>2</v>
      </c>
      <c r="E36" s="99">
        <v>5</v>
      </c>
      <c r="F36" s="100">
        <v>0</v>
      </c>
      <c r="G36" s="98">
        <v>48</v>
      </c>
      <c r="H36" s="98">
        <v>37</v>
      </c>
      <c r="I36" s="98">
        <v>28</v>
      </c>
      <c r="J36" s="98">
        <v>28</v>
      </c>
      <c r="K36" s="98">
        <v>12</v>
      </c>
      <c r="L36" s="99">
        <v>153</v>
      </c>
      <c r="M36" s="101">
        <v>158</v>
      </c>
      <c r="N36" s="102">
        <v>0</v>
      </c>
      <c r="O36" s="98">
        <v>0</v>
      </c>
      <c r="P36" s="99">
        <v>0</v>
      </c>
      <c r="Q36" s="100">
        <v>0</v>
      </c>
      <c r="R36" s="98">
        <v>0</v>
      </c>
      <c r="S36" s="98">
        <v>1</v>
      </c>
      <c r="T36" s="98">
        <v>0</v>
      </c>
      <c r="U36" s="98">
        <v>0</v>
      </c>
      <c r="V36" s="98">
        <v>0</v>
      </c>
      <c r="W36" s="99">
        <v>1</v>
      </c>
      <c r="X36" s="101">
        <v>1</v>
      </c>
      <c r="Y36" s="102">
        <v>3</v>
      </c>
      <c r="Z36" s="98">
        <v>2</v>
      </c>
      <c r="AA36" s="99">
        <v>5</v>
      </c>
      <c r="AB36" s="100">
        <v>0</v>
      </c>
      <c r="AC36" s="98">
        <v>48</v>
      </c>
      <c r="AD36" s="98">
        <v>38</v>
      </c>
      <c r="AE36" s="98">
        <v>28</v>
      </c>
      <c r="AF36" s="98">
        <v>28</v>
      </c>
      <c r="AG36" s="98">
        <v>12</v>
      </c>
      <c r="AH36" s="99">
        <v>154</v>
      </c>
      <c r="AI36" s="101">
        <v>159</v>
      </c>
    </row>
    <row r="37" spans="2:35" ht="21" customHeight="1" x14ac:dyDescent="0.2">
      <c r="B37" s="18" t="s">
        <v>36</v>
      </c>
      <c r="C37" s="97">
        <v>3</v>
      </c>
      <c r="D37" s="98">
        <v>2</v>
      </c>
      <c r="E37" s="99">
        <v>5</v>
      </c>
      <c r="F37" s="100">
        <v>0</v>
      </c>
      <c r="G37" s="98">
        <v>88</v>
      </c>
      <c r="H37" s="98">
        <v>66</v>
      </c>
      <c r="I37" s="98">
        <v>44</v>
      </c>
      <c r="J37" s="98">
        <v>30</v>
      </c>
      <c r="K37" s="98">
        <v>18</v>
      </c>
      <c r="L37" s="99">
        <v>246</v>
      </c>
      <c r="M37" s="101">
        <v>251</v>
      </c>
      <c r="N37" s="102">
        <v>0</v>
      </c>
      <c r="O37" s="98">
        <v>0</v>
      </c>
      <c r="P37" s="99">
        <v>0</v>
      </c>
      <c r="Q37" s="100">
        <v>0</v>
      </c>
      <c r="R37" s="98">
        <v>1</v>
      </c>
      <c r="S37" s="98">
        <v>1</v>
      </c>
      <c r="T37" s="98">
        <v>2</v>
      </c>
      <c r="U37" s="98">
        <v>0</v>
      </c>
      <c r="V37" s="98">
        <v>1</v>
      </c>
      <c r="W37" s="99">
        <v>5</v>
      </c>
      <c r="X37" s="101">
        <v>5</v>
      </c>
      <c r="Y37" s="102">
        <v>3</v>
      </c>
      <c r="Z37" s="98">
        <v>2</v>
      </c>
      <c r="AA37" s="99">
        <v>5</v>
      </c>
      <c r="AB37" s="100">
        <v>0</v>
      </c>
      <c r="AC37" s="98">
        <v>89</v>
      </c>
      <c r="AD37" s="98">
        <v>67</v>
      </c>
      <c r="AE37" s="98">
        <v>46</v>
      </c>
      <c r="AF37" s="98">
        <v>30</v>
      </c>
      <c r="AG37" s="98">
        <v>19</v>
      </c>
      <c r="AH37" s="99">
        <v>251</v>
      </c>
      <c r="AI37" s="101">
        <v>256</v>
      </c>
    </row>
    <row r="38" spans="2:35" ht="21" customHeight="1" thickBot="1" x14ac:dyDescent="0.25">
      <c r="B38" s="19" t="s">
        <v>37</v>
      </c>
      <c r="C38" s="103">
        <v>0</v>
      </c>
      <c r="D38" s="104">
        <v>0</v>
      </c>
      <c r="E38" s="105">
        <v>0</v>
      </c>
      <c r="F38" s="106">
        <v>0</v>
      </c>
      <c r="G38" s="104">
        <v>13</v>
      </c>
      <c r="H38" s="104">
        <v>8</v>
      </c>
      <c r="I38" s="104">
        <v>11</v>
      </c>
      <c r="J38" s="104">
        <v>3</v>
      </c>
      <c r="K38" s="104">
        <v>3</v>
      </c>
      <c r="L38" s="105">
        <v>38</v>
      </c>
      <c r="M38" s="107">
        <v>38</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3</v>
      </c>
      <c r="AD38" s="104">
        <v>8</v>
      </c>
      <c r="AE38" s="104">
        <v>11</v>
      </c>
      <c r="AF38" s="104">
        <v>3</v>
      </c>
      <c r="AG38" s="104">
        <v>3</v>
      </c>
      <c r="AH38" s="105">
        <v>38</v>
      </c>
      <c r="AI38" s="107">
        <v>38</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2">
        <f>第１表!F2</f>
        <v>5</v>
      </c>
      <c r="J1" s="522"/>
      <c r="K1" s="248">
        <f>第１表!G2</f>
        <v>6</v>
      </c>
      <c r="L1" s="527">
        <f>IF(K1&lt;3,K1+12-2,K1-2)</f>
        <v>4</v>
      </c>
      <c r="M1" s="527"/>
    </row>
    <row r="2" spans="1:101" s="291" customFormat="1" ht="24" customHeight="1" thickBot="1" x14ac:dyDescent="0.25">
      <c r="A2" s="44"/>
      <c r="B2" s="290" t="s">
        <v>132</v>
      </c>
    </row>
    <row r="3" spans="1:101" ht="21" customHeight="1" thickBot="1" x14ac:dyDescent="0.25">
      <c r="B3" s="535"/>
      <c r="C3" s="538" t="s">
        <v>114</v>
      </c>
      <c r="D3" s="539"/>
      <c r="E3" s="539"/>
      <c r="F3" s="539"/>
      <c r="G3" s="539"/>
      <c r="H3" s="539"/>
      <c r="I3" s="539"/>
      <c r="J3" s="539"/>
      <c r="K3" s="539"/>
      <c r="L3" s="539"/>
      <c r="M3" s="540"/>
      <c r="N3" s="538" t="s">
        <v>115</v>
      </c>
      <c r="O3" s="539"/>
      <c r="P3" s="539"/>
      <c r="Q3" s="539"/>
      <c r="R3" s="539"/>
      <c r="S3" s="539"/>
      <c r="T3" s="539"/>
      <c r="U3" s="539"/>
      <c r="V3" s="539"/>
      <c r="W3" s="539"/>
      <c r="X3" s="540"/>
      <c r="Y3" s="538" t="s">
        <v>141</v>
      </c>
      <c r="Z3" s="539"/>
      <c r="AA3" s="539"/>
      <c r="AB3" s="539"/>
      <c r="AC3" s="539"/>
      <c r="AD3" s="539"/>
      <c r="AE3" s="539"/>
      <c r="AF3" s="539"/>
      <c r="AG3" s="539"/>
      <c r="AH3" s="539"/>
      <c r="AI3" s="540"/>
      <c r="AJ3" s="538" t="s">
        <v>90</v>
      </c>
      <c r="AK3" s="539"/>
      <c r="AL3" s="539"/>
      <c r="AM3" s="539"/>
      <c r="AN3" s="539"/>
      <c r="AO3" s="539"/>
      <c r="AP3" s="539"/>
      <c r="AQ3" s="539"/>
      <c r="AR3" s="539"/>
      <c r="AS3" s="539"/>
      <c r="AT3" s="540"/>
      <c r="AU3" s="544" t="s">
        <v>89</v>
      </c>
      <c r="AV3" s="545"/>
      <c r="AW3" s="545"/>
      <c r="AX3" s="545"/>
      <c r="AY3" s="545"/>
      <c r="AZ3" s="545"/>
      <c r="BA3" s="545"/>
      <c r="BB3" s="545"/>
      <c r="BC3" s="545"/>
      <c r="BD3" s="545"/>
      <c r="BE3" s="546"/>
      <c r="BF3" s="544" t="s">
        <v>91</v>
      </c>
      <c r="BG3" s="545"/>
      <c r="BH3" s="545"/>
      <c r="BI3" s="545"/>
      <c r="BJ3" s="545"/>
      <c r="BK3" s="545"/>
      <c r="BL3" s="545"/>
      <c r="BM3" s="545"/>
      <c r="BN3" s="545"/>
      <c r="BO3" s="545"/>
      <c r="BP3" s="546"/>
      <c r="BQ3" s="544" t="s">
        <v>92</v>
      </c>
      <c r="BR3" s="545"/>
      <c r="BS3" s="545"/>
      <c r="BT3" s="545"/>
      <c r="BU3" s="545"/>
      <c r="BV3" s="545"/>
      <c r="BW3" s="545"/>
      <c r="BX3" s="545"/>
      <c r="BY3" s="545"/>
      <c r="BZ3" s="545"/>
      <c r="CA3" s="546"/>
      <c r="CB3" s="544" t="s">
        <v>93</v>
      </c>
      <c r="CC3" s="545"/>
      <c r="CD3" s="545"/>
      <c r="CE3" s="545"/>
      <c r="CF3" s="545"/>
      <c r="CG3" s="545"/>
      <c r="CH3" s="545"/>
      <c r="CI3" s="545"/>
      <c r="CJ3" s="545"/>
      <c r="CK3" s="545"/>
      <c r="CL3" s="546"/>
      <c r="CM3" s="545" t="s">
        <v>140</v>
      </c>
      <c r="CN3" s="545"/>
      <c r="CO3" s="545"/>
      <c r="CP3" s="545"/>
      <c r="CQ3" s="545"/>
      <c r="CR3" s="545"/>
      <c r="CS3" s="545"/>
      <c r="CT3" s="545"/>
      <c r="CU3" s="545"/>
      <c r="CV3" s="545"/>
      <c r="CW3" s="546"/>
    </row>
    <row r="4" spans="1:101" ht="21" customHeight="1" x14ac:dyDescent="0.2">
      <c r="B4" s="536"/>
      <c r="C4" s="530" t="s">
        <v>61</v>
      </c>
      <c r="D4" s="531"/>
      <c r="E4" s="532"/>
      <c r="F4" s="533" t="s">
        <v>62</v>
      </c>
      <c r="G4" s="531"/>
      <c r="H4" s="531"/>
      <c r="I4" s="531"/>
      <c r="J4" s="531"/>
      <c r="K4" s="531"/>
      <c r="L4" s="534"/>
      <c r="M4" s="528" t="s">
        <v>52</v>
      </c>
      <c r="N4" s="530" t="s">
        <v>61</v>
      </c>
      <c r="O4" s="531"/>
      <c r="P4" s="532"/>
      <c r="Q4" s="533" t="s">
        <v>62</v>
      </c>
      <c r="R4" s="531"/>
      <c r="S4" s="531"/>
      <c r="T4" s="531"/>
      <c r="U4" s="531"/>
      <c r="V4" s="531"/>
      <c r="W4" s="532"/>
      <c r="X4" s="528" t="s">
        <v>52</v>
      </c>
      <c r="Y4" s="530" t="s">
        <v>61</v>
      </c>
      <c r="Z4" s="531"/>
      <c r="AA4" s="532"/>
      <c r="AB4" s="533" t="s">
        <v>62</v>
      </c>
      <c r="AC4" s="531"/>
      <c r="AD4" s="531"/>
      <c r="AE4" s="531"/>
      <c r="AF4" s="531"/>
      <c r="AG4" s="531"/>
      <c r="AH4" s="532"/>
      <c r="AI4" s="528" t="s">
        <v>52</v>
      </c>
      <c r="AJ4" s="530" t="s">
        <v>61</v>
      </c>
      <c r="AK4" s="531"/>
      <c r="AL4" s="532"/>
      <c r="AM4" s="533" t="s">
        <v>62</v>
      </c>
      <c r="AN4" s="531"/>
      <c r="AO4" s="531"/>
      <c r="AP4" s="531"/>
      <c r="AQ4" s="531"/>
      <c r="AR4" s="531"/>
      <c r="AS4" s="532"/>
      <c r="AT4" s="528" t="s">
        <v>52</v>
      </c>
      <c r="AU4" s="560" t="s">
        <v>61</v>
      </c>
      <c r="AV4" s="558"/>
      <c r="AW4" s="559"/>
      <c r="AX4" s="557" t="s">
        <v>62</v>
      </c>
      <c r="AY4" s="558"/>
      <c r="AZ4" s="558"/>
      <c r="BA4" s="558"/>
      <c r="BB4" s="558"/>
      <c r="BC4" s="558"/>
      <c r="BD4" s="559"/>
      <c r="BE4" s="561" t="s">
        <v>52</v>
      </c>
      <c r="BF4" s="560" t="s">
        <v>61</v>
      </c>
      <c r="BG4" s="558"/>
      <c r="BH4" s="559"/>
      <c r="BI4" s="557" t="s">
        <v>62</v>
      </c>
      <c r="BJ4" s="558"/>
      <c r="BK4" s="558"/>
      <c r="BL4" s="558"/>
      <c r="BM4" s="558"/>
      <c r="BN4" s="558"/>
      <c r="BO4" s="559"/>
      <c r="BP4" s="561" t="s">
        <v>52</v>
      </c>
      <c r="BQ4" s="560" t="s">
        <v>61</v>
      </c>
      <c r="BR4" s="558"/>
      <c r="BS4" s="559"/>
      <c r="BT4" s="557" t="s">
        <v>62</v>
      </c>
      <c r="BU4" s="558"/>
      <c r="BV4" s="558"/>
      <c r="BW4" s="558"/>
      <c r="BX4" s="558"/>
      <c r="BY4" s="558"/>
      <c r="BZ4" s="559"/>
      <c r="CA4" s="561" t="s">
        <v>52</v>
      </c>
      <c r="CB4" s="560" t="s">
        <v>61</v>
      </c>
      <c r="CC4" s="558"/>
      <c r="CD4" s="559"/>
      <c r="CE4" s="557" t="s">
        <v>62</v>
      </c>
      <c r="CF4" s="558"/>
      <c r="CG4" s="558"/>
      <c r="CH4" s="558"/>
      <c r="CI4" s="558"/>
      <c r="CJ4" s="558"/>
      <c r="CK4" s="559"/>
      <c r="CL4" s="561" t="s">
        <v>52</v>
      </c>
      <c r="CM4" s="560" t="s">
        <v>61</v>
      </c>
      <c r="CN4" s="558"/>
      <c r="CO4" s="559"/>
      <c r="CP4" s="557" t="s">
        <v>62</v>
      </c>
      <c r="CQ4" s="558"/>
      <c r="CR4" s="558"/>
      <c r="CS4" s="558"/>
      <c r="CT4" s="558"/>
      <c r="CU4" s="558"/>
      <c r="CV4" s="559"/>
      <c r="CW4" s="561" t="s">
        <v>52</v>
      </c>
    </row>
    <row r="5" spans="1:101" ht="30" customHeight="1" thickBot="1" x14ac:dyDescent="0.25">
      <c r="B5" s="537"/>
      <c r="C5" s="263" t="s">
        <v>43</v>
      </c>
      <c r="D5" s="265" t="s">
        <v>44</v>
      </c>
      <c r="E5" s="266" t="s">
        <v>45</v>
      </c>
      <c r="F5" s="267" t="s">
        <v>83</v>
      </c>
      <c r="G5" s="259" t="s">
        <v>47</v>
      </c>
      <c r="H5" s="259" t="s">
        <v>48</v>
      </c>
      <c r="I5" s="259" t="s">
        <v>49</v>
      </c>
      <c r="J5" s="259" t="s">
        <v>50</v>
      </c>
      <c r="K5" s="259" t="s">
        <v>51</v>
      </c>
      <c r="L5" s="268" t="s">
        <v>45</v>
      </c>
      <c r="M5" s="529"/>
      <c r="N5" s="263" t="s">
        <v>43</v>
      </c>
      <c r="O5" s="259" t="s">
        <v>44</v>
      </c>
      <c r="P5" s="265" t="s">
        <v>45</v>
      </c>
      <c r="Q5" s="267" t="s">
        <v>83</v>
      </c>
      <c r="R5" s="259" t="s">
        <v>47</v>
      </c>
      <c r="S5" s="259" t="s">
        <v>48</v>
      </c>
      <c r="T5" s="259" t="s">
        <v>49</v>
      </c>
      <c r="U5" s="259" t="s">
        <v>50</v>
      </c>
      <c r="V5" s="259" t="s">
        <v>51</v>
      </c>
      <c r="W5" s="265" t="s">
        <v>45</v>
      </c>
      <c r="X5" s="529"/>
      <c r="Y5" s="263" t="s">
        <v>43</v>
      </c>
      <c r="Z5" s="259" t="s">
        <v>44</v>
      </c>
      <c r="AA5" s="265" t="s">
        <v>45</v>
      </c>
      <c r="AB5" s="267" t="s">
        <v>83</v>
      </c>
      <c r="AC5" s="259" t="s">
        <v>47</v>
      </c>
      <c r="AD5" s="259" t="s">
        <v>48</v>
      </c>
      <c r="AE5" s="259" t="s">
        <v>49</v>
      </c>
      <c r="AF5" s="259" t="s">
        <v>50</v>
      </c>
      <c r="AG5" s="259" t="s">
        <v>51</v>
      </c>
      <c r="AH5" s="265" t="s">
        <v>45</v>
      </c>
      <c r="AI5" s="529"/>
      <c r="AJ5" s="338" t="s">
        <v>43</v>
      </c>
      <c r="AK5" s="259" t="s">
        <v>44</v>
      </c>
      <c r="AL5" s="265" t="s">
        <v>45</v>
      </c>
      <c r="AM5" s="267" t="s">
        <v>83</v>
      </c>
      <c r="AN5" s="259" t="s">
        <v>47</v>
      </c>
      <c r="AO5" s="259" t="s">
        <v>48</v>
      </c>
      <c r="AP5" s="259" t="s">
        <v>49</v>
      </c>
      <c r="AQ5" s="259" t="s">
        <v>50</v>
      </c>
      <c r="AR5" s="259" t="s">
        <v>51</v>
      </c>
      <c r="AS5" s="265" t="s">
        <v>45</v>
      </c>
      <c r="AT5" s="529"/>
      <c r="AU5" s="338" t="s">
        <v>43</v>
      </c>
      <c r="AV5" s="259" t="s">
        <v>44</v>
      </c>
      <c r="AW5" s="265" t="s">
        <v>45</v>
      </c>
      <c r="AX5" s="267" t="s">
        <v>83</v>
      </c>
      <c r="AY5" s="259" t="s">
        <v>47</v>
      </c>
      <c r="AZ5" s="259" t="s">
        <v>48</v>
      </c>
      <c r="BA5" s="259" t="s">
        <v>49</v>
      </c>
      <c r="BB5" s="259" t="s">
        <v>50</v>
      </c>
      <c r="BC5" s="259" t="s">
        <v>51</v>
      </c>
      <c r="BD5" s="265" t="s">
        <v>45</v>
      </c>
      <c r="BE5" s="562"/>
      <c r="BF5" s="338" t="s">
        <v>43</v>
      </c>
      <c r="BG5" s="259" t="s">
        <v>44</v>
      </c>
      <c r="BH5" s="265" t="s">
        <v>45</v>
      </c>
      <c r="BI5" s="267" t="s">
        <v>83</v>
      </c>
      <c r="BJ5" s="259" t="s">
        <v>47</v>
      </c>
      <c r="BK5" s="259" t="s">
        <v>48</v>
      </c>
      <c r="BL5" s="259" t="s">
        <v>49</v>
      </c>
      <c r="BM5" s="259" t="s">
        <v>50</v>
      </c>
      <c r="BN5" s="259" t="s">
        <v>51</v>
      </c>
      <c r="BO5" s="265" t="s">
        <v>45</v>
      </c>
      <c r="BP5" s="562"/>
      <c r="BQ5" s="338" t="s">
        <v>43</v>
      </c>
      <c r="BR5" s="259" t="s">
        <v>44</v>
      </c>
      <c r="BS5" s="265" t="s">
        <v>45</v>
      </c>
      <c r="BT5" s="267" t="s">
        <v>83</v>
      </c>
      <c r="BU5" s="259" t="s">
        <v>47</v>
      </c>
      <c r="BV5" s="259" t="s">
        <v>48</v>
      </c>
      <c r="BW5" s="259" t="s">
        <v>49</v>
      </c>
      <c r="BX5" s="259" t="s">
        <v>50</v>
      </c>
      <c r="BY5" s="259" t="s">
        <v>51</v>
      </c>
      <c r="BZ5" s="265" t="s">
        <v>45</v>
      </c>
      <c r="CA5" s="562"/>
      <c r="CB5" s="338" t="s">
        <v>43</v>
      </c>
      <c r="CC5" s="259" t="s">
        <v>44</v>
      </c>
      <c r="CD5" s="265" t="s">
        <v>45</v>
      </c>
      <c r="CE5" s="267" t="s">
        <v>83</v>
      </c>
      <c r="CF5" s="259" t="s">
        <v>47</v>
      </c>
      <c r="CG5" s="259" t="s">
        <v>48</v>
      </c>
      <c r="CH5" s="259" t="s">
        <v>49</v>
      </c>
      <c r="CI5" s="259" t="s">
        <v>50</v>
      </c>
      <c r="CJ5" s="259" t="s">
        <v>51</v>
      </c>
      <c r="CK5" s="265" t="s">
        <v>45</v>
      </c>
      <c r="CL5" s="562"/>
      <c r="CM5" s="338" t="s">
        <v>43</v>
      </c>
      <c r="CN5" s="259" t="s">
        <v>44</v>
      </c>
      <c r="CO5" s="265" t="s">
        <v>45</v>
      </c>
      <c r="CP5" s="267" t="s">
        <v>83</v>
      </c>
      <c r="CQ5" s="259" t="s">
        <v>47</v>
      </c>
      <c r="CR5" s="259" t="s">
        <v>48</v>
      </c>
      <c r="CS5" s="259" t="s">
        <v>49</v>
      </c>
      <c r="CT5" s="259" t="s">
        <v>50</v>
      </c>
      <c r="CU5" s="259" t="s">
        <v>51</v>
      </c>
      <c r="CV5" s="265" t="s">
        <v>45</v>
      </c>
      <c r="CW5" s="562"/>
    </row>
    <row r="6" spans="1:101" ht="21" customHeight="1" x14ac:dyDescent="0.2">
      <c r="B6" s="260" t="s">
        <v>4</v>
      </c>
      <c r="C6" s="269">
        <v>0</v>
      </c>
      <c r="D6" s="270">
        <v>0</v>
      </c>
      <c r="E6" s="271">
        <v>0</v>
      </c>
      <c r="F6" s="272">
        <v>0</v>
      </c>
      <c r="G6" s="273">
        <v>316</v>
      </c>
      <c r="H6" s="273">
        <v>364</v>
      </c>
      <c r="I6" s="273">
        <v>347</v>
      </c>
      <c r="J6" s="273">
        <v>386</v>
      </c>
      <c r="K6" s="273">
        <v>375</v>
      </c>
      <c r="L6" s="274">
        <v>1788</v>
      </c>
      <c r="M6" s="275">
        <v>1788</v>
      </c>
      <c r="N6" s="269">
        <v>0</v>
      </c>
      <c r="O6" s="273">
        <v>0</v>
      </c>
      <c r="P6" s="270">
        <v>0</v>
      </c>
      <c r="Q6" s="272">
        <v>0</v>
      </c>
      <c r="R6" s="273">
        <v>180</v>
      </c>
      <c r="S6" s="273">
        <v>531</v>
      </c>
      <c r="T6" s="273">
        <v>475</v>
      </c>
      <c r="U6" s="273">
        <v>444</v>
      </c>
      <c r="V6" s="273">
        <v>405</v>
      </c>
      <c r="W6" s="270">
        <v>2035</v>
      </c>
      <c r="X6" s="275">
        <v>2035</v>
      </c>
      <c r="Y6" s="269">
        <v>0</v>
      </c>
      <c r="Z6" s="273">
        <v>0</v>
      </c>
      <c r="AA6" s="270">
        <v>0</v>
      </c>
      <c r="AB6" s="272">
        <v>0</v>
      </c>
      <c r="AC6" s="273">
        <v>13590</v>
      </c>
      <c r="AD6" s="273">
        <v>12349</v>
      </c>
      <c r="AE6" s="273">
        <v>5998</v>
      </c>
      <c r="AF6" s="273">
        <v>3009</v>
      </c>
      <c r="AG6" s="273">
        <v>1299</v>
      </c>
      <c r="AH6" s="270">
        <v>36245</v>
      </c>
      <c r="AI6" s="275">
        <v>36245</v>
      </c>
      <c r="AJ6" s="269">
        <v>8</v>
      </c>
      <c r="AK6" s="273">
        <v>7</v>
      </c>
      <c r="AL6" s="270">
        <v>15</v>
      </c>
      <c r="AM6" s="272">
        <v>0</v>
      </c>
      <c r="AN6" s="273">
        <v>797</v>
      </c>
      <c r="AO6" s="273">
        <v>948</v>
      </c>
      <c r="AP6" s="273">
        <v>1088</v>
      </c>
      <c r="AQ6" s="273">
        <v>601</v>
      </c>
      <c r="AR6" s="273">
        <v>460</v>
      </c>
      <c r="AS6" s="270">
        <v>3894</v>
      </c>
      <c r="AT6" s="275">
        <v>3909</v>
      </c>
      <c r="AU6" s="269">
        <v>174</v>
      </c>
      <c r="AV6" s="273">
        <v>273</v>
      </c>
      <c r="AW6" s="270">
        <v>447</v>
      </c>
      <c r="AX6" s="272">
        <v>0</v>
      </c>
      <c r="AY6" s="273">
        <v>1384</v>
      </c>
      <c r="AZ6" s="273">
        <v>1523</v>
      </c>
      <c r="BA6" s="273">
        <v>1358</v>
      </c>
      <c r="BB6" s="273">
        <v>953</v>
      </c>
      <c r="BC6" s="273">
        <v>509</v>
      </c>
      <c r="BD6" s="270">
        <v>5727</v>
      </c>
      <c r="BE6" s="275">
        <v>6174</v>
      </c>
      <c r="BF6" s="269">
        <v>0</v>
      </c>
      <c r="BG6" s="273">
        <v>38</v>
      </c>
      <c r="BH6" s="270">
        <v>38</v>
      </c>
      <c r="BI6" s="272">
        <v>0</v>
      </c>
      <c r="BJ6" s="273">
        <v>2459</v>
      </c>
      <c r="BK6" s="273">
        <v>3110</v>
      </c>
      <c r="BL6" s="273">
        <v>3479</v>
      </c>
      <c r="BM6" s="273">
        <v>2317</v>
      </c>
      <c r="BN6" s="273">
        <v>1617</v>
      </c>
      <c r="BO6" s="274">
        <v>12982</v>
      </c>
      <c r="BP6" s="275">
        <v>13020</v>
      </c>
      <c r="BQ6" s="269">
        <v>0</v>
      </c>
      <c r="BR6" s="273">
        <v>0</v>
      </c>
      <c r="BS6" s="270">
        <v>0</v>
      </c>
      <c r="BT6" s="272">
        <v>0</v>
      </c>
      <c r="BU6" s="273">
        <v>39</v>
      </c>
      <c r="BV6" s="273">
        <v>42</v>
      </c>
      <c r="BW6" s="273">
        <v>67</v>
      </c>
      <c r="BX6" s="273">
        <v>67</v>
      </c>
      <c r="BY6" s="273">
        <v>51</v>
      </c>
      <c r="BZ6" s="270">
        <v>266</v>
      </c>
      <c r="CA6" s="275">
        <v>266</v>
      </c>
      <c r="CB6" s="269">
        <v>0</v>
      </c>
      <c r="CC6" s="273">
        <v>0</v>
      </c>
      <c r="CD6" s="270">
        <v>0</v>
      </c>
      <c r="CE6" s="272">
        <v>0</v>
      </c>
      <c r="CF6" s="273">
        <v>10</v>
      </c>
      <c r="CG6" s="273">
        <v>28</v>
      </c>
      <c r="CH6" s="273">
        <v>221</v>
      </c>
      <c r="CI6" s="273">
        <v>337</v>
      </c>
      <c r="CJ6" s="273">
        <v>231</v>
      </c>
      <c r="CK6" s="270">
        <v>827</v>
      </c>
      <c r="CL6" s="275">
        <v>827</v>
      </c>
      <c r="CM6" s="269">
        <v>0</v>
      </c>
      <c r="CN6" s="273">
        <v>0</v>
      </c>
      <c r="CO6" s="270">
        <v>0</v>
      </c>
      <c r="CP6" s="272">
        <v>0</v>
      </c>
      <c r="CQ6" s="273">
        <v>182</v>
      </c>
      <c r="CR6" s="273">
        <v>299</v>
      </c>
      <c r="CS6" s="273">
        <v>286</v>
      </c>
      <c r="CT6" s="273">
        <v>365</v>
      </c>
      <c r="CU6" s="273">
        <v>439</v>
      </c>
      <c r="CV6" s="270">
        <v>1571</v>
      </c>
      <c r="CW6" s="275">
        <v>1571</v>
      </c>
    </row>
    <row r="7" spans="1:101" ht="21" customHeight="1" x14ac:dyDescent="0.2">
      <c r="B7" s="261" t="s">
        <v>5</v>
      </c>
      <c r="C7" s="276">
        <v>0</v>
      </c>
      <c r="D7" s="277">
        <v>0</v>
      </c>
      <c r="E7" s="278">
        <v>0</v>
      </c>
      <c r="F7" s="279">
        <v>0</v>
      </c>
      <c r="G7" s="280">
        <v>114</v>
      </c>
      <c r="H7" s="280">
        <v>161</v>
      </c>
      <c r="I7" s="280">
        <v>168</v>
      </c>
      <c r="J7" s="280">
        <v>184</v>
      </c>
      <c r="K7" s="280">
        <v>178</v>
      </c>
      <c r="L7" s="281">
        <v>805</v>
      </c>
      <c r="M7" s="282">
        <v>805</v>
      </c>
      <c r="N7" s="276">
        <v>0</v>
      </c>
      <c r="O7" s="280">
        <v>0</v>
      </c>
      <c r="P7" s="277">
        <v>0</v>
      </c>
      <c r="Q7" s="279">
        <v>0</v>
      </c>
      <c r="R7" s="280">
        <v>89</v>
      </c>
      <c r="S7" s="280">
        <v>390</v>
      </c>
      <c r="T7" s="280">
        <v>357</v>
      </c>
      <c r="U7" s="280">
        <v>321</v>
      </c>
      <c r="V7" s="280">
        <v>296</v>
      </c>
      <c r="W7" s="277">
        <v>1453</v>
      </c>
      <c r="X7" s="282">
        <v>1453</v>
      </c>
      <c r="Y7" s="276">
        <v>0</v>
      </c>
      <c r="Z7" s="280">
        <v>0</v>
      </c>
      <c r="AA7" s="277">
        <v>0</v>
      </c>
      <c r="AB7" s="279">
        <v>0</v>
      </c>
      <c r="AC7" s="280">
        <v>4745</v>
      </c>
      <c r="AD7" s="280">
        <v>5904</v>
      </c>
      <c r="AE7" s="280">
        <v>2701</v>
      </c>
      <c r="AF7" s="280">
        <v>1360</v>
      </c>
      <c r="AG7" s="280">
        <v>560</v>
      </c>
      <c r="AH7" s="277">
        <v>15270</v>
      </c>
      <c r="AI7" s="282">
        <v>15270</v>
      </c>
      <c r="AJ7" s="276">
        <v>4</v>
      </c>
      <c r="AK7" s="280">
        <v>2</v>
      </c>
      <c r="AL7" s="277">
        <v>6</v>
      </c>
      <c r="AM7" s="279">
        <v>0</v>
      </c>
      <c r="AN7" s="280">
        <v>383</v>
      </c>
      <c r="AO7" s="280">
        <v>497</v>
      </c>
      <c r="AP7" s="280">
        <v>560</v>
      </c>
      <c r="AQ7" s="280">
        <v>317</v>
      </c>
      <c r="AR7" s="280">
        <v>254</v>
      </c>
      <c r="AS7" s="277">
        <v>2011</v>
      </c>
      <c r="AT7" s="282">
        <v>2017</v>
      </c>
      <c r="AU7" s="276">
        <v>70</v>
      </c>
      <c r="AV7" s="280">
        <v>102</v>
      </c>
      <c r="AW7" s="277">
        <v>172</v>
      </c>
      <c r="AX7" s="279">
        <v>0</v>
      </c>
      <c r="AY7" s="280">
        <v>493</v>
      </c>
      <c r="AZ7" s="280">
        <v>669</v>
      </c>
      <c r="BA7" s="280">
        <v>568</v>
      </c>
      <c r="BB7" s="280">
        <v>409</v>
      </c>
      <c r="BC7" s="280">
        <v>257</v>
      </c>
      <c r="BD7" s="277">
        <v>2396</v>
      </c>
      <c r="BE7" s="282">
        <v>2568</v>
      </c>
      <c r="BF7" s="276">
        <v>0</v>
      </c>
      <c r="BG7" s="280">
        <v>10</v>
      </c>
      <c r="BH7" s="277">
        <v>10</v>
      </c>
      <c r="BI7" s="279">
        <v>0</v>
      </c>
      <c r="BJ7" s="280">
        <v>1075</v>
      </c>
      <c r="BK7" s="280">
        <v>1376</v>
      </c>
      <c r="BL7" s="280">
        <v>1473</v>
      </c>
      <c r="BM7" s="280">
        <v>990</v>
      </c>
      <c r="BN7" s="280">
        <v>742</v>
      </c>
      <c r="BO7" s="281">
        <v>5656</v>
      </c>
      <c r="BP7" s="282">
        <v>5666</v>
      </c>
      <c r="BQ7" s="276">
        <v>0</v>
      </c>
      <c r="BR7" s="280">
        <v>0</v>
      </c>
      <c r="BS7" s="277">
        <v>0</v>
      </c>
      <c r="BT7" s="279">
        <v>0</v>
      </c>
      <c r="BU7" s="280">
        <v>0</v>
      </c>
      <c r="BV7" s="280">
        <v>2</v>
      </c>
      <c r="BW7" s="280">
        <v>6</v>
      </c>
      <c r="BX7" s="280">
        <v>1</v>
      </c>
      <c r="BY7" s="280">
        <v>4</v>
      </c>
      <c r="BZ7" s="277">
        <v>13</v>
      </c>
      <c r="CA7" s="282">
        <v>13</v>
      </c>
      <c r="CB7" s="276">
        <v>0</v>
      </c>
      <c r="CC7" s="280">
        <v>0</v>
      </c>
      <c r="CD7" s="277">
        <v>0</v>
      </c>
      <c r="CE7" s="279">
        <v>0</v>
      </c>
      <c r="CF7" s="280">
        <v>5</v>
      </c>
      <c r="CG7" s="280">
        <v>9</v>
      </c>
      <c r="CH7" s="280">
        <v>26</v>
      </c>
      <c r="CI7" s="280">
        <v>41</v>
      </c>
      <c r="CJ7" s="280">
        <v>28</v>
      </c>
      <c r="CK7" s="277">
        <v>109</v>
      </c>
      <c r="CL7" s="282">
        <v>109</v>
      </c>
      <c r="CM7" s="276">
        <v>0</v>
      </c>
      <c r="CN7" s="280">
        <v>0</v>
      </c>
      <c r="CO7" s="277">
        <v>0</v>
      </c>
      <c r="CP7" s="279">
        <v>0</v>
      </c>
      <c r="CQ7" s="280">
        <v>28</v>
      </c>
      <c r="CR7" s="280">
        <v>61</v>
      </c>
      <c r="CS7" s="280">
        <v>69</v>
      </c>
      <c r="CT7" s="280">
        <v>94</v>
      </c>
      <c r="CU7" s="280">
        <v>167</v>
      </c>
      <c r="CV7" s="277">
        <v>419</v>
      </c>
      <c r="CW7" s="282">
        <v>419</v>
      </c>
    </row>
    <row r="8" spans="1:101" ht="21" customHeight="1" x14ac:dyDescent="0.2">
      <c r="B8" s="261" t="s">
        <v>6</v>
      </c>
      <c r="C8" s="276">
        <v>0</v>
      </c>
      <c r="D8" s="277">
        <v>0</v>
      </c>
      <c r="E8" s="278">
        <v>0</v>
      </c>
      <c r="F8" s="279">
        <v>0</v>
      </c>
      <c r="G8" s="280">
        <v>82</v>
      </c>
      <c r="H8" s="280">
        <v>77</v>
      </c>
      <c r="I8" s="280">
        <v>73</v>
      </c>
      <c r="J8" s="280">
        <v>99</v>
      </c>
      <c r="K8" s="280">
        <v>106</v>
      </c>
      <c r="L8" s="281">
        <v>437</v>
      </c>
      <c r="M8" s="282">
        <v>437</v>
      </c>
      <c r="N8" s="276">
        <v>0</v>
      </c>
      <c r="O8" s="280">
        <v>0</v>
      </c>
      <c r="P8" s="277">
        <v>0</v>
      </c>
      <c r="Q8" s="279">
        <v>0</v>
      </c>
      <c r="R8" s="280">
        <v>65</v>
      </c>
      <c r="S8" s="280">
        <v>110</v>
      </c>
      <c r="T8" s="280">
        <v>89</v>
      </c>
      <c r="U8" s="280">
        <v>94</v>
      </c>
      <c r="V8" s="280">
        <v>90</v>
      </c>
      <c r="W8" s="277">
        <v>448</v>
      </c>
      <c r="X8" s="282">
        <v>448</v>
      </c>
      <c r="Y8" s="276">
        <v>0</v>
      </c>
      <c r="Z8" s="280">
        <v>0</v>
      </c>
      <c r="AA8" s="277">
        <v>0</v>
      </c>
      <c r="AB8" s="279">
        <v>0</v>
      </c>
      <c r="AC8" s="280">
        <v>1939</v>
      </c>
      <c r="AD8" s="280">
        <v>1261</v>
      </c>
      <c r="AE8" s="280">
        <v>732</v>
      </c>
      <c r="AF8" s="280">
        <v>435</v>
      </c>
      <c r="AG8" s="280">
        <v>214</v>
      </c>
      <c r="AH8" s="277">
        <v>4581</v>
      </c>
      <c r="AI8" s="282">
        <v>4581</v>
      </c>
      <c r="AJ8" s="276">
        <v>1</v>
      </c>
      <c r="AK8" s="280">
        <v>1</v>
      </c>
      <c r="AL8" s="277">
        <v>2</v>
      </c>
      <c r="AM8" s="279">
        <v>0</v>
      </c>
      <c r="AN8" s="280">
        <v>190</v>
      </c>
      <c r="AO8" s="280">
        <v>201</v>
      </c>
      <c r="AP8" s="280">
        <v>221</v>
      </c>
      <c r="AQ8" s="280">
        <v>128</v>
      </c>
      <c r="AR8" s="280">
        <v>97</v>
      </c>
      <c r="AS8" s="277">
        <v>837</v>
      </c>
      <c r="AT8" s="282">
        <v>839</v>
      </c>
      <c r="AU8" s="276">
        <v>26</v>
      </c>
      <c r="AV8" s="280">
        <v>30</v>
      </c>
      <c r="AW8" s="277">
        <v>56</v>
      </c>
      <c r="AX8" s="279">
        <v>0</v>
      </c>
      <c r="AY8" s="280">
        <v>220</v>
      </c>
      <c r="AZ8" s="280">
        <v>207</v>
      </c>
      <c r="BA8" s="280">
        <v>182</v>
      </c>
      <c r="BB8" s="280">
        <v>149</v>
      </c>
      <c r="BC8" s="280">
        <v>73</v>
      </c>
      <c r="BD8" s="277">
        <v>831</v>
      </c>
      <c r="BE8" s="282">
        <v>887</v>
      </c>
      <c r="BF8" s="276">
        <v>0</v>
      </c>
      <c r="BG8" s="280">
        <v>7</v>
      </c>
      <c r="BH8" s="277">
        <v>7</v>
      </c>
      <c r="BI8" s="279">
        <v>0</v>
      </c>
      <c r="BJ8" s="280">
        <v>455</v>
      </c>
      <c r="BK8" s="280">
        <v>542</v>
      </c>
      <c r="BL8" s="280">
        <v>541</v>
      </c>
      <c r="BM8" s="280">
        <v>371</v>
      </c>
      <c r="BN8" s="280">
        <v>256</v>
      </c>
      <c r="BO8" s="281">
        <v>2165</v>
      </c>
      <c r="BP8" s="282">
        <v>2172</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4</v>
      </c>
      <c r="CG8" s="280">
        <v>4</v>
      </c>
      <c r="CH8" s="280">
        <v>72</v>
      </c>
      <c r="CI8" s="280">
        <v>88</v>
      </c>
      <c r="CJ8" s="280">
        <v>76</v>
      </c>
      <c r="CK8" s="277">
        <v>244</v>
      </c>
      <c r="CL8" s="282">
        <v>244</v>
      </c>
      <c r="CM8" s="276">
        <v>0</v>
      </c>
      <c r="CN8" s="280">
        <v>0</v>
      </c>
      <c r="CO8" s="277">
        <v>0</v>
      </c>
      <c r="CP8" s="279">
        <v>0</v>
      </c>
      <c r="CQ8" s="280">
        <v>61</v>
      </c>
      <c r="CR8" s="280">
        <v>98</v>
      </c>
      <c r="CS8" s="280">
        <v>73</v>
      </c>
      <c r="CT8" s="280">
        <v>100</v>
      </c>
      <c r="CU8" s="280">
        <v>92</v>
      </c>
      <c r="CV8" s="277">
        <v>424</v>
      </c>
      <c r="CW8" s="282">
        <v>424</v>
      </c>
    </row>
    <row r="9" spans="1:101" ht="21" customHeight="1" x14ac:dyDescent="0.2">
      <c r="B9" s="261" t="s">
        <v>14</v>
      </c>
      <c r="C9" s="276">
        <v>0</v>
      </c>
      <c r="D9" s="277">
        <v>0</v>
      </c>
      <c r="E9" s="278">
        <v>0</v>
      </c>
      <c r="F9" s="279">
        <v>0</v>
      </c>
      <c r="G9" s="280">
        <v>24</v>
      </c>
      <c r="H9" s="280">
        <v>25</v>
      </c>
      <c r="I9" s="280">
        <v>24</v>
      </c>
      <c r="J9" s="280">
        <v>19</v>
      </c>
      <c r="K9" s="280">
        <v>28</v>
      </c>
      <c r="L9" s="281">
        <v>120</v>
      </c>
      <c r="M9" s="282">
        <v>120</v>
      </c>
      <c r="N9" s="276">
        <v>0</v>
      </c>
      <c r="O9" s="280">
        <v>0</v>
      </c>
      <c r="P9" s="277">
        <v>0</v>
      </c>
      <c r="Q9" s="279">
        <v>0</v>
      </c>
      <c r="R9" s="280">
        <v>1</v>
      </c>
      <c r="S9" s="280">
        <v>1</v>
      </c>
      <c r="T9" s="280">
        <v>1</v>
      </c>
      <c r="U9" s="280">
        <v>2</v>
      </c>
      <c r="V9" s="280">
        <v>1</v>
      </c>
      <c r="W9" s="277">
        <v>6</v>
      </c>
      <c r="X9" s="282">
        <v>6</v>
      </c>
      <c r="Y9" s="276">
        <v>0</v>
      </c>
      <c r="Z9" s="280">
        <v>0</v>
      </c>
      <c r="AA9" s="277">
        <v>0</v>
      </c>
      <c r="AB9" s="279">
        <v>0</v>
      </c>
      <c r="AC9" s="280">
        <v>1037</v>
      </c>
      <c r="AD9" s="280">
        <v>1135</v>
      </c>
      <c r="AE9" s="280">
        <v>550</v>
      </c>
      <c r="AF9" s="280">
        <v>248</v>
      </c>
      <c r="AG9" s="280">
        <v>128</v>
      </c>
      <c r="AH9" s="277">
        <v>3098</v>
      </c>
      <c r="AI9" s="282">
        <v>3098</v>
      </c>
      <c r="AJ9" s="276">
        <v>1</v>
      </c>
      <c r="AK9" s="280">
        <v>0</v>
      </c>
      <c r="AL9" s="277">
        <v>1</v>
      </c>
      <c r="AM9" s="279">
        <v>0</v>
      </c>
      <c r="AN9" s="280">
        <v>18</v>
      </c>
      <c r="AO9" s="280">
        <v>22</v>
      </c>
      <c r="AP9" s="280">
        <v>37</v>
      </c>
      <c r="AQ9" s="280">
        <v>22</v>
      </c>
      <c r="AR9" s="280">
        <v>20</v>
      </c>
      <c r="AS9" s="277">
        <v>119</v>
      </c>
      <c r="AT9" s="282">
        <v>120</v>
      </c>
      <c r="AU9" s="276">
        <v>18</v>
      </c>
      <c r="AV9" s="280">
        <v>27</v>
      </c>
      <c r="AW9" s="277">
        <v>45</v>
      </c>
      <c r="AX9" s="279">
        <v>0</v>
      </c>
      <c r="AY9" s="280">
        <v>112</v>
      </c>
      <c r="AZ9" s="280">
        <v>136</v>
      </c>
      <c r="BA9" s="280">
        <v>126</v>
      </c>
      <c r="BB9" s="280">
        <v>75</v>
      </c>
      <c r="BC9" s="280">
        <v>22</v>
      </c>
      <c r="BD9" s="277">
        <v>471</v>
      </c>
      <c r="BE9" s="282">
        <v>516</v>
      </c>
      <c r="BF9" s="276">
        <v>0</v>
      </c>
      <c r="BG9" s="280">
        <v>3</v>
      </c>
      <c r="BH9" s="277">
        <v>3</v>
      </c>
      <c r="BI9" s="279">
        <v>0</v>
      </c>
      <c r="BJ9" s="280">
        <v>200</v>
      </c>
      <c r="BK9" s="280">
        <v>273</v>
      </c>
      <c r="BL9" s="280">
        <v>354</v>
      </c>
      <c r="BM9" s="280">
        <v>206</v>
      </c>
      <c r="BN9" s="280">
        <v>135</v>
      </c>
      <c r="BO9" s="281">
        <v>1168</v>
      </c>
      <c r="BP9" s="282">
        <v>1171</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2</v>
      </c>
      <c r="CH9" s="280">
        <v>17</v>
      </c>
      <c r="CI9" s="280">
        <v>31</v>
      </c>
      <c r="CJ9" s="280">
        <v>9</v>
      </c>
      <c r="CK9" s="277">
        <v>59</v>
      </c>
      <c r="CL9" s="282">
        <v>59</v>
      </c>
      <c r="CM9" s="276">
        <v>0</v>
      </c>
      <c r="CN9" s="280">
        <v>0</v>
      </c>
      <c r="CO9" s="277">
        <v>0</v>
      </c>
      <c r="CP9" s="279">
        <v>0</v>
      </c>
      <c r="CQ9" s="280">
        <v>11</v>
      </c>
      <c r="CR9" s="280">
        <v>26</v>
      </c>
      <c r="CS9" s="280">
        <v>18</v>
      </c>
      <c r="CT9" s="280">
        <v>29</v>
      </c>
      <c r="CU9" s="280">
        <v>30</v>
      </c>
      <c r="CV9" s="277">
        <v>114</v>
      </c>
      <c r="CW9" s="282">
        <v>114</v>
      </c>
    </row>
    <row r="10" spans="1:101" ht="21" customHeight="1" x14ac:dyDescent="0.2">
      <c r="B10" s="261" t="s">
        <v>7</v>
      </c>
      <c r="C10" s="276">
        <v>0</v>
      </c>
      <c r="D10" s="277">
        <v>0</v>
      </c>
      <c r="E10" s="278">
        <v>0</v>
      </c>
      <c r="F10" s="279">
        <v>0</v>
      </c>
      <c r="G10" s="280">
        <v>6</v>
      </c>
      <c r="H10" s="280">
        <v>6</v>
      </c>
      <c r="I10" s="280">
        <v>9</v>
      </c>
      <c r="J10" s="280">
        <v>11</v>
      </c>
      <c r="K10" s="280">
        <v>5</v>
      </c>
      <c r="L10" s="281">
        <v>37</v>
      </c>
      <c r="M10" s="282">
        <v>37</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1140</v>
      </c>
      <c r="AD10" s="280">
        <v>659</v>
      </c>
      <c r="AE10" s="280">
        <v>304</v>
      </c>
      <c r="AF10" s="280">
        <v>134</v>
      </c>
      <c r="AG10" s="280">
        <v>54</v>
      </c>
      <c r="AH10" s="277">
        <v>2291</v>
      </c>
      <c r="AI10" s="282">
        <v>2291</v>
      </c>
      <c r="AJ10" s="276">
        <v>0</v>
      </c>
      <c r="AK10" s="280">
        <v>0</v>
      </c>
      <c r="AL10" s="277">
        <v>0</v>
      </c>
      <c r="AM10" s="279">
        <v>0</v>
      </c>
      <c r="AN10" s="280">
        <v>88</v>
      </c>
      <c r="AO10" s="280">
        <v>93</v>
      </c>
      <c r="AP10" s="280">
        <v>100</v>
      </c>
      <c r="AQ10" s="280">
        <v>53</v>
      </c>
      <c r="AR10" s="280">
        <v>16</v>
      </c>
      <c r="AS10" s="277">
        <v>350</v>
      </c>
      <c r="AT10" s="282">
        <v>350</v>
      </c>
      <c r="AU10" s="276">
        <v>3</v>
      </c>
      <c r="AV10" s="280">
        <v>7</v>
      </c>
      <c r="AW10" s="277">
        <v>10</v>
      </c>
      <c r="AX10" s="279">
        <v>0</v>
      </c>
      <c r="AY10" s="280">
        <v>47</v>
      </c>
      <c r="AZ10" s="280">
        <v>31</v>
      </c>
      <c r="BA10" s="280">
        <v>41</v>
      </c>
      <c r="BB10" s="280">
        <v>20</v>
      </c>
      <c r="BC10" s="280">
        <v>6</v>
      </c>
      <c r="BD10" s="277">
        <v>145</v>
      </c>
      <c r="BE10" s="282">
        <v>155</v>
      </c>
      <c r="BF10" s="276">
        <v>0</v>
      </c>
      <c r="BG10" s="280">
        <v>1</v>
      </c>
      <c r="BH10" s="277">
        <v>1</v>
      </c>
      <c r="BI10" s="279">
        <v>0</v>
      </c>
      <c r="BJ10" s="280">
        <v>124</v>
      </c>
      <c r="BK10" s="280">
        <v>142</v>
      </c>
      <c r="BL10" s="280">
        <v>162</v>
      </c>
      <c r="BM10" s="280">
        <v>129</v>
      </c>
      <c r="BN10" s="280">
        <v>67</v>
      </c>
      <c r="BO10" s="281">
        <v>624</v>
      </c>
      <c r="BP10" s="282">
        <v>625</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6</v>
      </c>
      <c r="CR10" s="280">
        <v>6</v>
      </c>
      <c r="CS10" s="280">
        <v>10</v>
      </c>
      <c r="CT10" s="280">
        <v>11</v>
      </c>
      <c r="CU10" s="280">
        <v>18</v>
      </c>
      <c r="CV10" s="277">
        <v>51</v>
      </c>
      <c r="CW10" s="282">
        <v>51</v>
      </c>
    </row>
    <row r="11" spans="1:101" ht="21" customHeight="1" x14ac:dyDescent="0.2">
      <c r="B11" s="261" t="s">
        <v>8</v>
      </c>
      <c r="C11" s="276">
        <v>0</v>
      </c>
      <c r="D11" s="277">
        <v>0</v>
      </c>
      <c r="E11" s="278">
        <v>0</v>
      </c>
      <c r="F11" s="279">
        <v>0</v>
      </c>
      <c r="G11" s="280">
        <v>6</v>
      </c>
      <c r="H11" s="280">
        <v>8</v>
      </c>
      <c r="I11" s="280">
        <v>1</v>
      </c>
      <c r="J11" s="280">
        <v>6</v>
      </c>
      <c r="K11" s="280">
        <v>1</v>
      </c>
      <c r="L11" s="281">
        <v>22</v>
      </c>
      <c r="M11" s="282">
        <v>22</v>
      </c>
      <c r="N11" s="276">
        <v>0</v>
      </c>
      <c r="O11" s="280">
        <v>0</v>
      </c>
      <c r="P11" s="277">
        <v>0</v>
      </c>
      <c r="Q11" s="279">
        <v>0</v>
      </c>
      <c r="R11" s="280">
        <v>2</v>
      </c>
      <c r="S11" s="280">
        <v>2</v>
      </c>
      <c r="T11" s="280">
        <v>1</v>
      </c>
      <c r="U11" s="280">
        <v>0</v>
      </c>
      <c r="V11" s="280">
        <v>4</v>
      </c>
      <c r="W11" s="277">
        <v>9</v>
      </c>
      <c r="X11" s="282">
        <v>9</v>
      </c>
      <c r="Y11" s="276">
        <v>0</v>
      </c>
      <c r="Z11" s="280">
        <v>0</v>
      </c>
      <c r="AA11" s="277">
        <v>0</v>
      </c>
      <c r="AB11" s="279">
        <v>0</v>
      </c>
      <c r="AC11" s="280">
        <v>633</v>
      </c>
      <c r="AD11" s="280">
        <v>524</v>
      </c>
      <c r="AE11" s="280">
        <v>252</v>
      </c>
      <c r="AF11" s="280">
        <v>98</v>
      </c>
      <c r="AG11" s="280">
        <v>56</v>
      </c>
      <c r="AH11" s="277">
        <v>1563</v>
      </c>
      <c r="AI11" s="282">
        <v>1563</v>
      </c>
      <c r="AJ11" s="276">
        <v>0</v>
      </c>
      <c r="AK11" s="280">
        <v>0</v>
      </c>
      <c r="AL11" s="277">
        <v>0</v>
      </c>
      <c r="AM11" s="279">
        <v>0</v>
      </c>
      <c r="AN11" s="280">
        <v>8</v>
      </c>
      <c r="AO11" s="280">
        <v>9</v>
      </c>
      <c r="AP11" s="280">
        <v>12</v>
      </c>
      <c r="AQ11" s="280">
        <v>8</v>
      </c>
      <c r="AR11" s="280">
        <v>7</v>
      </c>
      <c r="AS11" s="277">
        <v>44</v>
      </c>
      <c r="AT11" s="282">
        <v>44</v>
      </c>
      <c r="AU11" s="276">
        <v>9</v>
      </c>
      <c r="AV11" s="280">
        <v>12</v>
      </c>
      <c r="AW11" s="277">
        <v>21</v>
      </c>
      <c r="AX11" s="279">
        <v>0</v>
      </c>
      <c r="AY11" s="280">
        <v>68</v>
      </c>
      <c r="AZ11" s="280">
        <v>52</v>
      </c>
      <c r="BA11" s="280">
        <v>47</v>
      </c>
      <c r="BB11" s="280">
        <v>24</v>
      </c>
      <c r="BC11" s="280">
        <v>11</v>
      </c>
      <c r="BD11" s="277">
        <v>202</v>
      </c>
      <c r="BE11" s="282">
        <v>223</v>
      </c>
      <c r="BF11" s="276">
        <v>0</v>
      </c>
      <c r="BG11" s="280">
        <v>0</v>
      </c>
      <c r="BH11" s="277">
        <v>0</v>
      </c>
      <c r="BI11" s="279">
        <v>0</v>
      </c>
      <c r="BJ11" s="280">
        <v>66</v>
      </c>
      <c r="BK11" s="280">
        <v>70</v>
      </c>
      <c r="BL11" s="280">
        <v>80</v>
      </c>
      <c r="BM11" s="280">
        <v>61</v>
      </c>
      <c r="BN11" s="280">
        <v>33</v>
      </c>
      <c r="BO11" s="281">
        <v>310</v>
      </c>
      <c r="BP11" s="282">
        <v>310</v>
      </c>
      <c r="BQ11" s="276">
        <v>0</v>
      </c>
      <c r="BR11" s="280">
        <v>0</v>
      </c>
      <c r="BS11" s="277">
        <v>0</v>
      </c>
      <c r="BT11" s="279">
        <v>0</v>
      </c>
      <c r="BU11" s="280">
        <v>4</v>
      </c>
      <c r="BV11" s="280">
        <v>9</v>
      </c>
      <c r="BW11" s="280">
        <v>10</v>
      </c>
      <c r="BX11" s="280">
        <v>14</v>
      </c>
      <c r="BY11" s="280">
        <v>5</v>
      </c>
      <c r="BZ11" s="277">
        <v>42</v>
      </c>
      <c r="CA11" s="282">
        <v>42</v>
      </c>
      <c r="CB11" s="276">
        <v>0</v>
      </c>
      <c r="CC11" s="280">
        <v>0</v>
      </c>
      <c r="CD11" s="277">
        <v>0</v>
      </c>
      <c r="CE11" s="279">
        <v>0</v>
      </c>
      <c r="CF11" s="280">
        <v>0</v>
      </c>
      <c r="CG11" s="280">
        <v>1</v>
      </c>
      <c r="CH11" s="280">
        <v>11</v>
      </c>
      <c r="CI11" s="280">
        <v>21</v>
      </c>
      <c r="CJ11" s="280">
        <v>10</v>
      </c>
      <c r="CK11" s="277">
        <v>43</v>
      </c>
      <c r="CL11" s="282">
        <v>43</v>
      </c>
      <c r="CM11" s="276">
        <v>0</v>
      </c>
      <c r="CN11" s="280">
        <v>0</v>
      </c>
      <c r="CO11" s="277">
        <v>0</v>
      </c>
      <c r="CP11" s="279">
        <v>0</v>
      </c>
      <c r="CQ11" s="280">
        <v>13</v>
      </c>
      <c r="CR11" s="280">
        <v>11</v>
      </c>
      <c r="CS11" s="280">
        <v>15</v>
      </c>
      <c r="CT11" s="280">
        <v>12</v>
      </c>
      <c r="CU11" s="280">
        <v>5</v>
      </c>
      <c r="CV11" s="277">
        <v>56</v>
      </c>
      <c r="CW11" s="282">
        <v>56</v>
      </c>
    </row>
    <row r="12" spans="1:101" ht="21" customHeight="1" x14ac:dyDescent="0.2">
      <c r="B12" s="261" t="s">
        <v>9</v>
      </c>
      <c r="C12" s="276">
        <v>0</v>
      </c>
      <c r="D12" s="277">
        <v>0</v>
      </c>
      <c r="E12" s="278">
        <v>0</v>
      </c>
      <c r="F12" s="279">
        <v>0</v>
      </c>
      <c r="G12" s="280">
        <v>0</v>
      </c>
      <c r="H12" s="280">
        <v>6</v>
      </c>
      <c r="I12" s="280">
        <v>4</v>
      </c>
      <c r="J12" s="280">
        <v>10</v>
      </c>
      <c r="K12" s="280">
        <v>6</v>
      </c>
      <c r="L12" s="281">
        <v>26</v>
      </c>
      <c r="M12" s="282">
        <v>26</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53</v>
      </c>
      <c r="AD12" s="280">
        <v>275</v>
      </c>
      <c r="AE12" s="280">
        <v>167</v>
      </c>
      <c r="AF12" s="280">
        <v>89</v>
      </c>
      <c r="AG12" s="280">
        <v>29</v>
      </c>
      <c r="AH12" s="277">
        <v>1013</v>
      </c>
      <c r="AI12" s="282">
        <v>1013</v>
      </c>
      <c r="AJ12" s="276">
        <v>0</v>
      </c>
      <c r="AK12" s="280">
        <v>0</v>
      </c>
      <c r="AL12" s="277">
        <v>0</v>
      </c>
      <c r="AM12" s="279">
        <v>0</v>
      </c>
      <c r="AN12" s="280">
        <v>4</v>
      </c>
      <c r="AO12" s="280">
        <v>6</v>
      </c>
      <c r="AP12" s="280">
        <v>12</v>
      </c>
      <c r="AQ12" s="280">
        <v>4</v>
      </c>
      <c r="AR12" s="280">
        <v>6</v>
      </c>
      <c r="AS12" s="277">
        <v>32</v>
      </c>
      <c r="AT12" s="282">
        <v>32</v>
      </c>
      <c r="AU12" s="276">
        <v>6</v>
      </c>
      <c r="AV12" s="280">
        <v>8</v>
      </c>
      <c r="AW12" s="277">
        <v>14</v>
      </c>
      <c r="AX12" s="279">
        <v>0</v>
      </c>
      <c r="AY12" s="280">
        <v>31</v>
      </c>
      <c r="AZ12" s="280">
        <v>40</v>
      </c>
      <c r="BA12" s="280">
        <v>17</v>
      </c>
      <c r="BB12" s="280">
        <v>21</v>
      </c>
      <c r="BC12" s="280">
        <v>7</v>
      </c>
      <c r="BD12" s="277">
        <v>116</v>
      </c>
      <c r="BE12" s="282">
        <v>130</v>
      </c>
      <c r="BF12" s="276">
        <v>0</v>
      </c>
      <c r="BG12" s="280">
        <v>2</v>
      </c>
      <c r="BH12" s="277">
        <v>2</v>
      </c>
      <c r="BI12" s="279">
        <v>0</v>
      </c>
      <c r="BJ12" s="280">
        <v>36</v>
      </c>
      <c r="BK12" s="280">
        <v>53</v>
      </c>
      <c r="BL12" s="280">
        <v>90</v>
      </c>
      <c r="BM12" s="280">
        <v>51</v>
      </c>
      <c r="BN12" s="280">
        <v>35</v>
      </c>
      <c r="BO12" s="281">
        <v>265</v>
      </c>
      <c r="BP12" s="282">
        <v>267</v>
      </c>
      <c r="BQ12" s="276">
        <v>0</v>
      </c>
      <c r="BR12" s="280">
        <v>0</v>
      </c>
      <c r="BS12" s="277">
        <v>0</v>
      </c>
      <c r="BT12" s="279">
        <v>0</v>
      </c>
      <c r="BU12" s="280">
        <v>3</v>
      </c>
      <c r="BV12" s="280">
        <v>4</v>
      </c>
      <c r="BW12" s="280">
        <v>4</v>
      </c>
      <c r="BX12" s="280">
        <v>7</v>
      </c>
      <c r="BY12" s="280">
        <v>5</v>
      </c>
      <c r="BZ12" s="277">
        <v>23</v>
      </c>
      <c r="CA12" s="282">
        <v>23</v>
      </c>
      <c r="CB12" s="276">
        <v>0</v>
      </c>
      <c r="CC12" s="280">
        <v>0</v>
      </c>
      <c r="CD12" s="277">
        <v>0</v>
      </c>
      <c r="CE12" s="279">
        <v>0</v>
      </c>
      <c r="CF12" s="280">
        <v>0</v>
      </c>
      <c r="CG12" s="280">
        <v>0</v>
      </c>
      <c r="CH12" s="280">
        <v>0</v>
      </c>
      <c r="CI12" s="280">
        <v>1</v>
      </c>
      <c r="CJ12" s="280">
        <v>0</v>
      </c>
      <c r="CK12" s="277">
        <v>1</v>
      </c>
      <c r="CL12" s="282">
        <v>1</v>
      </c>
      <c r="CM12" s="276">
        <v>0</v>
      </c>
      <c r="CN12" s="280">
        <v>0</v>
      </c>
      <c r="CO12" s="277">
        <v>0</v>
      </c>
      <c r="CP12" s="279">
        <v>0</v>
      </c>
      <c r="CQ12" s="280">
        <v>6</v>
      </c>
      <c r="CR12" s="280">
        <v>4</v>
      </c>
      <c r="CS12" s="280">
        <v>11</v>
      </c>
      <c r="CT12" s="280">
        <v>8</v>
      </c>
      <c r="CU12" s="280">
        <v>15</v>
      </c>
      <c r="CV12" s="277">
        <v>44</v>
      </c>
      <c r="CW12" s="282">
        <v>44</v>
      </c>
    </row>
    <row r="13" spans="1:101" ht="21" customHeight="1" x14ac:dyDescent="0.2">
      <c r="B13" s="261" t="s">
        <v>10</v>
      </c>
      <c r="C13" s="276">
        <v>0</v>
      </c>
      <c r="D13" s="277">
        <v>0</v>
      </c>
      <c r="E13" s="278">
        <v>0</v>
      </c>
      <c r="F13" s="279">
        <v>0</v>
      </c>
      <c r="G13" s="280">
        <v>21</v>
      </c>
      <c r="H13" s="280">
        <v>14</v>
      </c>
      <c r="I13" s="280">
        <v>14</v>
      </c>
      <c r="J13" s="280">
        <v>14</v>
      </c>
      <c r="K13" s="280">
        <v>13</v>
      </c>
      <c r="L13" s="281">
        <v>76</v>
      </c>
      <c r="M13" s="282">
        <v>76</v>
      </c>
      <c r="N13" s="276">
        <v>0</v>
      </c>
      <c r="O13" s="280">
        <v>0</v>
      </c>
      <c r="P13" s="277">
        <v>0</v>
      </c>
      <c r="Q13" s="279">
        <v>0</v>
      </c>
      <c r="R13" s="280">
        <v>9</v>
      </c>
      <c r="S13" s="280">
        <v>10</v>
      </c>
      <c r="T13" s="280">
        <v>9</v>
      </c>
      <c r="U13" s="280">
        <v>9</v>
      </c>
      <c r="V13" s="280">
        <v>7</v>
      </c>
      <c r="W13" s="277">
        <v>44</v>
      </c>
      <c r="X13" s="282">
        <v>44</v>
      </c>
      <c r="Y13" s="276">
        <v>0</v>
      </c>
      <c r="Z13" s="280">
        <v>0</v>
      </c>
      <c r="AA13" s="277">
        <v>0</v>
      </c>
      <c r="AB13" s="279">
        <v>0</v>
      </c>
      <c r="AC13" s="280">
        <v>548</v>
      </c>
      <c r="AD13" s="280">
        <v>265</v>
      </c>
      <c r="AE13" s="280">
        <v>128</v>
      </c>
      <c r="AF13" s="280">
        <v>67</v>
      </c>
      <c r="AG13" s="280">
        <v>23</v>
      </c>
      <c r="AH13" s="277">
        <v>1031</v>
      </c>
      <c r="AI13" s="282">
        <v>1031</v>
      </c>
      <c r="AJ13" s="276">
        <v>0</v>
      </c>
      <c r="AK13" s="280">
        <v>1</v>
      </c>
      <c r="AL13" s="277">
        <v>1</v>
      </c>
      <c r="AM13" s="279">
        <v>0</v>
      </c>
      <c r="AN13" s="280">
        <v>13</v>
      </c>
      <c r="AO13" s="280">
        <v>12</v>
      </c>
      <c r="AP13" s="280">
        <v>24</v>
      </c>
      <c r="AQ13" s="280">
        <v>10</v>
      </c>
      <c r="AR13" s="280">
        <v>12</v>
      </c>
      <c r="AS13" s="277">
        <v>71</v>
      </c>
      <c r="AT13" s="282">
        <v>72</v>
      </c>
      <c r="AU13" s="276">
        <v>10</v>
      </c>
      <c r="AV13" s="280">
        <v>21</v>
      </c>
      <c r="AW13" s="277">
        <v>31</v>
      </c>
      <c r="AX13" s="279">
        <v>0</v>
      </c>
      <c r="AY13" s="280">
        <v>86</v>
      </c>
      <c r="AZ13" s="280">
        <v>73</v>
      </c>
      <c r="BA13" s="280">
        <v>69</v>
      </c>
      <c r="BB13" s="280">
        <v>52</v>
      </c>
      <c r="BC13" s="280">
        <v>41</v>
      </c>
      <c r="BD13" s="277">
        <v>321</v>
      </c>
      <c r="BE13" s="282">
        <v>352</v>
      </c>
      <c r="BF13" s="276">
        <v>0</v>
      </c>
      <c r="BG13" s="280">
        <v>2</v>
      </c>
      <c r="BH13" s="277">
        <v>2</v>
      </c>
      <c r="BI13" s="279">
        <v>0</v>
      </c>
      <c r="BJ13" s="280">
        <v>94</v>
      </c>
      <c r="BK13" s="280">
        <v>119</v>
      </c>
      <c r="BL13" s="280">
        <v>120</v>
      </c>
      <c r="BM13" s="280">
        <v>90</v>
      </c>
      <c r="BN13" s="280">
        <v>87</v>
      </c>
      <c r="BO13" s="281">
        <v>510</v>
      </c>
      <c r="BP13" s="282">
        <v>512</v>
      </c>
      <c r="BQ13" s="276">
        <v>0</v>
      </c>
      <c r="BR13" s="280">
        <v>0</v>
      </c>
      <c r="BS13" s="277">
        <v>0</v>
      </c>
      <c r="BT13" s="279">
        <v>0</v>
      </c>
      <c r="BU13" s="280">
        <v>31</v>
      </c>
      <c r="BV13" s="280">
        <v>21</v>
      </c>
      <c r="BW13" s="280">
        <v>40</v>
      </c>
      <c r="BX13" s="280">
        <v>30</v>
      </c>
      <c r="BY13" s="280">
        <v>30</v>
      </c>
      <c r="BZ13" s="277">
        <v>152</v>
      </c>
      <c r="CA13" s="282">
        <v>152</v>
      </c>
      <c r="CB13" s="276">
        <v>0</v>
      </c>
      <c r="CC13" s="280">
        <v>0</v>
      </c>
      <c r="CD13" s="277">
        <v>0</v>
      </c>
      <c r="CE13" s="279">
        <v>0</v>
      </c>
      <c r="CF13" s="280">
        <v>0</v>
      </c>
      <c r="CG13" s="280">
        <v>1</v>
      </c>
      <c r="CH13" s="280">
        <v>3</v>
      </c>
      <c r="CI13" s="280">
        <v>22</v>
      </c>
      <c r="CJ13" s="280">
        <v>17</v>
      </c>
      <c r="CK13" s="277">
        <v>43</v>
      </c>
      <c r="CL13" s="282">
        <v>43</v>
      </c>
      <c r="CM13" s="276">
        <v>0</v>
      </c>
      <c r="CN13" s="280">
        <v>0</v>
      </c>
      <c r="CO13" s="277">
        <v>0</v>
      </c>
      <c r="CP13" s="279">
        <v>0</v>
      </c>
      <c r="CQ13" s="280">
        <v>23</v>
      </c>
      <c r="CR13" s="280">
        <v>31</v>
      </c>
      <c r="CS13" s="280">
        <v>35</v>
      </c>
      <c r="CT13" s="280">
        <v>43</v>
      </c>
      <c r="CU13" s="280">
        <v>32</v>
      </c>
      <c r="CV13" s="277">
        <v>164</v>
      </c>
      <c r="CW13" s="282">
        <v>164</v>
      </c>
    </row>
    <row r="14" spans="1:101" ht="21" customHeight="1" x14ac:dyDescent="0.2">
      <c r="B14" s="261" t="s">
        <v>11</v>
      </c>
      <c r="C14" s="276">
        <v>0</v>
      </c>
      <c r="D14" s="277">
        <v>0</v>
      </c>
      <c r="E14" s="278">
        <v>0</v>
      </c>
      <c r="F14" s="279">
        <v>0</v>
      </c>
      <c r="G14" s="280">
        <v>10</v>
      </c>
      <c r="H14" s="280">
        <v>10</v>
      </c>
      <c r="I14" s="280">
        <v>5</v>
      </c>
      <c r="J14" s="280">
        <v>5</v>
      </c>
      <c r="K14" s="280">
        <v>7</v>
      </c>
      <c r="L14" s="281">
        <v>37</v>
      </c>
      <c r="M14" s="282">
        <v>37</v>
      </c>
      <c r="N14" s="276">
        <v>0</v>
      </c>
      <c r="O14" s="280">
        <v>0</v>
      </c>
      <c r="P14" s="277">
        <v>0</v>
      </c>
      <c r="Q14" s="279">
        <v>0</v>
      </c>
      <c r="R14" s="280">
        <v>12</v>
      </c>
      <c r="S14" s="280">
        <v>14</v>
      </c>
      <c r="T14" s="280">
        <v>12</v>
      </c>
      <c r="U14" s="280">
        <v>13</v>
      </c>
      <c r="V14" s="280">
        <v>4</v>
      </c>
      <c r="W14" s="277">
        <v>55</v>
      </c>
      <c r="X14" s="282">
        <v>55</v>
      </c>
      <c r="Y14" s="276">
        <v>0</v>
      </c>
      <c r="Z14" s="280">
        <v>0</v>
      </c>
      <c r="AA14" s="277">
        <v>0</v>
      </c>
      <c r="AB14" s="279">
        <v>0</v>
      </c>
      <c r="AC14" s="280">
        <v>511</v>
      </c>
      <c r="AD14" s="280">
        <v>284</v>
      </c>
      <c r="AE14" s="280">
        <v>145</v>
      </c>
      <c r="AF14" s="280">
        <v>64</v>
      </c>
      <c r="AG14" s="280">
        <v>28</v>
      </c>
      <c r="AH14" s="277">
        <v>1032</v>
      </c>
      <c r="AI14" s="282">
        <v>1032</v>
      </c>
      <c r="AJ14" s="276">
        <v>0</v>
      </c>
      <c r="AK14" s="280">
        <v>1</v>
      </c>
      <c r="AL14" s="277">
        <v>1</v>
      </c>
      <c r="AM14" s="279">
        <v>0</v>
      </c>
      <c r="AN14" s="280">
        <v>15</v>
      </c>
      <c r="AO14" s="280">
        <v>17</v>
      </c>
      <c r="AP14" s="280">
        <v>16</v>
      </c>
      <c r="AQ14" s="280">
        <v>2</v>
      </c>
      <c r="AR14" s="280">
        <v>1</v>
      </c>
      <c r="AS14" s="277">
        <v>51</v>
      </c>
      <c r="AT14" s="282">
        <v>52</v>
      </c>
      <c r="AU14" s="276">
        <v>0</v>
      </c>
      <c r="AV14" s="280">
        <v>6</v>
      </c>
      <c r="AW14" s="277">
        <v>6</v>
      </c>
      <c r="AX14" s="279">
        <v>0</v>
      </c>
      <c r="AY14" s="280">
        <v>37</v>
      </c>
      <c r="AZ14" s="280">
        <v>32</v>
      </c>
      <c r="BA14" s="280">
        <v>34</v>
      </c>
      <c r="BB14" s="280">
        <v>21</v>
      </c>
      <c r="BC14" s="280">
        <v>5</v>
      </c>
      <c r="BD14" s="277">
        <v>129</v>
      </c>
      <c r="BE14" s="282">
        <v>135</v>
      </c>
      <c r="BF14" s="276">
        <v>0</v>
      </c>
      <c r="BG14" s="280">
        <v>4</v>
      </c>
      <c r="BH14" s="277">
        <v>4</v>
      </c>
      <c r="BI14" s="279">
        <v>0</v>
      </c>
      <c r="BJ14" s="280">
        <v>49</v>
      </c>
      <c r="BK14" s="280">
        <v>71</v>
      </c>
      <c r="BL14" s="280">
        <v>82</v>
      </c>
      <c r="BM14" s="280">
        <v>53</v>
      </c>
      <c r="BN14" s="280">
        <v>22</v>
      </c>
      <c r="BO14" s="281">
        <v>277</v>
      </c>
      <c r="BP14" s="282">
        <v>281</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1</v>
      </c>
      <c r="CH14" s="280">
        <v>0</v>
      </c>
      <c r="CI14" s="280">
        <v>0</v>
      </c>
      <c r="CJ14" s="280">
        <v>0</v>
      </c>
      <c r="CK14" s="277">
        <v>1</v>
      </c>
      <c r="CL14" s="282">
        <v>1</v>
      </c>
      <c r="CM14" s="276">
        <v>0</v>
      </c>
      <c r="CN14" s="280">
        <v>0</v>
      </c>
      <c r="CO14" s="277">
        <v>0</v>
      </c>
      <c r="CP14" s="279">
        <v>0</v>
      </c>
      <c r="CQ14" s="280">
        <v>7</v>
      </c>
      <c r="CR14" s="280">
        <v>5</v>
      </c>
      <c r="CS14" s="280">
        <v>4</v>
      </c>
      <c r="CT14" s="280">
        <v>8</v>
      </c>
      <c r="CU14" s="280">
        <v>2</v>
      </c>
      <c r="CV14" s="277">
        <v>26</v>
      </c>
      <c r="CW14" s="282">
        <v>26</v>
      </c>
    </row>
    <row r="15" spans="1:101" ht="21" customHeight="1" x14ac:dyDescent="0.2">
      <c r="B15" s="261" t="s">
        <v>12</v>
      </c>
      <c r="C15" s="276">
        <v>0</v>
      </c>
      <c r="D15" s="277">
        <v>0</v>
      </c>
      <c r="E15" s="278">
        <v>0</v>
      </c>
      <c r="F15" s="279">
        <v>0</v>
      </c>
      <c r="G15" s="280">
        <v>7</v>
      </c>
      <c r="H15" s="280">
        <v>6</v>
      </c>
      <c r="I15" s="280">
        <v>4</v>
      </c>
      <c r="J15" s="280">
        <v>3</v>
      </c>
      <c r="K15" s="280">
        <v>7</v>
      </c>
      <c r="L15" s="281">
        <v>27</v>
      </c>
      <c r="M15" s="282">
        <v>27</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76</v>
      </c>
      <c r="AD15" s="280">
        <v>247</v>
      </c>
      <c r="AE15" s="280">
        <v>151</v>
      </c>
      <c r="AF15" s="280">
        <v>79</v>
      </c>
      <c r="AG15" s="280">
        <v>27</v>
      </c>
      <c r="AH15" s="277">
        <v>880</v>
      </c>
      <c r="AI15" s="282">
        <v>880</v>
      </c>
      <c r="AJ15" s="276">
        <v>0</v>
      </c>
      <c r="AK15" s="280">
        <v>0</v>
      </c>
      <c r="AL15" s="277">
        <v>0</v>
      </c>
      <c r="AM15" s="279">
        <v>0</v>
      </c>
      <c r="AN15" s="280">
        <v>3</v>
      </c>
      <c r="AO15" s="280">
        <v>3</v>
      </c>
      <c r="AP15" s="280">
        <v>1</v>
      </c>
      <c r="AQ15" s="280">
        <v>1</v>
      </c>
      <c r="AR15" s="280">
        <v>1</v>
      </c>
      <c r="AS15" s="277">
        <v>9</v>
      </c>
      <c r="AT15" s="282">
        <v>9</v>
      </c>
      <c r="AU15" s="276">
        <v>0</v>
      </c>
      <c r="AV15" s="280">
        <v>1</v>
      </c>
      <c r="AW15" s="277">
        <v>1</v>
      </c>
      <c r="AX15" s="279">
        <v>0</v>
      </c>
      <c r="AY15" s="280">
        <v>18</v>
      </c>
      <c r="AZ15" s="280">
        <v>35</v>
      </c>
      <c r="BA15" s="280">
        <v>43</v>
      </c>
      <c r="BB15" s="280">
        <v>44</v>
      </c>
      <c r="BC15" s="280">
        <v>23</v>
      </c>
      <c r="BD15" s="277">
        <v>163</v>
      </c>
      <c r="BE15" s="282">
        <v>164</v>
      </c>
      <c r="BF15" s="276">
        <v>0</v>
      </c>
      <c r="BG15" s="280">
        <v>0</v>
      </c>
      <c r="BH15" s="277">
        <v>0</v>
      </c>
      <c r="BI15" s="279">
        <v>0</v>
      </c>
      <c r="BJ15" s="280">
        <v>36</v>
      </c>
      <c r="BK15" s="280">
        <v>53</v>
      </c>
      <c r="BL15" s="280">
        <v>40</v>
      </c>
      <c r="BM15" s="280">
        <v>35</v>
      </c>
      <c r="BN15" s="280">
        <v>37</v>
      </c>
      <c r="BO15" s="281">
        <v>201</v>
      </c>
      <c r="BP15" s="282">
        <v>201</v>
      </c>
      <c r="BQ15" s="276">
        <v>0</v>
      </c>
      <c r="BR15" s="280">
        <v>0</v>
      </c>
      <c r="BS15" s="277">
        <v>0</v>
      </c>
      <c r="BT15" s="279">
        <v>0</v>
      </c>
      <c r="BU15" s="280">
        <v>1</v>
      </c>
      <c r="BV15" s="280">
        <v>6</v>
      </c>
      <c r="BW15" s="280">
        <v>6</v>
      </c>
      <c r="BX15" s="280">
        <v>10</v>
      </c>
      <c r="BY15" s="280">
        <v>4</v>
      </c>
      <c r="BZ15" s="277">
        <v>27</v>
      </c>
      <c r="CA15" s="282">
        <v>27</v>
      </c>
      <c r="CB15" s="276">
        <v>0</v>
      </c>
      <c r="CC15" s="280">
        <v>0</v>
      </c>
      <c r="CD15" s="277">
        <v>0</v>
      </c>
      <c r="CE15" s="279">
        <v>0</v>
      </c>
      <c r="CF15" s="280">
        <v>0</v>
      </c>
      <c r="CG15" s="280">
        <v>1</v>
      </c>
      <c r="CH15" s="280">
        <v>10</v>
      </c>
      <c r="CI15" s="280">
        <v>11</v>
      </c>
      <c r="CJ15" s="280">
        <v>7</v>
      </c>
      <c r="CK15" s="277">
        <v>29</v>
      </c>
      <c r="CL15" s="282">
        <v>29</v>
      </c>
      <c r="CM15" s="276">
        <v>0</v>
      </c>
      <c r="CN15" s="280">
        <v>0</v>
      </c>
      <c r="CO15" s="277">
        <v>0</v>
      </c>
      <c r="CP15" s="279">
        <v>0</v>
      </c>
      <c r="CQ15" s="280">
        <v>6</v>
      </c>
      <c r="CR15" s="280">
        <v>15</v>
      </c>
      <c r="CS15" s="280">
        <v>19</v>
      </c>
      <c r="CT15" s="280">
        <v>23</v>
      </c>
      <c r="CU15" s="280">
        <v>16</v>
      </c>
      <c r="CV15" s="277">
        <v>79</v>
      </c>
      <c r="CW15" s="282">
        <v>79</v>
      </c>
    </row>
    <row r="16" spans="1:101" ht="21" customHeight="1" x14ac:dyDescent="0.2">
      <c r="B16" s="261" t="s">
        <v>13</v>
      </c>
      <c r="C16" s="276">
        <v>0</v>
      </c>
      <c r="D16" s="277">
        <v>0</v>
      </c>
      <c r="E16" s="278">
        <v>0</v>
      </c>
      <c r="F16" s="279">
        <v>0</v>
      </c>
      <c r="G16" s="280">
        <v>1</v>
      </c>
      <c r="H16" s="280">
        <v>1</v>
      </c>
      <c r="I16" s="280">
        <v>2</v>
      </c>
      <c r="J16" s="280">
        <v>1</v>
      </c>
      <c r="K16" s="280">
        <v>1</v>
      </c>
      <c r="L16" s="281">
        <v>6</v>
      </c>
      <c r="M16" s="282">
        <v>6</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48</v>
      </c>
      <c r="AD16" s="280">
        <v>127</v>
      </c>
      <c r="AE16" s="280">
        <v>69</v>
      </c>
      <c r="AF16" s="280">
        <v>41</v>
      </c>
      <c r="AG16" s="280">
        <v>13</v>
      </c>
      <c r="AH16" s="277">
        <v>398</v>
      </c>
      <c r="AI16" s="282">
        <v>398</v>
      </c>
      <c r="AJ16" s="276">
        <v>0</v>
      </c>
      <c r="AK16" s="280">
        <v>0</v>
      </c>
      <c r="AL16" s="277">
        <v>0</v>
      </c>
      <c r="AM16" s="279">
        <v>0</v>
      </c>
      <c r="AN16" s="280">
        <v>1</v>
      </c>
      <c r="AO16" s="280">
        <v>9</v>
      </c>
      <c r="AP16" s="280">
        <v>5</v>
      </c>
      <c r="AQ16" s="280">
        <v>7</v>
      </c>
      <c r="AR16" s="280">
        <v>2</v>
      </c>
      <c r="AS16" s="277">
        <v>24</v>
      </c>
      <c r="AT16" s="282">
        <v>24</v>
      </c>
      <c r="AU16" s="276">
        <v>1</v>
      </c>
      <c r="AV16" s="280">
        <v>3</v>
      </c>
      <c r="AW16" s="277">
        <v>4</v>
      </c>
      <c r="AX16" s="279">
        <v>0</v>
      </c>
      <c r="AY16" s="280">
        <v>11</v>
      </c>
      <c r="AZ16" s="280">
        <v>8</v>
      </c>
      <c r="BA16" s="280">
        <v>7</v>
      </c>
      <c r="BB16" s="280">
        <v>2</v>
      </c>
      <c r="BC16" s="280">
        <v>0</v>
      </c>
      <c r="BD16" s="277">
        <v>28</v>
      </c>
      <c r="BE16" s="282">
        <v>32</v>
      </c>
      <c r="BF16" s="276">
        <v>0</v>
      </c>
      <c r="BG16" s="280">
        <v>0</v>
      </c>
      <c r="BH16" s="277">
        <v>0</v>
      </c>
      <c r="BI16" s="279">
        <v>0</v>
      </c>
      <c r="BJ16" s="280">
        <v>11</v>
      </c>
      <c r="BK16" s="280">
        <v>15</v>
      </c>
      <c r="BL16" s="280">
        <v>27</v>
      </c>
      <c r="BM16" s="280">
        <v>13</v>
      </c>
      <c r="BN16" s="280">
        <v>12</v>
      </c>
      <c r="BO16" s="281">
        <v>78</v>
      </c>
      <c r="BP16" s="282">
        <v>78</v>
      </c>
      <c r="BQ16" s="276">
        <v>0</v>
      </c>
      <c r="BR16" s="280">
        <v>0</v>
      </c>
      <c r="BS16" s="277">
        <v>0</v>
      </c>
      <c r="BT16" s="279">
        <v>0</v>
      </c>
      <c r="BU16" s="280">
        <v>0</v>
      </c>
      <c r="BV16" s="280">
        <v>0</v>
      </c>
      <c r="BW16" s="280">
        <v>1</v>
      </c>
      <c r="BX16" s="280">
        <v>5</v>
      </c>
      <c r="BY16" s="280">
        <v>3</v>
      </c>
      <c r="BZ16" s="277">
        <v>9</v>
      </c>
      <c r="CA16" s="282">
        <v>9</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3</v>
      </c>
      <c r="H17" s="280">
        <v>1</v>
      </c>
      <c r="I17" s="280">
        <v>5</v>
      </c>
      <c r="J17" s="280">
        <v>5</v>
      </c>
      <c r="K17" s="280">
        <v>4</v>
      </c>
      <c r="L17" s="281">
        <v>18</v>
      </c>
      <c r="M17" s="282">
        <v>18</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159</v>
      </c>
      <c r="AD17" s="280">
        <v>190</v>
      </c>
      <c r="AE17" s="280">
        <v>83</v>
      </c>
      <c r="AF17" s="280">
        <v>45</v>
      </c>
      <c r="AG17" s="280">
        <v>16</v>
      </c>
      <c r="AH17" s="277">
        <v>493</v>
      </c>
      <c r="AI17" s="282">
        <v>493</v>
      </c>
      <c r="AJ17" s="276">
        <v>0</v>
      </c>
      <c r="AK17" s="280">
        <v>0</v>
      </c>
      <c r="AL17" s="277">
        <v>0</v>
      </c>
      <c r="AM17" s="279">
        <v>0</v>
      </c>
      <c r="AN17" s="280">
        <v>3</v>
      </c>
      <c r="AO17" s="280">
        <v>4</v>
      </c>
      <c r="AP17" s="280">
        <v>4</v>
      </c>
      <c r="AQ17" s="280">
        <v>2</v>
      </c>
      <c r="AR17" s="280">
        <v>3</v>
      </c>
      <c r="AS17" s="277">
        <v>16</v>
      </c>
      <c r="AT17" s="282">
        <v>16</v>
      </c>
      <c r="AU17" s="276">
        <v>4</v>
      </c>
      <c r="AV17" s="280">
        <v>13</v>
      </c>
      <c r="AW17" s="277">
        <v>17</v>
      </c>
      <c r="AX17" s="279">
        <v>0</v>
      </c>
      <c r="AY17" s="280">
        <v>21</v>
      </c>
      <c r="AZ17" s="280">
        <v>18</v>
      </c>
      <c r="BA17" s="280">
        <v>9</v>
      </c>
      <c r="BB17" s="280">
        <v>7</v>
      </c>
      <c r="BC17" s="280">
        <v>4</v>
      </c>
      <c r="BD17" s="277">
        <v>59</v>
      </c>
      <c r="BE17" s="282">
        <v>76</v>
      </c>
      <c r="BF17" s="276">
        <v>0</v>
      </c>
      <c r="BG17" s="280">
        <v>4</v>
      </c>
      <c r="BH17" s="277">
        <v>4</v>
      </c>
      <c r="BI17" s="279">
        <v>0</v>
      </c>
      <c r="BJ17" s="280">
        <v>36</v>
      </c>
      <c r="BK17" s="280">
        <v>34</v>
      </c>
      <c r="BL17" s="280">
        <v>42</v>
      </c>
      <c r="BM17" s="280">
        <v>22</v>
      </c>
      <c r="BN17" s="280">
        <v>14</v>
      </c>
      <c r="BO17" s="281">
        <v>148</v>
      </c>
      <c r="BP17" s="282">
        <v>152</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7</v>
      </c>
      <c r="CI17" s="280">
        <v>13</v>
      </c>
      <c r="CJ17" s="280">
        <v>10</v>
      </c>
      <c r="CK17" s="277">
        <v>30</v>
      </c>
      <c r="CL17" s="282">
        <v>3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10</v>
      </c>
      <c r="H18" s="280">
        <v>13</v>
      </c>
      <c r="I18" s="280">
        <v>18</v>
      </c>
      <c r="J18" s="280">
        <v>8</v>
      </c>
      <c r="K18" s="280">
        <v>6</v>
      </c>
      <c r="L18" s="281">
        <v>55</v>
      </c>
      <c r="M18" s="282">
        <v>55</v>
      </c>
      <c r="N18" s="276">
        <v>0</v>
      </c>
      <c r="O18" s="280">
        <v>0</v>
      </c>
      <c r="P18" s="277">
        <v>0</v>
      </c>
      <c r="Q18" s="279">
        <v>0</v>
      </c>
      <c r="R18" s="280">
        <v>1</v>
      </c>
      <c r="S18" s="280">
        <v>1</v>
      </c>
      <c r="T18" s="280">
        <v>3</v>
      </c>
      <c r="U18" s="280">
        <v>3</v>
      </c>
      <c r="V18" s="280">
        <v>2</v>
      </c>
      <c r="W18" s="277">
        <v>10</v>
      </c>
      <c r="X18" s="282">
        <v>10</v>
      </c>
      <c r="Y18" s="276">
        <v>0</v>
      </c>
      <c r="Z18" s="280">
        <v>0</v>
      </c>
      <c r="AA18" s="277">
        <v>0</v>
      </c>
      <c r="AB18" s="279">
        <v>0</v>
      </c>
      <c r="AC18" s="280">
        <v>166</v>
      </c>
      <c r="AD18" s="280">
        <v>166</v>
      </c>
      <c r="AE18" s="280">
        <v>92</v>
      </c>
      <c r="AF18" s="280">
        <v>44</v>
      </c>
      <c r="AG18" s="280">
        <v>16</v>
      </c>
      <c r="AH18" s="277">
        <v>484</v>
      </c>
      <c r="AI18" s="282">
        <v>484</v>
      </c>
      <c r="AJ18" s="276">
        <v>0</v>
      </c>
      <c r="AK18" s="280">
        <v>0</v>
      </c>
      <c r="AL18" s="277">
        <v>0</v>
      </c>
      <c r="AM18" s="279">
        <v>0</v>
      </c>
      <c r="AN18" s="280">
        <v>2</v>
      </c>
      <c r="AO18" s="280">
        <v>10</v>
      </c>
      <c r="AP18" s="280">
        <v>7</v>
      </c>
      <c r="AQ18" s="280">
        <v>3</v>
      </c>
      <c r="AR18" s="280">
        <v>4</v>
      </c>
      <c r="AS18" s="277">
        <v>26</v>
      </c>
      <c r="AT18" s="282">
        <v>26</v>
      </c>
      <c r="AU18" s="276">
        <v>1</v>
      </c>
      <c r="AV18" s="280">
        <v>1</v>
      </c>
      <c r="AW18" s="277">
        <v>2</v>
      </c>
      <c r="AX18" s="279">
        <v>0</v>
      </c>
      <c r="AY18" s="280">
        <v>11</v>
      </c>
      <c r="AZ18" s="280">
        <v>24</v>
      </c>
      <c r="BA18" s="280">
        <v>13</v>
      </c>
      <c r="BB18" s="280">
        <v>19</v>
      </c>
      <c r="BC18" s="280">
        <v>5</v>
      </c>
      <c r="BD18" s="277">
        <v>72</v>
      </c>
      <c r="BE18" s="282">
        <v>74</v>
      </c>
      <c r="BF18" s="276">
        <v>0</v>
      </c>
      <c r="BG18" s="280">
        <v>0</v>
      </c>
      <c r="BH18" s="277">
        <v>0</v>
      </c>
      <c r="BI18" s="279">
        <v>0</v>
      </c>
      <c r="BJ18" s="280">
        <v>17</v>
      </c>
      <c r="BK18" s="280">
        <v>39</v>
      </c>
      <c r="BL18" s="280">
        <v>61</v>
      </c>
      <c r="BM18" s="280">
        <v>33</v>
      </c>
      <c r="BN18" s="280">
        <v>37</v>
      </c>
      <c r="BO18" s="281">
        <v>187</v>
      </c>
      <c r="BP18" s="282">
        <v>187</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3</v>
      </c>
      <c r="CH18" s="280">
        <v>10</v>
      </c>
      <c r="CI18" s="280">
        <v>7</v>
      </c>
      <c r="CJ18" s="280">
        <v>10</v>
      </c>
      <c r="CK18" s="277">
        <v>30</v>
      </c>
      <c r="CL18" s="282">
        <v>30</v>
      </c>
      <c r="CM18" s="276">
        <v>0</v>
      </c>
      <c r="CN18" s="280">
        <v>0</v>
      </c>
      <c r="CO18" s="277">
        <v>0</v>
      </c>
      <c r="CP18" s="279">
        <v>0</v>
      </c>
      <c r="CQ18" s="280">
        <v>1</v>
      </c>
      <c r="CR18" s="280">
        <v>7</v>
      </c>
      <c r="CS18" s="280">
        <v>5</v>
      </c>
      <c r="CT18" s="280">
        <v>2</v>
      </c>
      <c r="CU18" s="280">
        <v>5</v>
      </c>
      <c r="CV18" s="277">
        <v>20</v>
      </c>
      <c r="CW18" s="282">
        <v>20</v>
      </c>
    </row>
    <row r="19" spans="2:101" ht="21" customHeight="1" x14ac:dyDescent="0.2">
      <c r="B19" s="261" t="s">
        <v>17</v>
      </c>
      <c r="C19" s="276">
        <v>0</v>
      </c>
      <c r="D19" s="277">
        <v>0</v>
      </c>
      <c r="E19" s="278">
        <v>0</v>
      </c>
      <c r="F19" s="279">
        <v>0</v>
      </c>
      <c r="G19" s="280">
        <v>3</v>
      </c>
      <c r="H19" s="280">
        <v>4</v>
      </c>
      <c r="I19" s="280">
        <v>4</v>
      </c>
      <c r="J19" s="280">
        <v>4</v>
      </c>
      <c r="K19" s="280">
        <v>1</v>
      </c>
      <c r="L19" s="281">
        <v>16</v>
      </c>
      <c r="M19" s="282">
        <v>16</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48</v>
      </c>
      <c r="AD19" s="280">
        <v>313</v>
      </c>
      <c r="AE19" s="280">
        <v>136</v>
      </c>
      <c r="AF19" s="280">
        <v>96</v>
      </c>
      <c r="AG19" s="280">
        <v>52</v>
      </c>
      <c r="AH19" s="277">
        <v>845</v>
      </c>
      <c r="AI19" s="282">
        <v>845</v>
      </c>
      <c r="AJ19" s="276">
        <v>1</v>
      </c>
      <c r="AK19" s="280">
        <v>2</v>
      </c>
      <c r="AL19" s="277">
        <v>3</v>
      </c>
      <c r="AM19" s="279">
        <v>0</v>
      </c>
      <c r="AN19" s="280">
        <v>18</v>
      </c>
      <c r="AO19" s="280">
        <v>19</v>
      </c>
      <c r="AP19" s="280">
        <v>15</v>
      </c>
      <c r="AQ19" s="280">
        <v>16</v>
      </c>
      <c r="AR19" s="280">
        <v>5</v>
      </c>
      <c r="AS19" s="277">
        <v>73</v>
      </c>
      <c r="AT19" s="282">
        <v>76</v>
      </c>
      <c r="AU19" s="276">
        <v>0</v>
      </c>
      <c r="AV19" s="280">
        <v>1</v>
      </c>
      <c r="AW19" s="277">
        <v>1</v>
      </c>
      <c r="AX19" s="279">
        <v>0</v>
      </c>
      <c r="AY19" s="280">
        <v>20</v>
      </c>
      <c r="AZ19" s="280">
        <v>25</v>
      </c>
      <c r="BA19" s="280">
        <v>33</v>
      </c>
      <c r="BB19" s="280">
        <v>23</v>
      </c>
      <c r="BC19" s="280">
        <v>12</v>
      </c>
      <c r="BD19" s="277">
        <v>113</v>
      </c>
      <c r="BE19" s="282">
        <v>114</v>
      </c>
      <c r="BF19" s="276">
        <v>0</v>
      </c>
      <c r="BG19" s="280">
        <v>0</v>
      </c>
      <c r="BH19" s="277">
        <v>0</v>
      </c>
      <c r="BI19" s="279">
        <v>0</v>
      </c>
      <c r="BJ19" s="280">
        <v>46</v>
      </c>
      <c r="BK19" s="280">
        <v>61</v>
      </c>
      <c r="BL19" s="280">
        <v>64</v>
      </c>
      <c r="BM19" s="280">
        <v>50</v>
      </c>
      <c r="BN19" s="280">
        <v>23</v>
      </c>
      <c r="BO19" s="281">
        <v>244</v>
      </c>
      <c r="BP19" s="282">
        <v>244</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2</v>
      </c>
      <c r="CH19" s="280">
        <v>26</v>
      </c>
      <c r="CI19" s="280">
        <v>35</v>
      </c>
      <c r="CJ19" s="280">
        <v>41</v>
      </c>
      <c r="CK19" s="277">
        <v>104</v>
      </c>
      <c r="CL19" s="282">
        <v>104</v>
      </c>
      <c r="CM19" s="276">
        <v>0</v>
      </c>
      <c r="CN19" s="280">
        <v>0</v>
      </c>
      <c r="CO19" s="277">
        <v>0</v>
      </c>
      <c r="CP19" s="279">
        <v>0</v>
      </c>
      <c r="CQ19" s="280">
        <v>1</v>
      </c>
      <c r="CR19" s="280">
        <v>3</v>
      </c>
      <c r="CS19" s="280">
        <v>2</v>
      </c>
      <c r="CT19" s="280">
        <v>5</v>
      </c>
      <c r="CU19" s="280">
        <v>8</v>
      </c>
      <c r="CV19" s="277">
        <v>19</v>
      </c>
      <c r="CW19" s="282">
        <v>19</v>
      </c>
    </row>
    <row r="20" spans="2:101" ht="21" customHeight="1" x14ac:dyDescent="0.2">
      <c r="B20" s="261" t="s">
        <v>18</v>
      </c>
      <c r="C20" s="276">
        <v>0</v>
      </c>
      <c r="D20" s="277">
        <v>0</v>
      </c>
      <c r="E20" s="278">
        <v>0</v>
      </c>
      <c r="F20" s="279">
        <v>0</v>
      </c>
      <c r="G20" s="280">
        <v>2</v>
      </c>
      <c r="H20" s="280">
        <v>4</v>
      </c>
      <c r="I20" s="280">
        <v>1</v>
      </c>
      <c r="J20" s="280">
        <v>0</v>
      </c>
      <c r="K20" s="280">
        <v>1</v>
      </c>
      <c r="L20" s="281">
        <v>8</v>
      </c>
      <c r="M20" s="282">
        <v>8</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95</v>
      </c>
      <c r="AD20" s="280">
        <v>196</v>
      </c>
      <c r="AE20" s="280">
        <v>86</v>
      </c>
      <c r="AF20" s="280">
        <v>37</v>
      </c>
      <c r="AG20" s="280">
        <v>8</v>
      </c>
      <c r="AH20" s="277">
        <v>622</v>
      </c>
      <c r="AI20" s="282">
        <v>622</v>
      </c>
      <c r="AJ20" s="276">
        <v>0</v>
      </c>
      <c r="AK20" s="280">
        <v>0</v>
      </c>
      <c r="AL20" s="277">
        <v>0</v>
      </c>
      <c r="AM20" s="279">
        <v>0</v>
      </c>
      <c r="AN20" s="280">
        <v>12</v>
      </c>
      <c r="AO20" s="280">
        <v>6</v>
      </c>
      <c r="AP20" s="280">
        <v>30</v>
      </c>
      <c r="AQ20" s="280">
        <v>11</v>
      </c>
      <c r="AR20" s="280">
        <v>15</v>
      </c>
      <c r="AS20" s="277">
        <v>74</v>
      </c>
      <c r="AT20" s="282">
        <v>74</v>
      </c>
      <c r="AU20" s="276">
        <v>8</v>
      </c>
      <c r="AV20" s="280">
        <v>15</v>
      </c>
      <c r="AW20" s="277">
        <v>23</v>
      </c>
      <c r="AX20" s="279">
        <v>0</v>
      </c>
      <c r="AY20" s="280">
        <v>39</v>
      </c>
      <c r="AZ20" s="280">
        <v>53</v>
      </c>
      <c r="BA20" s="280">
        <v>42</v>
      </c>
      <c r="BB20" s="280">
        <v>21</v>
      </c>
      <c r="BC20" s="280">
        <v>11</v>
      </c>
      <c r="BD20" s="277">
        <v>166</v>
      </c>
      <c r="BE20" s="282">
        <v>189</v>
      </c>
      <c r="BF20" s="276">
        <v>0</v>
      </c>
      <c r="BG20" s="280">
        <v>4</v>
      </c>
      <c r="BH20" s="277">
        <v>4</v>
      </c>
      <c r="BI20" s="279">
        <v>0</v>
      </c>
      <c r="BJ20" s="280">
        <v>55</v>
      </c>
      <c r="BK20" s="280">
        <v>69</v>
      </c>
      <c r="BL20" s="280">
        <v>95</v>
      </c>
      <c r="BM20" s="280">
        <v>61</v>
      </c>
      <c r="BN20" s="280">
        <v>26</v>
      </c>
      <c r="BO20" s="281">
        <v>306</v>
      </c>
      <c r="BP20" s="282">
        <v>310</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2</v>
      </c>
      <c r="CH20" s="280">
        <v>6</v>
      </c>
      <c r="CI20" s="280">
        <v>17</v>
      </c>
      <c r="CJ20" s="280">
        <v>4</v>
      </c>
      <c r="CK20" s="277">
        <v>29</v>
      </c>
      <c r="CL20" s="282">
        <v>29</v>
      </c>
      <c r="CM20" s="276">
        <v>0</v>
      </c>
      <c r="CN20" s="280">
        <v>0</v>
      </c>
      <c r="CO20" s="277">
        <v>0</v>
      </c>
      <c r="CP20" s="279">
        <v>0</v>
      </c>
      <c r="CQ20" s="280">
        <v>5</v>
      </c>
      <c r="CR20" s="280">
        <v>13</v>
      </c>
      <c r="CS20" s="280">
        <v>13</v>
      </c>
      <c r="CT20" s="280">
        <v>18</v>
      </c>
      <c r="CU20" s="280">
        <v>25</v>
      </c>
      <c r="CV20" s="277">
        <v>74</v>
      </c>
      <c r="CW20" s="282">
        <v>74</v>
      </c>
    </row>
    <row r="21" spans="2:101" ht="21" customHeight="1" x14ac:dyDescent="0.2">
      <c r="B21" s="261" t="s">
        <v>19</v>
      </c>
      <c r="C21" s="276">
        <v>0</v>
      </c>
      <c r="D21" s="277">
        <v>0</v>
      </c>
      <c r="E21" s="278">
        <v>0</v>
      </c>
      <c r="F21" s="279">
        <v>0</v>
      </c>
      <c r="G21" s="280">
        <v>14</v>
      </c>
      <c r="H21" s="280">
        <v>9</v>
      </c>
      <c r="I21" s="280">
        <v>2</v>
      </c>
      <c r="J21" s="280">
        <v>4</v>
      </c>
      <c r="K21" s="280">
        <v>7</v>
      </c>
      <c r="L21" s="281">
        <v>36</v>
      </c>
      <c r="M21" s="282">
        <v>36</v>
      </c>
      <c r="N21" s="276">
        <v>0</v>
      </c>
      <c r="O21" s="280">
        <v>0</v>
      </c>
      <c r="P21" s="277">
        <v>0</v>
      </c>
      <c r="Q21" s="279">
        <v>0</v>
      </c>
      <c r="R21" s="280">
        <v>1</v>
      </c>
      <c r="S21" s="280">
        <v>3</v>
      </c>
      <c r="T21" s="280">
        <v>3</v>
      </c>
      <c r="U21" s="280">
        <v>2</v>
      </c>
      <c r="V21" s="280">
        <v>1</v>
      </c>
      <c r="W21" s="277">
        <v>10</v>
      </c>
      <c r="X21" s="282">
        <v>10</v>
      </c>
      <c r="Y21" s="276">
        <v>0</v>
      </c>
      <c r="Z21" s="280">
        <v>0</v>
      </c>
      <c r="AA21" s="277">
        <v>0</v>
      </c>
      <c r="AB21" s="279">
        <v>0</v>
      </c>
      <c r="AC21" s="280">
        <v>130</v>
      </c>
      <c r="AD21" s="280">
        <v>105</v>
      </c>
      <c r="AE21" s="280">
        <v>48</v>
      </c>
      <c r="AF21" s="280">
        <v>27</v>
      </c>
      <c r="AG21" s="280">
        <v>13</v>
      </c>
      <c r="AH21" s="277">
        <v>323</v>
      </c>
      <c r="AI21" s="282">
        <v>323</v>
      </c>
      <c r="AJ21" s="276">
        <v>0</v>
      </c>
      <c r="AK21" s="280">
        <v>0</v>
      </c>
      <c r="AL21" s="277">
        <v>0</v>
      </c>
      <c r="AM21" s="279">
        <v>0</v>
      </c>
      <c r="AN21" s="280">
        <v>14</v>
      </c>
      <c r="AO21" s="280">
        <v>23</v>
      </c>
      <c r="AP21" s="280">
        <v>19</v>
      </c>
      <c r="AQ21" s="280">
        <v>1</v>
      </c>
      <c r="AR21" s="280">
        <v>4</v>
      </c>
      <c r="AS21" s="277">
        <v>61</v>
      </c>
      <c r="AT21" s="282">
        <v>61</v>
      </c>
      <c r="AU21" s="276">
        <v>0</v>
      </c>
      <c r="AV21" s="280">
        <v>2</v>
      </c>
      <c r="AW21" s="277">
        <v>2</v>
      </c>
      <c r="AX21" s="279">
        <v>0</v>
      </c>
      <c r="AY21" s="280">
        <v>25</v>
      </c>
      <c r="AZ21" s="280">
        <v>34</v>
      </c>
      <c r="BA21" s="280">
        <v>28</v>
      </c>
      <c r="BB21" s="280">
        <v>17</v>
      </c>
      <c r="BC21" s="280">
        <v>11</v>
      </c>
      <c r="BD21" s="277">
        <v>115</v>
      </c>
      <c r="BE21" s="282">
        <v>117</v>
      </c>
      <c r="BF21" s="276">
        <v>0</v>
      </c>
      <c r="BG21" s="280">
        <v>0</v>
      </c>
      <c r="BH21" s="277">
        <v>0</v>
      </c>
      <c r="BI21" s="279">
        <v>0</v>
      </c>
      <c r="BJ21" s="280">
        <v>13</v>
      </c>
      <c r="BK21" s="280">
        <v>23</v>
      </c>
      <c r="BL21" s="280">
        <v>32</v>
      </c>
      <c r="BM21" s="280">
        <v>16</v>
      </c>
      <c r="BN21" s="280">
        <v>14</v>
      </c>
      <c r="BO21" s="281">
        <v>98</v>
      </c>
      <c r="BP21" s="282">
        <v>98</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1</v>
      </c>
      <c r="CR21" s="280">
        <v>2</v>
      </c>
      <c r="CS21" s="280">
        <v>5</v>
      </c>
      <c r="CT21" s="280">
        <v>1</v>
      </c>
      <c r="CU21" s="280">
        <v>9</v>
      </c>
      <c r="CV21" s="277">
        <v>18</v>
      </c>
      <c r="CW21" s="282">
        <v>18</v>
      </c>
    </row>
    <row r="22" spans="2:101" ht="21" customHeight="1" x14ac:dyDescent="0.2">
      <c r="B22" s="261" t="s">
        <v>20</v>
      </c>
      <c r="C22" s="276">
        <v>0</v>
      </c>
      <c r="D22" s="277">
        <v>0</v>
      </c>
      <c r="E22" s="278">
        <v>0</v>
      </c>
      <c r="F22" s="279">
        <v>0</v>
      </c>
      <c r="G22" s="280">
        <v>1</v>
      </c>
      <c r="H22" s="280">
        <v>0</v>
      </c>
      <c r="I22" s="280">
        <v>0</v>
      </c>
      <c r="J22" s="280">
        <v>0</v>
      </c>
      <c r="K22" s="280">
        <v>1</v>
      </c>
      <c r="L22" s="281">
        <v>2</v>
      </c>
      <c r="M22" s="282">
        <v>2</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217</v>
      </c>
      <c r="AD22" s="280">
        <v>90</v>
      </c>
      <c r="AE22" s="280">
        <v>64</v>
      </c>
      <c r="AF22" s="280">
        <v>21</v>
      </c>
      <c r="AG22" s="280">
        <v>3</v>
      </c>
      <c r="AH22" s="277">
        <v>395</v>
      </c>
      <c r="AI22" s="282">
        <v>395</v>
      </c>
      <c r="AJ22" s="276">
        <v>0</v>
      </c>
      <c r="AK22" s="280">
        <v>0</v>
      </c>
      <c r="AL22" s="277">
        <v>0</v>
      </c>
      <c r="AM22" s="279">
        <v>0</v>
      </c>
      <c r="AN22" s="280">
        <v>0</v>
      </c>
      <c r="AO22" s="280">
        <v>2</v>
      </c>
      <c r="AP22" s="280">
        <v>2</v>
      </c>
      <c r="AQ22" s="280">
        <v>1</v>
      </c>
      <c r="AR22" s="280">
        <v>3</v>
      </c>
      <c r="AS22" s="277">
        <v>8</v>
      </c>
      <c r="AT22" s="282">
        <v>8</v>
      </c>
      <c r="AU22" s="276">
        <v>0</v>
      </c>
      <c r="AV22" s="280">
        <v>1</v>
      </c>
      <c r="AW22" s="277">
        <v>1</v>
      </c>
      <c r="AX22" s="279">
        <v>0</v>
      </c>
      <c r="AY22" s="280">
        <v>19</v>
      </c>
      <c r="AZ22" s="280">
        <v>10</v>
      </c>
      <c r="BA22" s="280">
        <v>10</v>
      </c>
      <c r="BB22" s="280">
        <v>3</v>
      </c>
      <c r="BC22" s="280">
        <v>1</v>
      </c>
      <c r="BD22" s="277">
        <v>43</v>
      </c>
      <c r="BE22" s="282">
        <v>44</v>
      </c>
      <c r="BF22" s="276">
        <v>0</v>
      </c>
      <c r="BG22" s="280">
        <v>0</v>
      </c>
      <c r="BH22" s="277">
        <v>0</v>
      </c>
      <c r="BI22" s="279">
        <v>0</v>
      </c>
      <c r="BJ22" s="280">
        <v>15</v>
      </c>
      <c r="BK22" s="280">
        <v>19</v>
      </c>
      <c r="BL22" s="280">
        <v>37</v>
      </c>
      <c r="BM22" s="280">
        <v>19</v>
      </c>
      <c r="BN22" s="280">
        <v>15</v>
      </c>
      <c r="BO22" s="281">
        <v>105</v>
      </c>
      <c r="BP22" s="282">
        <v>105</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4</v>
      </c>
      <c r="H23" s="280">
        <v>7</v>
      </c>
      <c r="I23" s="280">
        <v>1</v>
      </c>
      <c r="J23" s="280">
        <v>7</v>
      </c>
      <c r="K23" s="280">
        <v>0</v>
      </c>
      <c r="L23" s="281">
        <v>19</v>
      </c>
      <c r="M23" s="282">
        <v>19</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96</v>
      </c>
      <c r="AD23" s="280">
        <v>185</v>
      </c>
      <c r="AE23" s="280">
        <v>72</v>
      </c>
      <c r="AF23" s="280">
        <v>30</v>
      </c>
      <c r="AG23" s="280">
        <v>11</v>
      </c>
      <c r="AH23" s="277">
        <v>494</v>
      </c>
      <c r="AI23" s="282">
        <v>494</v>
      </c>
      <c r="AJ23" s="276">
        <v>0</v>
      </c>
      <c r="AK23" s="280">
        <v>0</v>
      </c>
      <c r="AL23" s="277">
        <v>0</v>
      </c>
      <c r="AM23" s="279">
        <v>0</v>
      </c>
      <c r="AN23" s="280">
        <v>0</v>
      </c>
      <c r="AO23" s="280">
        <v>0</v>
      </c>
      <c r="AP23" s="280">
        <v>0</v>
      </c>
      <c r="AQ23" s="280">
        <v>1</v>
      </c>
      <c r="AR23" s="280">
        <v>0</v>
      </c>
      <c r="AS23" s="277">
        <v>1</v>
      </c>
      <c r="AT23" s="282">
        <v>1</v>
      </c>
      <c r="AU23" s="276">
        <v>0</v>
      </c>
      <c r="AV23" s="280">
        <v>0</v>
      </c>
      <c r="AW23" s="277">
        <v>0</v>
      </c>
      <c r="AX23" s="279">
        <v>0</v>
      </c>
      <c r="AY23" s="280">
        <v>8</v>
      </c>
      <c r="AZ23" s="280">
        <v>5</v>
      </c>
      <c r="BA23" s="280">
        <v>18</v>
      </c>
      <c r="BB23" s="280">
        <v>7</v>
      </c>
      <c r="BC23" s="280">
        <v>3</v>
      </c>
      <c r="BD23" s="277">
        <v>41</v>
      </c>
      <c r="BE23" s="282">
        <v>41</v>
      </c>
      <c r="BF23" s="276">
        <v>0</v>
      </c>
      <c r="BG23" s="280">
        <v>0</v>
      </c>
      <c r="BH23" s="277">
        <v>0</v>
      </c>
      <c r="BI23" s="279">
        <v>0</v>
      </c>
      <c r="BJ23" s="280">
        <v>18</v>
      </c>
      <c r="BK23" s="280">
        <v>33</v>
      </c>
      <c r="BL23" s="280">
        <v>33</v>
      </c>
      <c r="BM23" s="280">
        <v>13</v>
      </c>
      <c r="BN23" s="280">
        <v>8</v>
      </c>
      <c r="BO23" s="281">
        <v>105</v>
      </c>
      <c r="BP23" s="282">
        <v>105</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2</v>
      </c>
      <c r="CR23" s="280">
        <v>3</v>
      </c>
      <c r="CS23" s="280">
        <v>0</v>
      </c>
      <c r="CT23" s="280">
        <v>2</v>
      </c>
      <c r="CU23" s="280">
        <v>5</v>
      </c>
      <c r="CV23" s="277">
        <v>12</v>
      </c>
      <c r="CW23" s="282">
        <v>12</v>
      </c>
    </row>
    <row r="24" spans="2:101" ht="21" customHeight="1" x14ac:dyDescent="0.2">
      <c r="B24" s="261" t="s">
        <v>22</v>
      </c>
      <c r="C24" s="276">
        <v>0</v>
      </c>
      <c r="D24" s="277">
        <v>0</v>
      </c>
      <c r="E24" s="278">
        <v>0</v>
      </c>
      <c r="F24" s="279">
        <v>0</v>
      </c>
      <c r="G24" s="280">
        <v>2</v>
      </c>
      <c r="H24" s="280">
        <v>5</v>
      </c>
      <c r="I24" s="280">
        <v>5</v>
      </c>
      <c r="J24" s="280">
        <v>3</v>
      </c>
      <c r="K24" s="280">
        <v>0</v>
      </c>
      <c r="L24" s="281">
        <v>15</v>
      </c>
      <c r="M24" s="282">
        <v>15</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27</v>
      </c>
      <c r="AD24" s="280">
        <v>94</v>
      </c>
      <c r="AE24" s="280">
        <v>37</v>
      </c>
      <c r="AF24" s="280">
        <v>18</v>
      </c>
      <c r="AG24" s="280">
        <v>5</v>
      </c>
      <c r="AH24" s="277">
        <v>281</v>
      </c>
      <c r="AI24" s="282">
        <v>281</v>
      </c>
      <c r="AJ24" s="276">
        <v>0</v>
      </c>
      <c r="AK24" s="280">
        <v>0</v>
      </c>
      <c r="AL24" s="277">
        <v>0</v>
      </c>
      <c r="AM24" s="279">
        <v>0</v>
      </c>
      <c r="AN24" s="280">
        <v>2</v>
      </c>
      <c r="AO24" s="280">
        <v>5</v>
      </c>
      <c r="AP24" s="280">
        <v>3</v>
      </c>
      <c r="AQ24" s="280">
        <v>3</v>
      </c>
      <c r="AR24" s="280">
        <v>2</v>
      </c>
      <c r="AS24" s="277">
        <v>15</v>
      </c>
      <c r="AT24" s="282">
        <v>15</v>
      </c>
      <c r="AU24" s="276">
        <v>3</v>
      </c>
      <c r="AV24" s="280">
        <v>4</v>
      </c>
      <c r="AW24" s="277">
        <v>7</v>
      </c>
      <c r="AX24" s="279">
        <v>0</v>
      </c>
      <c r="AY24" s="280">
        <v>21</v>
      </c>
      <c r="AZ24" s="280">
        <v>18</v>
      </c>
      <c r="BA24" s="280">
        <v>17</v>
      </c>
      <c r="BB24" s="280">
        <v>10</v>
      </c>
      <c r="BC24" s="280">
        <v>4</v>
      </c>
      <c r="BD24" s="277">
        <v>70</v>
      </c>
      <c r="BE24" s="282">
        <v>77</v>
      </c>
      <c r="BF24" s="276">
        <v>0</v>
      </c>
      <c r="BG24" s="280">
        <v>0</v>
      </c>
      <c r="BH24" s="277">
        <v>0</v>
      </c>
      <c r="BI24" s="279">
        <v>0</v>
      </c>
      <c r="BJ24" s="280">
        <v>15</v>
      </c>
      <c r="BK24" s="280">
        <v>17</v>
      </c>
      <c r="BL24" s="280">
        <v>12</v>
      </c>
      <c r="BM24" s="280">
        <v>6</v>
      </c>
      <c r="BN24" s="280">
        <v>4</v>
      </c>
      <c r="BO24" s="281">
        <v>54</v>
      </c>
      <c r="BP24" s="282">
        <v>54</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2</v>
      </c>
      <c r="CI24" s="280">
        <v>20</v>
      </c>
      <c r="CJ24" s="280">
        <v>7</v>
      </c>
      <c r="CK24" s="277">
        <v>29</v>
      </c>
      <c r="CL24" s="282">
        <v>29</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1</v>
      </c>
      <c r="I25" s="280">
        <v>0</v>
      </c>
      <c r="J25" s="280">
        <v>0</v>
      </c>
      <c r="K25" s="280">
        <v>2</v>
      </c>
      <c r="L25" s="281">
        <v>3</v>
      </c>
      <c r="M25" s="282">
        <v>3</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68</v>
      </c>
      <c r="AD25" s="280">
        <v>40</v>
      </c>
      <c r="AE25" s="280">
        <v>26</v>
      </c>
      <c r="AF25" s="280">
        <v>16</v>
      </c>
      <c r="AG25" s="280">
        <v>6</v>
      </c>
      <c r="AH25" s="277">
        <v>156</v>
      </c>
      <c r="AI25" s="282">
        <v>156</v>
      </c>
      <c r="AJ25" s="276">
        <v>0</v>
      </c>
      <c r="AK25" s="280">
        <v>0</v>
      </c>
      <c r="AL25" s="277">
        <v>0</v>
      </c>
      <c r="AM25" s="279">
        <v>0</v>
      </c>
      <c r="AN25" s="280">
        <v>0</v>
      </c>
      <c r="AO25" s="280">
        <v>0</v>
      </c>
      <c r="AP25" s="280">
        <v>3</v>
      </c>
      <c r="AQ25" s="280">
        <v>1</v>
      </c>
      <c r="AR25" s="280">
        <v>1</v>
      </c>
      <c r="AS25" s="277">
        <v>5</v>
      </c>
      <c r="AT25" s="282">
        <v>5</v>
      </c>
      <c r="AU25" s="276">
        <v>0</v>
      </c>
      <c r="AV25" s="280">
        <v>0</v>
      </c>
      <c r="AW25" s="277">
        <v>0</v>
      </c>
      <c r="AX25" s="279">
        <v>0</v>
      </c>
      <c r="AY25" s="280">
        <v>6</v>
      </c>
      <c r="AZ25" s="280">
        <v>5</v>
      </c>
      <c r="BA25" s="280">
        <v>3</v>
      </c>
      <c r="BB25" s="280">
        <v>1</v>
      </c>
      <c r="BC25" s="280">
        <v>2</v>
      </c>
      <c r="BD25" s="277">
        <v>17</v>
      </c>
      <c r="BE25" s="282">
        <v>17</v>
      </c>
      <c r="BF25" s="276">
        <v>0</v>
      </c>
      <c r="BG25" s="280">
        <v>0</v>
      </c>
      <c r="BH25" s="277">
        <v>0</v>
      </c>
      <c r="BI25" s="279">
        <v>0</v>
      </c>
      <c r="BJ25" s="280">
        <v>29</v>
      </c>
      <c r="BK25" s="280">
        <v>15</v>
      </c>
      <c r="BL25" s="280">
        <v>21</v>
      </c>
      <c r="BM25" s="280">
        <v>14</v>
      </c>
      <c r="BN25" s="280">
        <v>9</v>
      </c>
      <c r="BO25" s="281">
        <v>88</v>
      </c>
      <c r="BP25" s="282">
        <v>8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1</v>
      </c>
      <c r="CU25" s="280">
        <v>0</v>
      </c>
      <c r="CV25" s="277">
        <v>1</v>
      </c>
      <c r="CW25" s="282">
        <v>1</v>
      </c>
    </row>
    <row r="26" spans="2:101" ht="21" customHeight="1" x14ac:dyDescent="0.2">
      <c r="B26" s="261" t="s">
        <v>24</v>
      </c>
      <c r="C26" s="276">
        <v>0</v>
      </c>
      <c r="D26" s="277">
        <v>0</v>
      </c>
      <c r="E26" s="278">
        <v>0</v>
      </c>
      <c r="F26" s="279">
        <v>0</v>
      </c>
      <c r="G26" s="280">
        <v>2</v>
      </c>
      <c r="H26" s="280">
        <v>3</v>
      </c>
      <c r="I26" s="280">
        <v>3</v>
      </c>
      <c r="J26" s="280">
        <v>1</v>
      </c>
      <c r="K26" s="280">
        <v>0</v>
      </c>
      <c r="L26" s="281">
        <v>9</v>
      </c>
      <c r="M26" s="282">
        <v>9</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7</v>
      </c>
      <c r="AD26" s="280">
        <v>15</v>
      </c>
      <c r="AE26" s="280">
        <v>17</v>
      </c>
      <c r="AF26" s="280">
        <v>4</v>
      </c>
      <c r="AG26" s="280">
        <v>2</v>
      </c>
      <c r="AH26" s="277">
        <v>65</v>
      </c>
      <c r="AI26" s="282">
        <v>65</v>
      </c>
      <c r="AJ26" s="276">
        <v>0</v>
      </c>
      <c r="AK26" s="280">
        <v>0</v>
      </c>
      <c r="AL26" s="277">
        <v>0</v>
      </c>
      <c r="AM26" s="279">
        <v>0</v>
      </c>
      <c r="AN26" s="280">
        <v>8</v>
      </c>
      <c r="AO26" s="280">
        <v>4</v>
      </c>
      <c r="AP26" s="280">
        <v>5</v>
      </c>
      <c r="AQ26" s="280">
        <v>2</v>
      </c>
      <c r="AR26" s="280">
        <v>1</v>
      </c>
      <c r="AS26" s="277">
        <v>20</v>
      </c>
      <c r="AT26" s="282">
        <v>20</v>
      </c>
      <c r="AU26" s="276">
        <v>2</v>
      </c>
      <c r="AV26" s="280">
        <v>3</v>
      </c>
      <c r="AW26" s="277">
        <v>5</v>
      </c>
      <c r="AX26" s="279">
        <v>0</v>
      </c>
      <c r="AY26" s="280">
        <v>19</v>
      </c>
      <c r="AZ26" s="280">
        <v>7</v>
      </c>
      <c r="BA26" s="280">
        <v>9</v>
      </c>
      <c r="BB26" s="280">
        <v>5</v>
      </c>
      <c r="BC26" s="280">
        <v>2</v>
      </c>
      <c r="BD26" s="277">
        <v>42</v>
      </c>
      <c r="BE26" s="282">
        <v>47</v>
      </c>
      <c r="BF26" s="276">
        <v>0</v>
      </c>
      <c r="BG26" s="280">
        <v>0</v>
      </c>
      <c r="BH26" s="277">
        <v>0</v>
      </c>
      <c r="BI26" s="279">
        <v>0</v>
      </c>
      <c r="BJ26" s="280">
        <v>2</v>
      </c>
      <c r="BK26" s="280">
        <v>4</v>
      </c>
      <c r="BL26" s="280">
        <v>8</v>
      </c>
      <c r="BM26" s="280">
        <v>8</v>
      </c>
      <c r="BN26" s="280">
        <v>5</v>
      </c>
      <c r="BO26" s="281">
        <v>27</v>
      </c>
      <c r="BP26" s="282">
        <v>27</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83</v>
      </c>
      <c r="AD27" s="280">
        <v>35</v>
      </c>
      <c r="AE27" s="280">
        <v>16</v>
      </c>
      <c r="AF27" s="280">
        <v>4</v>
      </c>
      <c r="AG27" s="280">
        <v>1</v>
      </c>
      <c r="AH27" s="277">
        <v>139</v>
      </c>
      <c r="AI27" s="282">
        <v>139</v>
      </c>
      <c r="AJ27" s="276">
        <v>0</v>
      </c>
      <c r="AK27" s="280">
        <v>0</v>
      </c>
      <c r="AL27" s="277">
        <v>0</v>
      </c>
      <c r="AM27" s="279">
        <v>0</v>
      </c>
      <c r="AN27" s="280">
        <v>0</v>
      </c>
      <c r="AO27" s="280">
        <v>0</v>
      </c>
      <c r="AP27" s="280">
        <v>0</v>
      </c>
      <c r="AQ27" s="280">
        <v>0</v>
      </c>
      <c r="AR27" s="280">
        <v>0</v>
      </c>
      <c r="AS27" s="277">
        <v>0</v>
      </c>
      <c r="AT27" s="282">
        <v>0</v>
      </c>
      <c r="AU27" s="276">
        <v>2</v>
      </c>
      <c r="AV27" s="280">
        <v>0</v>
      </c>
      <c r="AW27" s="277">
        <v>2</v>
      </c>
      <c r="AX27" s="279">
        <v>0</v>
      </c>
      <c r="AY27" s="280">
        <v>3</v>
      </c>
      <c r="AZ27" s="280">
        <v>7</v>
      </c>
      <c r="BA27" s="280">
        <v>1</v>
      </c>
      <c r="BB27" s="280">
        <v>2</v>
      </c>
      <c r="BC27" s="280">
        <v>0</v>
      </c>
      <c r="BD27" s="277">
        <v>13</v>
      </c>
      <c r="BE27" s="282">
        <v>15</v>
      </c>
      <c r="BF27" s="276">
        <v>0</v>
      </c>
      <c r="BG27" s="280">
        <v>0</v>
      </c>
      <c r="BH27" s="277">
        <v>0</v>
      </c>
      <c r="BI27" s="279">
        <v>0</v>
      </c>
      <c r="BJ27" s="280">
        <v>7</v>
      </c>
      <c r="BK27" s="280">
        <v>8</v>
      </c>
      <c r="BL27" s="280">
        <v>9</v>
      </c>
      <c r="BM27" s="280">
        <v>6</v>
      </c>
      <c r="BN27" s="280">
        <v>0</v>
      </c>
      <c r="BO27" s="281">
        <v>30</v>
      </c>
      <c r="BP27" s="282">
        <v>3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4</v>
      </c>
      <c r="AD28" s="280">
        <v>40</v>
      </c>
      <c r="AE28" s="280">
        <v>25</v>
      </c>
      <c r="AF28" s="280">
        <v>5</v>
      </c>
      <c r="AG28" s="280">
        <v>9</v>
      </c>
      <c r="AH28" s="277">
        <v>123</v>
      </c>
      <c r="AI28" s="282">
        <v>123</v>
      </c>
      <c r="AJ28" s="276">
        <v>0</v>
      </c>
      <c r="AK28" s="280">
        <v>0</v>
      </c>
      <c r="AL28" s="277">
        <v>0</v>
      </c>
      <c r="AM28" s="279">
        <v>0</v>
      </c>
      <c r="AN28" s="280">
        <v>2</v>
      </c>
      <c r="AO28" s="280">
        <v>2</v>
      </c>
      <c r="AP28" s="280">
        <v>4</v>
      </c>
      <c r="AQ28" s="280">
        <v>3</v>
      </c>
      <c r="AR28" s="280">
        <v>1</v>
      </c>
      <c r="AS28" s="277">
        <v>12</v>
      </c>
      <c r="AT28" s="282">
        <v>12</v>
      </c>
      <c r="AU28" s="276">
        <v>1</v>
      </c>
      <c r="AV28" s="280">
        <v>0</v>
      </c>
      <c r="AW28" s="277">
        <v>1</v>
      </c>
      <c r="AX28" s="279">
        <v>0</v>
      </c>
      <c r="AY28" s="280">
        <v>6</v>
      </c>
      <c r="AZ28" s="280">
        <v>4</v>
      </c>
      <c r="BA28" s="280">
        <v>4</v>
      </c>
      <c r="BB28" s="280">
        <v>0</v>
      </c>
      <c r="BC28" s="280">
        <v>2</v>
      </c>
      <c r="BD28" s="277">
        <v>16</v>
      </c>
      <c r="BE28" s="282">
        <v>17</v>
      </c>
      <c r="BF28" s="276">
        <v>0</v>
      </c>
      <c r="BG28" s="280">
        <v>0</v>
      </c>
      <c r="BH28" s="277">
        <v>0</v>
      </c>
      <c r="BI28" s="279">
        <v>0</v>
      </c>
      <c r="BJ28" s="280">
        <v>10</v>
      </c>
      <c r="BK28" s="280">
        <v>13</v>
      </c>
      <c r="BL28" s="280">
        <v>19</v>
      </c>
      <c r="BM28" s="280">
        <v>10</v>
      </c>
      <c r="BN28" s="280">
        <v>0</v>
      </c>
      <c r="BO28" s="281">
        <v>52</v>
      </c>
      <c r="BP28" s="282">
        <v>52</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33</v>
      </c>
      <c r="AD29" s="280">
        <v>16</v>
      </c>
      <c r="AE29" s="280">
        <v>7</v>
      </c>
      <c r="AF29" s="280">
        <v>3</v>
      </c>
      <c r="AG29" s="280">
        <v>0</v>
      </c>
      <c r="AH29" s="277">
        <v>59</v>
      </c>
      <c r="AI29" s="282">
        <v>59</v>
      </c>
      <c r="AJ29" s="276">
        <v>0</v>
      </c>
      <c r="AK29" s="280">
        <v>0</v>
      </c>
      <c r="AL29" s="277">
        <v>0</v>
      </c>
      <c r="AM29" s="279">
        <v>0</v>
      </c>
      <c r="AN29" s="280">
        <v>4</v>
      </c>
      <c r="AO29" s="280">
        <v>0</v>
      </c>
      <c r="AP29" s="280">
        <v>2</v>
      </c>
      <c r="AQ29" s="280">
        <v>2</v>
      </c>
      <c r="AR29" s="280">
        <v>1</v>
      </c>
      <c r="AS29" s="277">
        <v>9</v>
      </c>
      <c r="AT29" s="282">
        <v>9</v>
      </c>
      <c r="AU29" s="276">
        <v>0</v>
      </c>
      <c r="AV29" s="280">
        <v>0</v>
      </c>
      <c r="AW29" s="277">
        <v>0</v>
      </c>
      <c r="AX29" s="279">
        <v>0</v>
      </c>
      <c r="AY29" s="280">
        <v>3</v>
      </c>
      <c r="AZ29" s="280">
        <v>2</v>
      </c>
      <c r="BA29" s="280">
        <v>2</v>
      </c>
      <c r="BB29" s="280">
        <v>0</v>
      </c>
      <c r="BC29" s="280">
        <v>0</v>
      </c>
      <c r="BD29" s="277">
        <v>7</v>
      </c>
      <c r="BE29" s="282">
        <v>7</v>
      </c>
      <c r="BF29" s="276">
        <v>0</v>
      </c>
      <c r="BG29" s="280">
        <v>0</v>
      </c>
      <c r="BH29" s="277">
        <v>0</v>
      </c>
      <c r="BI29" s="279">
        <v>0</v>
      </c>
      <c r="BJ29" s="280">
        <v>9</v>
      </c>
      <c r="BK29" s="280">
        <v>6</v>
      </c>
      <c r="BL29" s="280">
        <v>7</v>
      </c>
      <c r="BM29" s="280">
        <v>5</v>
      </c>
      <c r="BN29" s="280">
        <v>5</v>
      </c>
      <c r="BO29" s="281">
        <v>32</v>
      </c>
      <c r="BP29" s="282">
        <v>32</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9</v>
      </c>
      <c r="CI29" s="280">
        <v>12</v>
      </c>
      <c r="CJ29" s="280">
        <v>4</v>
      </c>
      <c r="CK29" s="277">
        <v>25</v>
      </c>
      <c r="CL29" s="282">
        <v>25</v>
      </c>
      <c r="CM29" s="276">
        <v>0</v>
      </c>
      <c r="CN29" s="280">
        <v>0</v>
      </c>
      <c r="CO29" s="277">
        <v>0</v>
      </c>
      <c r="CP29" s="279">
        <v>0</v>
      </c>
      <c r="CQ29" s="280">
        <v>0</v>
      </c>
      <c r="CR29" s="280">
        <v>0</v>
      </c>
      <c r="CS29" s="280">
        <v>0</v>
      </c>
      <c r="CT29" s="280">
        <v>1</v>
      </c>
      <c r="CU29" s="280">
        <v>0</v>
      </c>
      <c r="CV29" s="277">
        <v>1</v>
      </c>
      <c r="CW29" s="282">
        <v>1</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0</v>
      </c>
      <c r="AD30" s="280">
        <v>15</v>
      </c>
      <c r="AE30" s="280">
        <v>2</v>
      </c>
      <c r="AF30" s="280">
        <v>1</v>
      </c>
      <c r="AG30" s="280">
        <v>1</v>
      </c>
      <c r="AH30" s="277">
        <v>39</v>
      </c>
      <c r="AI30" s="282">
        <v>39</v>
      </c>
      <c r="AJ30" s="276">
        <v>0</v>
      </c>
      <c r="AK30" s="280">
        <v>0</v>
      </c>
      <c r="AL30" s="277">
        <v>0</v>
      </c>
      <c r="AM30" s="279">
        <v>0</v>
      </c>
      <c r="AN30" s="280">
        <v>2</v>
      </c>
      <c r="AO30" s="280">
        <v>1</v>
      </c>
      <c r="AP30" s="280">
        <v>1</v>
      </c>
      <c r="AQ30" s="280">
        <v>0</v>
      </c>
      <c r="AR30" s="280">
        <v>0</v>
      </c>
      <c r="AS30" s="277">
        <v>4</v>
      </c>
      <c r="AT30" s="282">
        <v>4</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5</v>
      </c>
      <c r="BL30" s="280">
        <v>3</v>
      </c>
      <c r="BM30" s="280">
        <v>4</v>
      </c>
      <c r="BN30" s="280">
        <v>3</v>
      </c>
      <c r="BO30" s="281">
        <v>15</v>
      </c>
      <c r="BP30" s="282">
        <v>15</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1</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2</v>
      </c>
      <c r="H31" s="280">
        <v>0</v>
      </c>
      <c r="I31" s="280">
        <v>0</v>
      </c>
      <c r="J31" s="280">
        <v>0</v>
      </c>
      <c r="K31" s="280">
        <v>0</v>
      </c>
      <c r="L31" s="281">
        <v>2</v>
      </c>
      <c r="M31" s="282">
        <v>2</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20</v>
      </c>
      <c r="AD31" s="280">
        <v>17</v>
      </c>
      <c r="AE31" s="280">
        <v>3</v>
      </c>
      <c r="AF31" s="280">
        <v>4</v>
      </c>
      <c r="AG31" s="280">
        <v>0</v>
      </c>
      <c r="AH31" s="277">
        <v>44</v>
      </c>
      <c r="AI31" s="282">
        <v>44</v>
      </c>
      <c r="AJ31" s="276">
        <v>0</v>
      </c>
      <c r="AK31" s="280">
        <v>0</v>
      </c>
      <c r="AL31" s="277">
        <v>0</v>
      </c>
      <c r="AM31" s="279">
        <v>0</v>
      </c>
      <c r="AN31" s="280">
        <v>1</v>
      </c>
      <c r="AO31" s="280">
        <v>0</v>
      </c>
      <c r="AP31" s="280">
        <v>1</v>
      </c>
      <c r="AQ31" s="280">
        <v>1</v>
      </c>
      <c r="AR31" s="280">
        <v>0</v>
      </c>
      <c r="AS31" s="277">
        <v>3</v>
      </c>
      <c r="AT31" s="282">
        <v>3</v>
      </c>
      <c r="AU31" s="276">
        <v>0</v>
      </c>
      <c r="AV31" s="280">
        <v>4</v>
      </c>
      <c r="AW31" s="277">
        <v>4</v>
      </c>
      <c r="AX31" s="279">
        <v>0</v>
      </c>
      <c r="AY31" s="280">
        <v>8</v>
      </c>
      <c r="AZ31" s="280">
        <v>3</v>
      </c>
      <c r="BA31" s="280">
        <v>7</v>
      </c>
      <c r="BB31" s="280">
        <v>5</v>
      </c>
      <c r="BC31" s="280">
        <v>1</v>
      </c>
      <c r="BD31" s="277">
        <v>24</v>
      </c>
      <c r="BE31" s="282">
        <v>28</v>
      </c>
      <c r="BF31" s="276">
        <v>0</v>
      </c>
      <c r="BG31" s="280">
        <v>0</v>
      </c>
      <c r="BH31" s="277">
        <v>0</v>
      </c>
      <c r="BI31" s="279">
        <v>0</v>
      </c>
      <c r="BJ31" s="280">
        <v>5</v>
      </c>
      <c r="BK31" s="280">
        <v>5</v>
      </c>
      <c r="BL31" s="280">
        <v>7</v>
      </c>
      <c r="BM31" s="280">
        <v>1</v>
      </c>
      <c r="BN31" s="280">
        <v>3</v>
      </c>
      <c r="BO31" s="281">
        <v>21</v>
      </c>
      <c r="BP31" s="282">
        <v>21</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1</v>
      </c>
      <c r="CH31" s="280">
        <v>10</v>
      </c>
      <c r="CI31" s="280">
        <v>8</v>
      </c>
      <c r="CJ31" s="280">
        <v>7</v>
      </c>
      <c r="CK31" s="277">
        <v>26</v>
      </c>
      <c r="CL31" s="282">
        <v>26</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1</v>
      </c>
      <c r="J32" s="280">
        <v>0</v>
      </c>
      <c r="K32" s="280">
        <v>0</v>
      </c>
      <c r="L32" s="281">
        <v>1</v>
      </c>
      <c r="M32" s="282">
        <v>1</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4</v>
      </c>
      <c r="AD32" s="280">
        <v>8</v>
      </c>
      <c r="AE32" s="280">
        <v>10</v>
      </c>
      <c r="AF32" s="280">
        <v>3</v>
      </c>
      <c r="AG32" s="280">
        <v>0</v>
      </c>
      <c r="AH32" s="277">
        <v>45</v>
      </c>
      <c r="AI32" s="282">
        <v>45</v>
      </c>
      <c r="AJ32" s="276">
        <v>1</v>
      </c>
      <c r="AK32" s="280">
        <v>0</v>
      </c>
      <c r="AL32" s="277">
        <v>1</v>
      </c>
      <c r="AM32" s="279">
        <v>0</v>
      </c>
      <c r="AN32" s="280">
        <v>2</v>
      </c>
      <c r="AO32" s="280">
        <v>2</v>
      </c>
      <c r="AP32" s="280">
        <v>1</v>
      </c>
      <c r="AQ32" s="280">
        <v>0</v>
      </c>
      <c r="AR32" s="280">
        <v>0</v>
      </c>
      <c r="AS32" s="277">
        <v>5</v>
      </c>
      <c r="AT32" s="282">
        <v>6</v>
      </c>
      <c r="AU32" s="276">
        <v>0</v>
      </c>
      <c r="AV32" s="280">
        <v>0</v>
      </c>
      <c r="AW32" s="277">
        <v>0</v>
      </c>
      <c r="AX32" s="279">
        <v>0</v>
      </c>
      <c r="AY32" s="280">
        <v>0</v>
      </c>
      <c r="AZ32" s="280">
        <v>0</v>
      </c>
      <c r="BA32" s="280">
        <v>0</v>
      </c>
      <c r="BB32" s="280">
        <v>1</v>
      </c>
      <c r="BC32" s="280">
        <v>1</v>
      </c>
      <c r="BD32" s="277">
        <v>2</v>
      </c>
      <c r="BE32" s="282">
        <v>2</v>
      </c>
      <c r="BF32" s="276">
        <v>0</v>
      </c>
      <c r="BG32" s="280">
        <v>0</v>
      </c>
      <c r="BH32" s="277">
        <v>0</v>
      </c>
      <c r="BI32" s="279">
        <v>0</v>
      </c>
      <c r="BJ32" s="280">
        <v>6</v>
      </c>
      <c r="BK32" s="280">
        <v>3</v>
      </c>
      <c r="BL32" s="280">
        <v>3</v>
      </c>
      <c r="BM32" s="280">
        <v>5</v>
      </c>
      <c r="BN32" s="280">
        <v>1</v>
      </c>
      <c r="BO32" s="281">
        <v>18</v>
      </c>
      <c r="BP32" s="282">
        <v>18</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2</v>
      </c>
      <c r="I33" s="280">
        <v>0</v>
      </c>
      <c r="J33" s="280">
        <v>0</v>
      </c>
      <c r="K33" s="280">
        <v>0</v>
      </c>
      <c r="L33" s="281">
        <v>2</v>
      </c>
      <c r="M33" s="282">
        <v>2</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34</v>
      </c>
      <c r="AD33" s="280">
        <v>17</v>
      </c>
      <c r="AE33" s="280">
        <v>8</v>
      </c>
      <c r="AF33" s="280">
        <v>3</v>
      </c>
      <c r="AG33" s="280">
        <v>0</v>
      </c>
      <c r="AH33" s="277">
        <v>62</v>
      </c>
      <c r="AI33" s="282">
        <v>62</v>
      </c>
      <c r="AJ33" s="276">
        <v>0</v>
      </c>
      <c r="AK33" s="280">
        <v>0</v>
      </c>
      <c r="AL33" s="277">
        <v>0</v>
      </c>
      <c r="AM33" s="279">
        <v>0</v>
      </c>
      <c r="AN33" s="280">
        <v>0</v>
      </c>
      <c r="AO33" s="280">
        <v>0</v>
      </c>
      <c r="AP33" s="280">
        <v>0</v>
      </c>
      <c r="AQ33" s="280">
        <v>1</v>
      </c>
      <c r="AR33" s="280">
        <v>1</v>
      </c>
      <c r="AS33" s="277">
        <v>2</v>
      </c>
      <c r="AT33" s="282">
        <v>2</v>
      </c>
      <c r="AU33" s="276">
        <v>0</v>
      </c>
      <c r="AV33" s="280">
        <v>2</v>
      </c>
      <c r="AW33" s="277">
        <v>2</v>
      </c>
      <c r="AX33" s="279">
        <v>0</v>
      </c>
      <c r="AY33" s="280">
        <v>10</v>
      </c>
      <c r="AZ33" s="280">
        <v>3</v>
      </c>
      <c r="BA33" s="280">
        <v>6</v>
      </c>
      <c r="BB33" s="280">
        <v>3</v>
      </c>
      <c r="BC33" s="280">
        <v>1</v>
      </c>
      <c r="BD33" s="277">
        <v>23</v>
      </c>
      <c r="BE33" s="282">
        <v>25</v>
      </c>
      <c r="BF33" s="276">
        <v>0</v>
      </c>
      <c r="BG33" s="280">
        <v>0</v>
      </c>
      <c r="BH33" s="277">
        <v>0</v>
      </c>
      <c r="BI33" s="279">
        <v>0</v>
      </c>
      <c r="BJ33" s="280">
        <v>6</v>
      </c>
      <c r="BK33" s="280">
        <v>8</v>
      </c>
      <c r="BL33" s="280">
        <v>11</v>
      </c>
      <c r="BM33" s="280">
        <v>11</v>
      </c>
      <c r="BN33" s="280">
        <v>6</v>
      </c>
      <c r="BO33" s="281">
        <v>42</v>
      </c>
      <c r="BP33" s="282">
        <v>42</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2</v>
      </c>
      <c r="H34" s="280">
        <v>1</v>
      </c>
      <c r="I34" s="280">
        <v>0</v>
      </c>
      <c r="J34" s="280">
        <v>0</v>
      </c>
      <c r="K34" s="280">
        <v>1</v>
      </c>
      <c r="L34" s="281">
        <v>4</v>
      </c>
      <c r="M34" s="282">
        <v>4</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35</v>
      </c>
      <c r="AD34" s="280">
        <v>34</v>
      </c>
      <c r="AE34" s="280">
        <v>11</v>
      </c>
      <c r="AF34" s="280">
        <v>3</v>
      </c>
      <c r="AG34" s="280">
        <v>3</v>
      </c>
      <c r="AH34" s="277">
        <v>86</v>
      </c>
      <c r="AI34" s="282">
        <v>86</v>
      </c>
      <c r="AJ34" s="276">
        <v>0</v>
      </c>
      <c r="AK34" s="280">
        <v>0</v>
      </c>
      <c r="AL34" s="277">
        <v>0</v>
      </c>
      <c r="AM34" s="279">
        <v>0</v>
      </c>
      <c r="AN34" s="280">
        <v>3</v>
      </c>
      <c r="AO34" s="280">
        <v>1</v>
      </c>
      <c r="AP34" s="280">
        <v>2</v>
      </c>
      <c r="AQ34" s="280">
        <v>0</v>
      </c>
      <c r="AR34" s="280">
        <v>1</v>
      </c>
      <c r="AS34" s="277">
        <v>7</v>
      </c>
      <c r="AT34" s="282">
        <v>7</v>
      </c>
      <c r="AU34" s="276">
        <v>1</v>
      </c>
      <c r="AV34" s="280">
        <v>4</v>
      </c>
      <c r="AW34" s="277">
        <v>5</v>
      </c>
      <c r="AX34" s="279">
        <v>0</v>
      </c>
      <c r="AY34" s="280">
        <v>4</v>
      </c>
      <c r="AZ34" s="280">
        <v>1</v>
      </c>
      <c r="BA34" s="280">
        <v>4</v>
      </c>
      <c r="BB34" s="280">
        <v>3</v>
      </c>
      <c r="BC34" s="280">
        <v>0</v>
      </c>
      <c r="BD34" s="277">
        <v>12</v>
      </c>
      <c r="BE34" s="282">
        <v>17</v>
      </c>
      <c r="BF34" s="276">
        <v>0</v>
      </c>
      <c r="BG34" s="280">
        <v>0</v>
      </c>
      <c r="BH34" s="277">
        <v>0</v>
      </c>
      <c r="BI34" s="279">
        <v>0</v>
      </c>
      <c r="BJ34" s="280">
        <v>2</v>
      </c>
      <c r="BK34" s="280">
        <v>4</v>
      </c>
      <c r="BL34" s="280">
        <v>10</v>
      </c>
      <c r="BM34" s="280">
        <v>10</v>
      </c>
      <c r="BN34" s="280">
        <v>6</v>
      </c>
      <c r="BO34" s="281">
        <v>32</v>
      </c>
      <c r="BP34" s="282">
        <v>32</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1</v>
      </c>
      <c r="CG34" s="280">
        <v>1</v>
      </c>
      <c r="CH34" s="280">
        <v>11</v>
      </c>
      <c r="CI34" s="280">
        <v>10</v>
      </c>
      <c r="CJ34" s="280">
        <v>1</v>
      </c>
      <c r="CK34" s="277">
        <v>24</v>
      </c>
      <c r="CL34" s="282">
        <v>24</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4</v>
      </c>
      <c r="AD35" s="280">
        <v>13</v>
      </c>
      <c r="AE35" s="280">
        <v>9</v>
      </c>
      <c r="AF35" s="280">
        <v>1</v>
      </c>
      <c r="AG35" s="280">
        <v>2</v>
      </c>
      <c r="AH35" s="277">
        <v>49</v>
      </c>
      <c r="AI35" s="282">
        <v>49</v>
      </c>
      <c r="AJ35" s="276">
        <v>0</v>
      </c>
      <c r="AK35" s="280">
        <v>0</v>
      </c>
      <c r="AL35" s="277">
        <v>0</v>
      </c>
      <c r="AM35" s="279">
        <v>0</v>
      </c>
      <c r="AN35" s="280">
        <v>0</v>
      </c>
      <c r="AO35" s="280">
        <v>0</v>
      </c>
      <c r="AP35" s="280">
        <v>1</v>
      </c>
      <c r="AQ35" s="280">
        <v>0</v>
      </c>
      <c r="AR35" s="280">
        <v>0</v>
      </c>
      <c r="AS35" s="277">
        <v>1</v>
      </c>
      <c r="AT35" s="282">
        <v>1</v>
      </c>
      <c r="AU35" s="276">
        <v>0</v>
      </c>
      <c r="AV35" s="280">
        <v>0</v>
      </c>
      <c r="AW35" s="277">
        <v>0</v>
      </c>
      <c r="AX35" s="279">
        <v>0</v>
      </c>
      <c r="AY35" s="280">
        <v>0</v>
      </c>
      <c r="AZ35" s="280">
        <v>0</v>
      </c>
      <c r="BA35" s="280">
        <v>0</v>
      </c>
      <c r="BB35" s="280">
        <v>0</v>
      </c>
      <c r="BC35" s="280">
        <v>0</v>
      </c>
      <c r="BD35" s="277">
        <v>0</v>
      </c>
      <c r="BE35" s="282">
        <v>0</v>
      </c>
      <c r="BF35" s="276">
        <v>0</v>
      </c>
      <c r="BG35" s="280">
        <v>1</v>
      </c>
      <c r="BH35" s="277">
        <v>1</v>
      </c>
      <c r="BI35" s="279">
        <v>0</v>
      </c>
      <c r="BJ35" s="280">
        <v>2</v>
      </c>
      <c r="BK35" s="280">
        <v>3</v>
      </c>
      <c r="BL35" s="280">
        <v>8</v>
      </c>
      <c r="BM35" s="280">
        <v>0</v>
      </c>
      <c r="BN35" s="280">
        <v>1</v>
      </c>
      <c r="BO35" s="281">
        <v>14</v>
      </c>
      <c r="BP35" s="282">
        <v>15</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4</v>
      </c>
      <c r="CR35" s="280">
        <v>5</v>
      </c>
      <c r="CS35" s="280">
        <v>3</v>
      </c>
      <c r="CT35" s="280">
        <v>2</v>
      </c>
      <c r="CU35" s="280">
        <v>6</v>
      </c>
      <c r="CV35" s="277">
        <v>20</v>
      </c>
      <c r="CW35" s="282">
        <v>20</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3</v>
      </c>
      <c r="AD36" s="280">
        <v>7</v>
      </c>
      <c r="AE36" s="280">
        <v>2</v>
      </c>
      <c r="AF36" s="280">
        <v>2</v>
      </c>
      <c r="AG36" s="280">
        <v>1</v>
      </c>
      <c r="AH36" s="277">
        <v>25</v>
      </c>
      <c r="AI36" s="282">
        <v>25</v>
      </c>
      <c r="AJ36" s="276">
        <v>0</v>
      </c>
      <c r="AK36" s="280">
        <v>0</v>
      </c>
      <c r="AL36" s="277">
        <v>0</v>
      </c>
      <c r="AM36" s="279">
        <v>0</v>
      </c>
      <c r="AN36" s="280">
        <v>0</v>
      </c>
      <c r="AO36" s="280">
        <v>0</v>
      </c>
      <c r="AP36" s="280">
        <v>0</v>
      </c>
      <c r="AQ36" s="280">
        <v>0</v>
      </c>
      <c r="AR36" s="280">
        <v>1</v>
      </c>
      <c r="AS36" s="277">
        <v>1</v>
      </c>
      <c r="AT36" s="282">
        <v>1</v>
      </c>
      <c r="AU36" s="276">
        <v>2</v>
      </c>
      <c r="AV36" s="280">
        <v>2</v>
      </c>
      <c r="AW36" s="277">
        <v>4</v>
      </c>
      <c r="AX36" s="279">
        <v>0</v>
      </c>
      <c r="AY36" s="280">
        <v>11</v>
      </c>
      <c r="AZ36" s="280">
        <v>6</v>
      </c>
      <c r="BA36" s="280">
        <v>7</v>
      </c>
      <c r="BB36" s="280">
        <v>0</v>
      </c>
      <c r="BC36" s="280">
        <v>0</v>
      </c>
      <c r="BD36" s="277">
        <v>24</v>
      </c>
      <c r="BE36" s="282">
        <v>28</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7</v>
      </c>
      <c r="CR36" s="280">
        <v>9</v>
      </c>
      <c r="CS36" s="280">
        <v>4</v>
      </c>
      <c r="CT36" s="280">
        <v>5</v>
      </c>
      <c r="CU36" s="280">
        <v>4</v>
      </c>
      <c r="CV36" s="277">
        <v>29</v>
      </c>
      <c r="CW36" s="282">
        <v>29</v>
      </c>
    </row>
    <row r="37" spans="2:101" ht="21" customHeight="1" x14ac:dyDescent="0.2">
      <c r="B37" s="261" t="s">
        <v>35</v>
      </c>
      <c r="C37" s="276">
        <v>0</v>
      </c>
      <c r="D37" s="277">
        <v>0</v>
      </c>
      <c r="E37" s="278">
        <v>0</v>
      </c>
      <c r="F37" s="279">
        <v>0</v>
      </c>
      <c r="G37" s="280">
        <v>0</v>
      </c>
      <c r="H37" s="280">
        <v>0</v>
      </c>
      <c r="I37" s="280">
        <v>2</v>
      </c>
      <c r="J37" s="280">
        <v>1</v>
      </c>
      <c r="K37" s="280">
        <v>0</v>
      </c>
      <c r="L37" s="281">
        <v>3</v>
      </c>
      <c r="M37" s="282">
        <v>3</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20</v>
      </c>
      <c r="AD37" s="280">
        <v>18</v>
      </c>
      <c r="AE37" s="280">
        <v>8</v>
      </c>
      <c r="AF37" s="280">
        <v>9</v>
      </c>
      <c r="AG37" s="280">
        <v>4</v>
      </c>
      <c r="AH37" s="277">
        <v>59</v>
      </c>
      <c r="AI37" s="282">
        <v>59</v>
      </c>
      <c r="AJ37" s="276">
        <v>0</v>
      </c>
      <c r="AK37" s="280">
        <v>0</v>
      </c>
      <c r="AL37" s="277">
        <v>0</v>
      </c>
      <c r="AM37" s="279">
        <v>0</v>
      </c>
      <c r="AN37" s="280">
        <v>0</v>
      </c>
      <c r="AO37" s="280">
        <v>0</v>
      </c>
      <c r="AP37" s="280">
        <v>0</v>
      </c>
      <c r="AQ37" s="280">
        <v>0</v>
      </c>
      <c r="AR37" s="280">
        <v>0</v>
      </c>
      <c r="AS37" s="277">
        <v>0</v>
      </c>
      <c r="AT37" s="282">
        <v>0</v>
      </c>
      <c r="AU37" s="276">
        <v>4</v>
      </c>
      <c r="AV37" s="280">
        <v>2</v>
      </c>
      <c r="AW37" s="277">
        <v>6</v>
      </c>
      <c r="AX37" s="279">
        <v>0</v>
      </c>
      <c r="AY37" s="280">
        <v>12</v>
      </c>
      <c r="AZ37" s="280">
        <v>7</v>
      </c>
      <c r="BA37" s="280">
        <v>5</v>
      </c>
      <c r="BB37" s="280">
        <v>5</v>
      </c>
      <c r="BC37" s="280">
        <v>3</v>
      </c>
      <c r="BD37" s="277">
        <v>32</v>
      </c>
      <c r="BE37" s="282">
        <v>38</v>
      </c>
      <c r="BF37" s="276">
        <v>0</v>
      </c>
      <c r="BG37" s="280">
        <v>0</v>
      </c>
      <c r="BH37" s="277">
        <v>0</v>
      </c>
      <c r="BI37" s="279">
        <v>0</v>
      </c>
      <c r="BJ37" s="280">
        <v>13</v>
      </c>
      <c r="BK37" s="280">
        <v>13</v>
      </c>
      <c r="BL37" s="280">
        <v>14</v>
      </c>
      <c r="BM37" s="280">
        <v>14</v>
      </c>
      <c r="BN37" s="280">
        <v>5</v>
      </c>
      <c r="BO37" s="281">
        <v>59</v>
      </c>
      <c r="BP37" s="282">
        <v>59</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66</v>
      </c>
      <c r="AD38" s="280">
        <v>46</v>
      </c>
      <c r="AE38" s="280">
        <v>29</v>
      </c>
      <c r="AF38" s="280">
        <v>18</v>
      </c>
      <c r="AG38" s="280">
        <v>12</v>
      </c>
      <c r="AH38" s="277">
        <v>171</v>
      </c>
      <c r="AI38" s="282">
        <v>171</v>
      </c>
      <c r="AJ38" s="276">
        <v>0</v>
      </c>
      <c r="AK38" s="280">
        <v>0</v>
      </c>
      <c r="AL38" s="277">
        <v>0</v>
      </c>
      <c r="AM38" s="279">
        <v>0</v>
      </c>
      <c r="AN38" s="280">
        <v>0</v>
      </c>
      <c r="AO38" s="280">
        <v>0</v>
      </c>
      <c r="AP38" s="280">
        <v>0</v>
      </c>
      <c r="AQ38" s="280">
        <v>0</v>
      </c>
      <c r="AR38" s="280">
        <v>0</v>
      </c>
      <c r="AS38" s="277">
        <v>0</v>
      </c>
      <c r="AT38" s="282">
        <v>0</v>
      </c>
      <c r="AU38" s="276">
        <v>3</v>
      </c>
      <c r="AV38" s="280">
        <v>2</v>
      </c>
      <c r="AW38" s="277">
        <v>5</v>
      </c>
      <c r="AX38" s="279">
        <v>0</v>
      </c>
      <c r="AY38" s="280">
        <v>15</v>
      </c>
      <c r="AZ38" s="280">
        <v>8</v>
      </c>
      <c r="BA38" s="280">
        <v>6</v>
      </c>
      <c r="BB38" s="280">
        <v>4</v>
      </c>
      <c r="BC38" s="280">
        <v>1</v>
      </c>
      <c r="BD38" s="277">
        <v>34</v>
      </c>
      <c r="BE38" s="282">
        <v>39</v>
      </c>
      <c r="BF38" s="276">
        <v>0</v>
      </c>
      <c r="BG38" s="280">
        <v>0</v>
      </c>
      <c r="BH38" s="277">
        <v>0</v>
      </c>
      <c r="BI38" s="279">
        <v>0</v>
      </c>
      <c r="BJ38" s="280">
        <v>6</v>
      </c>
      <c r="BK38" s="280">
        <v>14</v>
      </c>
      <c r="BL38" s="280">
        <v>11</v>
      </c>
      <c r="BM38" s="280">
        <v>9</v>
      </c>
      <c r="BN38" s="280">
        <v>6</v>
      </c>
      <c r="BO38" s="281">
        <v>46</v>
      </c>
      <c r="BP38" s="282">
        <v>46</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1</v>
      </c>
      <c r="K39" s="287">
        <v>0</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1</v>
      </c>
      <c r="AD39" s="287">
        <v>8</v>
      </c>
      <c r="AE39" s="287">
        <v>8</v>
      </c>
      <c r="AF39" s="287">
        <v>0</v>
      </c>
      <c r="AG39" s="287">
        <v>2</v>
      </c>
      <c r="AH39" s="284">
        <v>29</v>
      </c>
      <c r="AI39" s="289">
        <v>29</v>
      </c>
      <c r="AJ39" s="283">
        <v>0</v>
      </c>
      <c r="AK39" s="287">
        <v>0</v>
      </c>
      <c r="AL39" s="284">
        <v>0</v>
      </c>
      <c r="AM39" s="286">
        <v>0</v>
      </c>
      <c r="AN39" s="287">
        <v>1</v>
      </c>
      <c r="AO39" s="287">
        <v>0</v>
      </c>
      <c r="AP39" s="287">
        <v>0</v>
      </c>
      <c r="AQ39" s="287">
        <v>1</v>
      </c>
      <c r="AR39" s="287">
        <v>1</v>
      </c>
      <c r="AS39" s="284">
        <v>3</v>
      </c>
      <c r="AT39" s="289">
        <v>3</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1</v>
      </c>
      <c r="BK39" s="287">
        <v>0</v>
      </c>
      <c r="BL39" s="287">
        <v>3</v>
      </c>
      <c r="BM39" s="287">
        <v>1</v>
      </c>
      <c r="BN39" s="287">
        <v>0</v>
      </c>
      <c r="BO39" s="288">
        <v>5</v>
      </c>
      <c r="BP39" s="289">
        <v>5</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8.554687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2">
        <f>第１表!F2</f>
        <v>5</v>
      </c>
      <c r="J1" s="522"/>
      <c r="K1" s="248">
        <f>第１表!G2</f>
        <v>6</v>
      </c>
      <c r="L1" s="527">
        <f>IF(K1&lt;3,K1+12-2,K1-2)</f>
        <v>4</v>
      </c>
      <c r="M1" s="527"/>
    </row>
    <row r="2" spans="1:101" s="291" customFormat="1" ht="24" customHeight="1" thickBot="1" x14ac:dyDescent="0.25">
      <c r="A2" s="44"/>
      <c r="B2" s="290" t="s">
        <v>130</v>
      </c>
    </row>
    <row r="3" spans="1:101" ht="21" customHeight="1" thickBot="1" x14ac:dyDescent="0.25">
      <c r="B3" s="535"/>
      <c r="C3" s="538" t="s">
        <v>94</v>
      </c>
      <c r="D3" s="539"/>
      <c r="E3" s="539"/>
      <c r="F3" s="539"/>
      <c r="G3" s="539"/>
      <c r="H3" s="539"/>
      <c r="I3" s="539"/>
      <c r="J3" s="539"/>
      <c r="K3" s="539"/>
      <c r="L3" s="539"/>
      <c r="M3" s="540"/>
      <c r="N3" s="538" t="s">
        <v>88</v>
      </c>
      <c r="O3" s="539"/>
      <c r="P3" s="539"/>
      <c r="Q3" s="539"/>
      <c r="R3" s="539"/>
      <c r="S3" s="539"/>
      <c r="T3" s="539"/>
      <c r="U3" s="539"/>
      <c r="V3" s="539"/>
      <c r="W3" s="539"/>
      <c r="X3" s="540"/>
      <c r="Y3" s="538" t="s">
        <v>141</v>
      </c>
      <c r="Z3" s="539"/>
      <c r="AA3" s="539"/>
      <c r="AB3" s="539"/>
      <c r="AC3" s="539"/>
      <c r="AD3" s="539"/>
      <c r="AE3" s="539"/>
      <c r="AF3" s="539"/>
      <c r="AG3" s="539"/>
      <c r="AH3" s="539"/>
      <c r="AI3" s="540"/>
      <c r="AJ3" s="538" t="s">
        <v>90</v>
      </c>
      <c r="AK3" s="539"/>
      <c r="AL3" s="539"/>
      <c r="AM3" s="539"/>
      <c r="AN3" s="539"/>
      <c r="AO3" s="539"/>
      <c r="AP3" s="539"/>
      <c r="AQ3" s="539"/>
      <c r="AR3" s="539"/>
      <c r="AS3" s="539"/>
      <c r="AT3" s="540"/>
      <c r="AU3" s="544" t="s">
        <v>89</v>
      </c>
      <c r="AV3" s="545"/>
      <c r="AW3" s="545"/>
      <c r="AX3" s="545"/>
      <c r="AY3" s="545"/>
      <c r="AZ3" s="545"/>
      <c r="BA3" s="545"/>
      <c r="BB3" s="545"/>
      <c r="BC3" s="545"/>
      <c r="BD3" s="545"/>
      <c r="BE3" s="546"/>
      <c r="BF3" s="544" t="s">
        <v>91</v>
      </c>
      <c r="BG3" s="545"/>
      <c r="BH3" s="545"/>
      <c r="BI3" s="545"/>
      <c r="BJ3" s="545"/>
      <c r="BK3" s="545"/>
      <c r="BL3" s="545"/>
      <c r="BM3" s="545"/>
      <c r="BN3" s="545"/>
      <c r="BO3" s="545"/>
      <c r="BP3" s="546"/>
      <c r="BQ3" s="544" t="s">
        <v>92</v>
      </c>
      <c r="BR3" s="545"/>
      <c r="BS3" s="545"/>
      <c r="BT3" s="545"/>
      <c r="BU3" s="545"/>
      <c r="BV3" s="545"/>
      <c r="BW3" s="545"/>
      <c r="BX3" s="545"/>
      <c r="BY3" s="545"/>
      <c r="BZ3" s="545"/>
      <c r="CA3" s="546"/>
      <c r="CB3" s="544" t="s">
        <v>93</v>
      </c>
      <c r="CC3" s="545"/>
      <c r="CD3" s="545"/>
      <c r="CE3" s="545"/>
      <c r="CF3" s="545"/>
      <c r="CG3" s="545"/>
      <c r="CH3" s="545"/>
      <c r="CI3" s="545"/>
      <c r="CJ3" s="545"/>
      <c r="CK3" s="545"/>
      <c r="CL3" s="546"/>
      <c r="CM3" s="545" t="s">
        <v>140</v>
      </c>
      <c r="CN3" s="545"/>
      <c r="CO3" s="545"/>
      <c r="CP3" s="545"/>
      <c r="CQ3" s="545"/>
      <c r="CR3" s="545"/>
      <c r="CS3" s="545"/>
      <c r="CT3" s="545"/>
      <c r="CU3" s="545"/>
      <c r="CV3" s="545"/>
      <c r="CW3" s="546"/>
    </row>
    <row r="4" spans="1:101" ht="21" customHeight="1" x14ac:dyDescent="0.2">
      <c r="B4" s="536"/>
      <c r="C4" s="530" t="s">
        <v>61</v>
      </c>
      <c r="D4" s="531"/>
      <c r="E4" s="532"/>
      <c r="F4" s="533" t="s">
        <v>62</v>
      </c>
      <c r="G4" s="531"/>
      <c r="H4" s="531"/>
      <c r="I4" s="531"/>
      <c r="J4" s="531"/>
      <c r="K4" s="531"/>
      <c r="L4" s="534"/>
      <c r="M4" s="528" t="s">
        <v>52</v>
      </c>
      <c r="N4" s="530" t="s">
        <v>61</v>
      </c>
      <c r="O4" s="531"/>
      <c r="P4" s="532"/>
      <c r="Q4" s="533" t="s">
        <v>62</v>
      </c>
      <c r="R4" s="531"/>
      <c r="S4" s="531"/>
      <c r="T4" s="531"/>
      <c r="U4" s="531"/>
      <c r="V4" s="531"/>
      <c r="W4" s="532"/>
      <c r="X4" s="528" t="s">
        <v>52</v>
      </c>
      <c r="Y4" s="530" t="s">
        <v>61</v>
      </c>
      <c r="Z4" s="531"/>
      <c r="AA4" s="532"/>
      <c r="AB4" s="533" t="s">
        <v>62</v>
      </c>
      <c r="AC4" s="531"/>
      <c r="AD4" s="531"/>
      <c r="AE4" s="531"/>
      <c r="AF4" s="531"/>
      <c r="AG4" s="531"/>
      <c r="AH4" s="532"/>
      <c r="AI4" s="528" t="s">
        <v>52</v>
      </c>
      <c r="AJ4" s="530" t="s">
        <v>61</v>
      </c>
      <c r="AK4" s="531"/>
      <c r="AL4" s="532"/>
      <c r="AM4" s="533" t="s">
        <v>62</v>
      </c>
      <c r="AN4" s="531"/>
      <c r="AO4" s="531"/>
      <c r="AP4" s="531"/>
      <c r="AQ4" s="531"/>
      <c r="AR4" s="531"/>
      <c r="AS4" s="532"/>
      <c r="AT4" s="528" t="s">
        <v>52</v>
      </c>
      <c r="AU4" s="560" t="s">
        <v>61</v>
      </c>
      <c r="AV4" s="558"/>
      <c r="AW4" s="559"/>
      <c r="AX4" s="557" t="s">
        <v>62</v>
      </c>
      <c r="AY4" s="558"/>
      <c r="AZ4" s="558"/>
      <c r="BA4" s="558"/>
      <c r="BB4" s="558"/>
      <c r="BC4" s="558"/>
      <c r="BD4" s="559"/>
      <c r="BE4" s="561" t="s">
        <v>52</v>
      </c>
      <c r="BF4" s="560" t="s">
        <v>61</v>
      </c>
      <c r="BG4" s="558"/>
      <c r="BH4" s="559"/>
      <c r="BI4" s="557" t="s">
        <v>62</v>
      </c>
      <c r="BJ4" s="558"/>
      <c r="BK4" s="558"/>
      <c r="BL4" s="558"/>
      <c r="BM4" s="558"/>
      <c r="BN4" s="558"/>
      <c r="BO4" s="559"/>
      <c r="BP4" s="561" t="s">
        <v>52</v>
      </c>
      <c r="BQ4" s="560" t="s">
        <v>61</v>
      </c>
      <c r="BR4" s="558"/>
      <c r="BS4" s="559"/>
      <c r="BT4" s="557" t="s">
        <v>62</v>
      </c>
      <c r="BU4" s="558"/>
      <c r="BV4" s="558"/>
      <c r="BW4" s="558"/>
      <c r="BX4" s="558"/>
      <c r="BY4" s="558"/>
      <c r="BZ4" s="559"/>
      <c r="CA4" s="561" t="s">
        <v>52</v>
      </c>
      <c r="CB4" s="560" t="s">
        <v>61</v>
      </c>
      <c r="CC4" s="558"/>
      <c r="CD4" s="559"/>
      <c r="CE4" s="557" t="s">
        <v>62</v>
      </c>
      <c r="CF4" s="558"/>
      <c r="CG4" s="558"/>
      <c r="CH4" s="558"/>
      <c r="CI4" s="558"/>
      <c r="CJ4" s="558"/>
      <c r="CK4" s="559"/>
      <c r="CL4" s="561" t="s">
        <v>52</v>
      </c>
      <c r="CM4" s="560" t="s">
        <v>61</v>
      </c>
      <c r="CN4" s="558"/>
      <c r="CO4" s="559"/>
      <c r="CP4" s="557" t="s">
        <v>62</v>
      </c>
      <c r="CQ4" s="558"/>
      <c r="CR4" s="558"/>
      <c r="CS4" s="558"/>
      <c r="CT4" s="558"/>
      <c r="CU4" s="558"/>
      <c r="CV4" s="559"/>
      <c r="CW4" s="561" t="s">
        <v>52</v>
      </c>
    </row>
    <row r="5" spans="1:101" ht="30" customHeight="1" thickBot="1" x14ac:dyDescent="0.25">
      <c r="B5" s="537"/>
      <c r="C5" s="321" t="s">
        <v>43</v>
      </c>
      <c r="D5" s="265" t="s">
        <v>44</v>
      </c>
      <c r="E5" s="266" t="s">
        <v>45</v>
      </c>
      <c r="F5" s="267" t="s">
        <v>83</v>
      </c>
      <c r="G5" s="259" t="s">
        <v>47</v>
      </c>
      <c r="H5" s="259" t="s">
        <v>48</v>
      </c>
      <c r="I5" s="259" t="s">
        <v>49</v>
      </c>
      <c r="J5" s="259" t="s">
        <v>50</v>
      </c>
      <c r="K5" s="259" t="s">
        <v>51</v>
      </c>
      <c r="L5" s="268" t="s">
        <v>45</v>
      </c>
      <c r="M5" s="529"/>
      <c r="N5" s="321" t="s">
        <v>43</v>
      </c>
      <c r="O5" s="259" t="s">
        <v>44</v>
      </c>
      <c r="P5" s="265" t="s">
        <v>45</v>
      </c>
      <c r="Q5" s="267" t="s">
        <v>83</v>
      </c>
      <c r="R5" s="259" t="s">
        <v>47</v>
      </c>
      <c r="S5" s="259" t="s">
        <v>48</v>
      </c>
      <c r="T5" s="259" t="s">
        <v>49</v>
      </c>
      <c r="U5" s="259" t="s">
        <v>50</v>
      </c>
      <c r="V5" s="259" t="s">
        <v>51</v>
      </c>
      <c r="W5" s="265" t="s">
        <v>45</v>
      </c>
      <c r="X5" s="529"/>
      <c r="Y5" s="321" t="s">
        <v>43</v>
      </c>
      <c r="Z5" s="259" t="s">
        <v>44</v>
      </c>
      <c r="AA5" s="265" t="s">
        <v>45</v>
      </c>
      <c r="AB5" s="267" t="s">
        <v>83</v>
      </c>
      <c r="AC5" s="259" t="s">
        <v>47</v>
      </c>
      <c r="AD5" s="259" t="s">
        <v>48</v>
      </c>
      <c r="AE5" s="259" t="s">
        <v>49</v>
      </c>
      <c r="AF5" s="259" t="s">
        <v>50</v>
      </c>
      <c r="AG5" s="259" t="s">
        <v>51</v>
      </c>
      <c r="AH5" s="265" t="s">
        <v>45</v>
      </c>
      <c r="AI5" s="529"/>
      <c r="AJ5" s="338" t="s">
        <v>43</v>
      </c>
      <c r="AK5" s="259" t="s">
        <v>44</v>
      </c>
      <c r="AL5" s="265" t="s">
        <v>45</v>
      </c>
      <c r="AM5" s="267" t="s">
        <v>83</v>
      </c>
      <c r="AN5" s="259" t="s">
        <v>47</v>
      </c>
      <c r="AO5" s="259" t="s">
        <v>48</v>
      </c>
      <c r="AP5" s="259" t="s">
        <v>49</v>
      </c>
      <c r="AQ5" s="259" t="s">
        <v>50</v>
      </c>
      <c r="AR5" s="259" t="s">
        <v>51</v>
      </c>
      <c r="AS5" s="265" t="s">
        <v>45</v>
      </c>
      <c r="AT5" s="529"/>
      <c r="AU5" s="338" t="s">
        <v>43</v>
      </c>
      <c r="AV5" s="259" t="s">
        <v>44</v>
      </c>
      <c r="AW5" s="265" t="s">
        <v>45</v>
      </c>
      <c r="AX5" s="267" t="s">
        <v>83</v>
      </c>
      <c r="AY5" s="259" t="s">
        <v>47</v>
      </c>
      <c r="AZ5" s="259" t="s">
        <v>48</v>
      </c>
      <c r="BA5" s="259" t="s">
        <v>49</v>
      </c>
      <c r="BB5" s="259" t="s">
        <v>50</v>
      </c>
      <c r="BC5" s="259" t="s">
        <v>51</v>
      </c>
      <c r="BD5" s="265" t="s">
        <v>45</v>
      </c>
      <c r="BE5" s="562"/>
      <c r="BF5" s="338" t="s">
        <v>43</v>
      </c>
      <c r="BG5" s="259" t="s">
        <v>44</v>
      </c>
      <c r="BH5" s="265" t="s">
        <v>45</v>
      </c>
      <c r="BI5" s="267" t="s">
        <v>83</v>
      </c>
      <c r="BJ5" s="259" t="s">
        <v>47</v>
      </c>
      <c r="BK5" s="259" t="s">
        <v>48</v>
      </c>
      <c r="BL5" s="259" t="s">
        <v>49</v>
      </c>
      <c r="BM5" s="259" t="s">
        <v>50</v>
      </c>
      <c r="BN5" s="259" t="s">
        <v>51</v>
      </c>
      <c r="BO5" s="265" t="s">
        <v>45</v>
      </c>
      <c r="BP5" s="562"/>
      <c r="BQ5" s="338" t="s">
        <v>43</v>
      </c>
      <c r="BR5" s="259" t="s">
        <v>44</v>
      </c>
      <c r="BS5" s="265" t="s">
        <v>45</v>
      </c>
      <c r="BT5" s="267" t="s">
        <v>83</v>
      </c>
      <c r="BU5" s="259" t="s">
        <v>47</v>
      </c>
      <c r="BV5" s="259" t="s">
        <v>48</v>
      </c>
      <c r="BW5" s="259" t="s">
        <v>49</v>
      </c>
      <c r="BX5" s="259" t="s">
        <v>50</v>
      </c>
      <c r="BY5" s="259" t="s">
        <v>51</v>
      </c>
      <c r="BZ5" s="265" t="s">
        <v>45</v>
      </c>
      <c r="CA5" s="562"/>
      <c r="CB5" s="338" t="s">
        <v>43</v>
      </c>
      <c r="CC5" s="259" t="s">
        <v>44</v>
      </c>
      <c r="CD5" s="265" t="s">
        <v>45</v>
      </c>
      <c r="CE5" s="267" t="s">
        <v>83</v>
      </c>
      <c r="CF5" s="259" t="s">
        <v>47</v>
      </c>
      <c r="CG5" s="259" t="s">
        <v>48</v>
      </c>
      <c r="CH5" s="259" t="s">
        <v>49</v>
      </c>
      <c r="CI5" s="259" t="s">
        <v>50</v>
      </c>
      <c r="CJ5" s="259" t="s">
        <v>51</v>
      </c>
      <c r="CK5" s="265" t="s">
        <v>45</v>
      </c>
      <c r="CL5" s="562"/>
      <c r="CM5" s="338" t="s">
        <v>43</v>
      </c>
      <c r="CN5" s="259" t="s">
        <v>44</v>
      </c>
      <c r="CO5" s="265" t="s">
        <v>45</v>
      </c>
      <c r="CP5" s="267" t="s">
        <v>83</v>
      </c>
      <c r="CQ5" s="259" t="s">
        <v>47</v>
      </c>
      <c r="CR5" s="259" t="s">
        <v>48</v>
      </c>
      <c r="CS5" s="259" t="s">
        <v>49</v>
      </c>
      <c r="CT5" s="259" t="s">
        <v>50</v>
      </c>
      <c r="CU5" s="259" t="s">
        <v>51</v>
      </c>
      <c r="CV5" s="265" t="s">
        <v>45</v>
      </c>
      <c r="CW5" s="562"/>
    </row>
    <row r="6" spans="1:101" ht="21" customHeight="1" x14ac:dyDescent="0.2">
      <c r="B6" s="260" t="s">
        <v>4</v>
      </c>
      <c r="C6" s="269">
        <v>0</v>
      </c>
      <c r="D6" s="270">
        <v>0</v>
      </c>
      <c r="E6" s="271">
        <v>0</v>
      </c>
      <c r="F6" s="272">
        <v>0</v>
      </c>
      <c r="G6" s="273">
        <v>20</v>
      </c>
      <c r="H6" s="273">
        <v>24</v>
      </c>
      <c r="I6" s="273">
        <v>29</v>
      </c>
      <c r="J6" s="273">
        <v>19</v>
      </c>
      <c r="K6" s="273">
        <v>22</v>
      </c>
      <c r="L6" s="274">
        <v>114</v>
      </c>
      <c r="M6" s="275">
        <v>114</v>
      </c>
      <c r="N6" s="269">
        <v>0</v>
      </c>
      <c r="O6" s="273">
        <v>0</v>
      </c>
      <c r="P6" s="270">
        <v>0</v>
      </c>
      <c r="Q6" s="272">
        <v>0</v>
      </c>
      <c r="R6" s="273">
        <v>11</v>
      </c>
      <c r="S6" s="273">
        <v>32</v>
      </c>
      <c r="T6" s="273">
        <v>37</v>
      </c>
      <c r="U6" s="273">
        <v>32</v>
      </c>
      <c r="V6" s="273">
        <v>26</v>
      </c>
      <c r="W6" s="270">
        <v>138</v>
      </c>
      <c r="X6" s="275">
        <v>138</v>
      </c>
      <c r="Y6" s="269">
        <v>0</v>
      </c>
      <c r="Z6" s="273">
        <v>0</v>
      </c>
      <c r="AA6" s="270">
        <v>0</v>
      </c>
      <c r="AB6" s="272">
        <v>0</v>
      </c>
      <c r="AC6" s="273">
        <v>982</v>
      </c>
      <c r="AD6" s="273">
        <v>788</v>
      </c>
      <c r="AE6" s="273">
        <v>372</v>
      </c>
      <c r="AF6" s="273">
        <v>168</v>
      </c>
      <c r="AG6" s="273">
        <v>72</v>
      </c>
      <c r="AH6" s="270">
        <v>2382</v>
      </c>
      <c r="AI6" s="275">
        <v>2382</v>
      </c>
      <c r="AJ6" s="269">
        <v>1</v>
      </c>
      <c r="AK6" s="273">
        <v>0</v>
      </c>
      <c r="AL6" s="270">
        <v>1</v>
      </c>
      <c r="AM6" s="272">
        <v>0</v>
      </c>
      <c r="AN6" s="273">
        <v>76</v>
      </c>
      <c r="AO6" s="273">
        <v>82</v>
      </c>
      <c r="AP6" s="273">
        <v>78</v>
      </c>
      <c r="AQ6" s="273">
        <v>37</v>
      </c>
      <c r="AR6" s="273">
        <v>27</v>
      </c>
      <c r="AS6" s="270">
        <v>300</v>
      </c>
      <c r="AT6" s="275">
        <v>301</v>
      </c>
      <c r="AU6" s="269">
        <v>12</v>
      </c>
      <c r="AV6" s="273">
        <v>6</v>
      </c>
      <c r="AW6" s="270">
        <v>18</v>
      </c>
      <c r="AX6" s="272">
        <v>0</v>
      </c>
      <c r="AY6" s="273">
        <v>73</v>
      </c>
      <c r="AZ6" s="273">
        <v>75</v>
      </c>
      <c r="BA6" s="273">
        <v>77</v>
      </c>
      <c r="BB6" s="273">
        <v>51</v>
      </c>
      <c r="BC6" s="273">
        <v>24</v>
      </c>
      <c r="BD6" s="270">
        <v>300</v>
      </c>
      <c r="BE6" s="275">
        <v>318</v>
      </c>
      <c r="BF6" s="269">
        <v>0</v>
      </c>
      <c r="BG6" s="273">
        <v>1</v>
      </c>
      <c r="BH6" s="270">
        <v>1</v>
      </c>
      <c r="BI6" s="272">
        <v>0</v>
      </c>
      <c r="BJ6" s="273">
        <v>95</v>
      </c>
      <c r="BK6" s="273">
        <v>134</v>
      </c>
      <c r="BL6" s="273">
        <v>143</v>
      </c>
      <c r="BM6" s="273">
        <v>121</v>
      </c>
      <c r="BN6" s="273">
        <v>73</v>
      </c>
      <c r="BO6" s="274">
        <v>566</v>
      </c>
      <c r="BP6" s="275">
        <v>567</v>
      </c>
      <c r="BQ6" s="269">
        <v>0</v>
      </c>
      <c r="BR6" s="273">
        <v>0</v>
      </c>
      <c r="BS6" s="270">
        <v>0</v>
      </c>
      <c r="BT6" s="272">
        <v>0</v>
      </c>
      <c r="BU6" s="273">
        <v>3</v>
      </c>
      <c r="BV6" s="273">
        <v>6</v>
      </c>
      <c r="BW6" s="273">
        <v>7</v>
      </c>
      <c r="BX6" s="273">
        <v>4</v>
      </c>
      <c r="BY6" s="273">
        <v>4</v>
      </c>
      <c r="BZ6" s="270">
        <v>24</v>
      </c>
      <c r="CA6" s="275">
        <v>24</v>
      </c>
      <c r="CB6" s="269">
        <v>0</v>
      </c>
      <c r="CC6" s="273">
        <v>0</v>
      </c>
      <c r="CD6" s="270">
        <v>0</v>
      </c>
      <c r="CE6" s="272">
        <v>0</v>
      </c>
      <c r="CF6" s="273">
        <v>0</v>
      </c>
      <c r="CG6" s="273">
        <v>3</v>
      </c>
      <c r="CH6" s="273">
        <v>18</v>
      </c>
      <c r="CI6" s="273">
        <v>25</v>
      </c>
      <c r="CJ6" s="273">
        <v>9</v>
      </c>
      <c r="CK6" s="270">
        <v>55</v>
      </c>
      <c r="CL6" s="275">
        <v>55</v>
      </c>
      <c r="CM6" s="269">
        <v>0</v>
      </c>
      <c r="CN6" s="273">
        <v>0</v>
      </c>
      <c r="CO6" s="270">
        <v>0</v>
      </c>
      <c r="CP6" s="272">
        <v>0</v>
      </c>
      <c r="CQ6" s="273">
        <v>18</v>
      </c>
      <c r="CR6" s="273">
        <v>19</v>
      </c>
      <c r="CS6" s="273">
        <v>20</v>
      </c>
      <c r="CT6" s="273">
        <v>33</v>
      </c>
      <c r="CU6" s="273">
        <v>37</v>
      </c>
      <c r="CV6" s="270">
        <v>127</v>
      </c>
      <c r="CW6" s="275">
        <v>127</v>
      </c>
    </row>
    <row r="7" spans="1:101" ht="21" customHeight="1" x14ac:dyDescent="0.2">
      <c r="B7" s="261" t="s">
        <v>5</v>
      </c>
      <c r="C7" s="276">
        <v>0</v>
      </c>
      <c r="D7" s="277">
        <v>0</v>
      </c>
      <c r="E7" s="278">
        <v>0</v>
      </c>
      <c r="F7" s="279">
        <v>0</v>
      </c>
      <c r="G7" s="280">
        <v>5</v>
      </c>
      <c r="H7" s="280">
        <v>12</v>
      </c>
      <c r="I7" s="280">
        <v>11</v>
      </c>
      <c r="J7" s="280">
        <v>12</v>
      </c>
      <c r="K7" s="280">
        <v>9</v>
      </c>
      <c r="L7" s="281">
        <v>49</v>
      </c>
      <c r="M7" s="282">
        <v>49</v>
      </c>
      <c r="N7" s="276">
        <v>0</v>
      </c>
      <c r="O7" s="280">
        <v>0</v>
      </c>
      <c r="P7" s="277">
        <v>0</v>
      </c>
      <c r="Q7" s="279">
        <v>0</v>
      </c>
      <c r="R7" s="280">
        <v>7</v>
      </c>
      <c r="S7" s="280">
        <v>26</v>
      </c>
      <c r="T7" s="280">
        <v>29</v>
      </c>
      <c r="U7" s="280">
        <v>27</v>
      </c>
      <c r="V7" s="280">
        <v>23</v>
      </c>
      <c r="W7" s="277">
        <v>112</v>
      </c>
      <c r="X7" s="282">
        <v>112</v>
      </c>
      <c r="Y7" s="276">
        <v>0</v>
      </c>
      <c r="Z7" s="280">
        <v>0</v>
      </c>
      <c r="AA7" s="277">
        <v>0</v>
      </c>
      <c r="AB7" s="279">
        <v>0</v>
      </c>
      <c r="AC7" s="280">
        <v>390</v>
      </c>
      <c r="AD7" s="280">
        <v>395</v>
      </c>
      <c r="AE7" s="280">
        <v>173</v>
      </c>
      <c r="AF7" s="280">
        <v>85</v>
      </c>
      <c r="AG7" s="280">
        <v>39</v>
      </c>
      <c r="AH7" s="277">
        <v>1082</v>
      </c>
      <c r="AI7" s="282">
        <v>1082</v>
      </c>
      <c r="AJ7" s="276">
        <v>0</v>
      </c>
      <c r="AK7" s="280">
        <v>0</v>
      </c>
      <c r="AL7" s="277">
        <v>0</v>
      </c>
      <c r="AM7" s="279">
        <v>0</v>
      </c>
      <c r="AN7" s="280">
        <v>40</v>
      </c>
      <c r="AO7" s="280">
        <v>35</v>
      </c>
      <c r="AP7" s="280">
        <v>51</v>
      </c>
      <c r="AQ7" s="280">
        <v>18</v>
      </c>
      <c r="AR7" s="280">
        <v>14</v>
      </c>
      <c r="AS7" s="277">
        <v>158</v>
      </c>
      <c r="AT7" s="282">
        <v>158</v>
      </c>
      <c r="AU7" s="276">
        <v>4</v>
      </c>
      <c r="AV7" s="280">
        <v>4</v>
      </c>
      <c r="AW7" s="277">
        <v>8</v>
      </c>
      <c r="AX7" s="279">
        <v>0</v>
      </c>
      <c r="AY7" s="280">
        <v>25</v>
      </c>
      <c r="AZ7" s="280">
        <v>33</v>
      </c>
      <c r="BA7" s="280">
        <v>29</v>
      </c>
      <c r="BB7" s="280">
        <v>19</v>
      </c>
      <c r="BC7" s="280">
        <v>12</v>
      </c>
      <c r="BD7" s="277">
        <v>118</v>
      </c>
      <c r="BE7" s="282">
        <v>126</v>
      </c>
      <c r="BF7" s="276">
        <v>0</v>
      </c>
      <c r="BG7" s="280">
        <v>1</v>
      </c>
      <c r="BH7" s="277">
        <v>1</v>
      </c>
      <c r="BI7" s="279">
        <v>0</v>
      </c>
      <c r="BJ7" s="280">
        <v>33</v>
      </c>
      <c r="BK7" s="280">
        <v>54</v>
      </c>
      <c r="BL7" s="280">
        <v>48</v>
      </c>
      <c r="BM7" s="280">
        <v>51</v>
      </c>
      <c r="BN7" s="280">
        <v>29</v>
      </c>
      <c r="BO7" s="281">
        <v>215</v>
      </c>
      <c r="BP7" s="282">
        <v>216</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3</v>
      </c>
      <c r="CI7" s="280">
        <v>4</v>
      </c>
      <c r="CJ7" s="280">
        <v>2</v>
      </c>
      <c r="CK7" s="277">
        <v>10</v>
      </c>
      <c r="CL7" s="282">
        <v>10</v>
      </c>
      <c r="CM7" s="276">
        <v>0</v>
      </c>
      <c r="CN7" s="280">
        <v>0</v>
      </c>
      <c r="CO7" s="277">
        <v>0</v>
      </c>
      <c r="CP7" s="279">
        <v>0</v>
      </c>
      <c r="CQ7" s="280">
        <v>3</v>
      </c>
      <c r="CR7" s="280">
        <v>3</v>
      </c>
      <c r="CS7" s="280">
        <v>5</v>
      </c>
      <c r="CT7" s="280">
        <v>7</v>
      </c>
      <c r="CU7" s="280">
        <v>21</v>
      </c>
      <c r="CV7" s="277">
        <v>39</v>
      </c>
      <c r="CW7" s="282">
        <v>39</v>
      </c>
    </row>
    <row r="8" spans="1:101" ht="21" customHeight="1" x14ac:dyDescent="0.2">
      <c r="B8" s="261" t="s">
        <v>6</v>
      </c>
      <c r="C8" s="276">
        <v>0</v>
      </c>
      <c r="D8" s="277">
        <v>0</v>
      </c>
      <c r="E8" s="278">
        <v>0</v>
      </c>
      <c r="F8" s="279">
        <v>0</v>
      </c>
      <c r="G8" s="280">
        <v>4</v>
      </c>
      <c r="H8" s="280">
        <v>3</v>
      </c>
      <c r="I8" s="280">
        <v>8</v>
      </c>
      <c r="J8" s="280">
        <v>4</v>
      </c>
      <c r="K8" s="280">
        <v>8</v>
      </c>
      <c r="L8" s="281">
        <v>27</v>
      </c>
      <c r="M8" s="282">
        <v>27</v>
      </c>
      <c r="N8" s="276">
        <v>0</v>
      </c>
      <c r="O8" s="280">
        <v>0</v>
      </c>
      <c r="P8" s="277">
        <v>0</v>
      </c>
      <c r="Q8" s="279">
        <v>0</v>
      </c>
      <c r="R8" s="280">
        <v>3</v>
      </c>
      <c r="S8" s="280">
        <v>5</v>
      </c>
      <c r="T8" s="280">
        <v>5</v>
      </c>
      <c r="U8" s="280">
        <v>3</v>
      </c>
      <c r="V8" s="280">
        <v>3</v>
      </c>
      <c r="W8" s="277">
        <v>19</v>
      </c>
      <c r="X8" s="282">
        <v>19</v>
      </c>
      <c r="Y8" s="276">
        <v>0</v>
      </c>
      <c r="Z8" s="280">
        <v>0</v>
      </c>
      <c r="AA8" s="277">
        <v>0</v>
      </c>
      <c r="AB8" s="279">
        <v>0</v>
      </c>
      <c r="AC8" s="280">
        <v>107</v>
      </c>
      <c r="AD8" s="280">
        <v>61</v>
      </c>
      <c r="AE8" s="280">
        <v>36</v>
      </c>
      <c r="AF8" s="280">
        <v>21</v>
      </c>
      <c r="AG8" s="280">
        <v>5</v>
      </c>
      <c r="AH8" s="277">
        <v>230</v>
      </c>
      <c r="AI8" s="282">
        <v>230</v>
      </c>
      <c r="AJ8" s="276">
        <v>0</v>
      </c>
      <c r="AK8" s="280">
        <v>0</v>
      </c>
      <c r="AL8" s="277">
        <v>0</v>
      </c>
      <c r="AM8" s="279">
        <v>0</v>
      </c>
      <c r="AN8" s="280">
        <v>15</v>
      </c>
      <c r="AO8" s="280">
        <v>14</v>
      </c>
      <c r="AP8" s="280">
        <v>8</v>
      </c>
      <c r="AQ8" s="280">
        <v>5</v>
      </c>
      <c r="AR8" s="280">
        <v>5</v>
      </c>
      <c r="AS8" s="277">
        <v>47</v>
      </c>
      <c r="AT8" s="282">
        <v>47</v>
      </c>
      <c r="AU8" s="276">
        <v>2</v>
      </c>
      <c r="AV8" s="280">
        <v>0</v>
      </c>
      <c r="AW8" s="277">
        <v>2</v>
      </c>
      <c r="AX8" s="279">
        <v>0</v>
      </c>
      <c r="AY8" s="280">
        <v>12</v>
      </c>
      <c r="AZ8" s="280">
        <v>6</v>
      </c>
      <c r="BA8" s="280">
        <v>9</v>
      </c>
      <c r="BB8" s="280">
        <v>11</v>
      </c>
      <c r="BC8" s="280">
        <v>2</v>
      </c>
      <c r="BD8" s="277">
        <v>40</v>
      </c>
      <c r="BE8" s="282">
        <v>42</v>
      </c>
      <c r="BF8" s="276">
        <v>0</v>
      </c>
      <c r="BG8" s="280">
        <v>0</v>
      </c>
      <c r="BH8" s="277">
        <v>0</v>
      </c>
      <c r="BI8" s="279">
        <v>0</v>
      </c>
      <c r="BJ8" s="280">
        <v>21</v>
      </c>
      <c r="BK8" s="280">
        <v>19</v>
      </c>
      <c r="BL8" s="280">
        <v>20</v>
      </c>
      <c r="BM8" s="280">
        <v>24</v>
      </c>
      <c r="BN8" s="280">
        <v>11</v>
      </c>
      <c r="BO8" s="281">
        <v>95</v>
      </c>
      <c r="BP8" s="282">
        <v>95</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0</v>
      </c>
      <c r="CG8" s="280">
        <v>0</v>
      </c>
      <c r="CH8" s="280">
        <v>8</v>
      </c>
      <c r="CI8" s="280">
        <v>6</v>
      </c>
      <c r="CJ8" s="280">
        <v>2</v>
      </c>
      <c r="CK8" s="277">
        <v>16</v>
      </c>
      <c r="CL8" s="282">
        <v>16</v>
      </c>
      <c r="CM8" s="276">
        <v>0</v>
      </c>
      <c r="CN8" s="280">
        <v>0</v>
      </c>
      <c r="CO8" s="277">
        <v>0</v>
      </c>
      <c r="CP8" s="279">
        <v>0</v>
      </c>
      <c r="CQ8" s="280">
        <v>6</v>
      </c>
      <c r="CR8" s="280">
        <v>3</v>
      </c>
      <c r="CS8" s="280">
        <v>1</v>
      </c>
      <c r="CT8" s="280">
        <v>7</v>
      </c>
      <c r="CU8" s="280">
        <v>4</v>
      </c>
      <c r="CV8" s="277">
        <v>21</v>
      </c>
      <c r="CW8" s="282">
        <v>21</v>
      </c>
    </row>
    <row r="9" spans="1:101" ht="21" customHeight="1" x14ac:dyDescent="0.2">
      <c r="B9" s="261" t="s">
        <v>14</v>
      </c>
      <c r="C9" s="276">
        <v>0</v>
      </c>
      <c r="D9" s="277">
        <v>0</v>
      </c>
      <c r="E9" s="278">
        <v>0</v>
      </c>
      <c r="F9" s="279">
        <v>0</v>
      </c>
      <c r="G9" s="280">
        <v>2</v>
      </c>
      <c r="H9" s="280">
        <v>2</v>
      </c>
      <c r="I9" s="280">
        <v>2</v>
      </c>
      <c r="J9" s="280">
        <v>1</v>
      </c>
      <c r="K9" s="280">
        <v>1</v>
      </c>
      <c r="L9" s="281">
        <v>8</v>
      </c>
      <c r="M9" s="282">
        <v>8</v>
      </c>
      <c r="N9" s="276">
        <v>0</v>
      </c>
      <c r="O9" s="280">
        <v>0</v>
      </c>
      <c r="P9" s="277">
        <v>0</v>
      </c>
      <c r="Q9" s="279">
        <v>0</v>
      </c>
      <c r="R9" s="280">
        <v>0</v>
      </c>
      <c r="S9" s="280">
        <v>0</v>
      </c>
      <c r="T9" s="280">
        <v>0</v>
      </c>
      <c r="U9" s="280">
        <v>0</v>
      </c>
      <c r="V9" s="280">
        <v>0</v>
      </c>
      <c r="W9" s="277">
        <v>0</v>
      </c>
      <c r="X9" s="282">
        <v>0</v>
      </c>
      <c r="Y9" s="276">
        <v>0</v>
      </c>
      <c r="Z9" s="280">
        <v>0</v>
      </c>
      <c r="AA9" s="277">
        <v>0</v>
      </c>
      <c r="AB9" s="279">
        <v>0</v>
      </c>
      <c r="AC9" s="280">
        <v>74</v>
      </c>
      <c r="AD9" s="280">
        <v>70</v>
      </c>
      <c r="AE9" s="280">
        <v>45</v>
      </c>
      <c r="AF9" s="280">
        <v>7</v>
      </c>
      <c r="AG9" s="280">
        <v>8</v>
      </c>
      <c r="AH9" s="277">
        <v>204</v>
      </c>
      <c r="AI9" s="282">
        <v>204</v>
      </c>
      <c r="AJ9" s="276">
        <v>0</v>
      </c>
      <c r="AK9" s="280">
        <v>0</v>
      </c>
      <c r="AL9" s="277">
        <v>0</v>
      </c>
      <c r="AM9" s="279">
        <v>0</v>
      </c>
      <c r="AN9" s="280">
        <v>1</v>
      </c>
      <c r="AO9" s="280">
        <v>4</v>
      </c>
      <c r="AP9" s="280">
        <v>1</v>
      </c>
      <c r="AQ9" s="280">
        <v>0</v>
      </c>
      <c r="AR9" s="280">
        <v>1</v>
      </c>
      <c r="AS9" s="277">
        <v>7</v>
      </c>
      <c r="AT9" s="282">
        <v>7</v>
      </c>
      <c r="AU9" s="276">
        <v>2</v>
      </c>
      <c r="AV9" s="280">
        <v>1</v>
      </c>
      <c r="AW9" s="277">
        <v>3</v>
      </c>
      <c r="AX9" s="279">
        <v>0</v>
      </c>
      <c r="AY9" s="280">
        <v>8</v>
      </c>
      <c r="AZ9" s="280">
        <v>6</v>
      </c>
      <c r="BA9" s="280">
        <v>4</v>
      </c>
      <c r="BB9" s="280">
        <v>3</v>
      </c>
      <c r="BC9" s="280">
        <v>5</v>
      </c>
      <c r="BD9" s="277">
        <v>26</v>
      </c>
      <c r="BE9" s="282">
        <v>29</v>
      </c>
      <c r="BF9" s="276">
        <v>0</v>
      </c>
      <c r="BG9" s="280">
        <v>0</v>
      </c>
      <c r="BH9" s="277">
        <v>0</v>
      </c>
      <c r="BI9" s="279">
        <v>0</v>
      </c>
      <c r="BJ9" s="280">
        <v>5</v>
      </c>
      <c r="BK9" s="280">
        <v>11</v>
      </c>
      <c r="BL9" s="280">
        <v>13</v>
      </c>
      <c r="BM9" s="280">
        <v>11</v>
      </c>
      <c r="BN9" s="280">
        <v>6</v>
      </c>
      <c r="BO9" s="281">
        <v>46</v>
      </c>
      <c r="BP9" s="282">
        <v>46</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0</v>
      </c>
      <c r="CH9" s="280">
        <v>3</v>
      </c>
      <c r="CI9" s="280">
        <v>2</v>
      </c>
      <c r="CJ9" s="280">
        <v>0</v>
      </c>
      <c r="CK9" s="277">
        <v>5</v>
      </c>
      <c r="CL9" s="282">
        <v>5</v>
      </c>
      <c r="CM9" s="276">
        <v>0</v>
      </c>
      <c r="CN9" s="280">
        <v>0</v>
      </c>
      <c r="CO9" s="277">
        <v>0</v>
      </c>
      <c r="CP9" s="279">
        <v>0</v>
      </c>
      <c r="CQ9" s="280">
        <v>1</v>
      </c>
      <c r="CR9" s="280">
        <v>4</v>
      </c>
      <c r="CS9" s="280">
        <v>0</v>
      </c>
      <c r="CT9" s="280">
        <v>3</v>
      </c>
      <c r="CU9" s="280">
        <v>2</v>
      </c>
      <c r="CV9" s="277">
        <v>10</v>
      </c>
      <c r="CW9" s="282">
        <v>10</v>
      </c>
    </row>
    <row r="10" spans="1:101" ht="21" customHeight="1" x14ac:dyDescent="0.2">
      <c r="B10" s="261" t="s">
        <v>7</v>
      </c>
      <c r="C10" s="276">
        <v>0</v>
      </c>
      <c r="D10" s="277">
        <v>0</v>
      </c>
      <c r="E10" s="278">
        <v>0</v>
      </c>
      <c r="F10" s="279">
        <v>0</v>
      </c>
      <c r="G10" s="280">
        <v>0</v>
      </c>
      <c r="H10" s="280">
        <v>0</v>
      </c>
      <c r="I10" s="280">
        <v>0</v>
      </c>
      <c r="J10" s="280">
        <v>0</v>
      </c>
      <c r="K10" s="280">
        <v>0</v>
      </c>
      <c r="L10" s="281">
        <v>0</v>
      </c>
      <c r="M10" s="282">
        <v>0</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90</v>
      </c>
      <c r="AD10" s="280">
        <v>54</v>
      </c>
      <c r="AE10" s="280">
        <v>21</v>
      </c>
      <c r="AF10" s="280">
        <v>5</v>
      </c>
      <c r="AG10" s="280">
        <v>3</v>
      </c>
      <c r="AH10" s="277">
        <v>173</v>
      </c>
      <c r="AI10" s="282">
        <v>173</v>
      </c>
      <c r="AJ10" s="276">
        <v>0</v>
      </c>
      <c r="AK10" s="280">
        <v>0</v>
      </c>
      <c r="AL10" s="277">
        <v>0</v>
      </c>
      <c r="AM10" s="279">
        <v>0</v>
      </c>
      <c r="AN10" s="280">
        <v>9</v>
      </c>
      <c r="AO10" s="280">
        <v>13</v>
      </c>
      <c r="AP10" s="280">
        <v>7</v>
      </c>
      <c r="AQ10" s="280">
        <v>7</v>
      </c>
      <c r="AR10" s="280">
        <v>2</v>
      </c>
      <c r="AS10" s="277">
        <v>38</v>
      </c>
      <c r="AT10" s="282">
        <v>38</v>
      </c>
      <c r="AU10" s="276">
        <v>0</v>
      </c>
      <c r="AV10" s="280">
        <v>0</v>
      </c>
      <c r="AW10" s="277">
        <v>0</v>
      </c>
      <c r="AX10" s="279">
        <v>0</v>
      </c>
      <c r="AY10" s="280">
        <v>4</v>
      </c>
      <c r="AZ10" s="280">
        <v>4</v>
      </c>
      <c r="BA10" s="280">
        <v>3</v>
      </c>
      <c r="BB10" s="280">
        <v>0</v>
      </c>
      <c r="BC10" s="280">
        <v>0</v>
      </c>
      <c r="BD10" s="277">
        <v>11</v>
      </c>
      <c r="BE10" s="282">
        <v>11</v>
      </c>
      <c r="BF10" s="276">
        <v>0</v>
      </c>
      <c r="BG10" s="280">
        <v>0</v>
      </c>
      <c r="BH10" s="277">
        <v>0</v>
      </c>
      <c r="BI10" s="279">
        <v>0</v>
      </c>
      <c r="BJ10" s="280">
        <v>7</v>
      </c>
      <c r="BK10" s="280">
        <v>3</v>
      </c>
      <c r="BL10" s="280">
        <v>15</v>
      </c>
      <c r="BM10" s="280">
        <v>2</v>
      </c>
      <c r="BN10" s="280">
        <v>5</v>
      </c>
      <c r="BO10" s="281">
        <v>32</v>
      </c>
      <c r="BP10" s="282">
        <v>32</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v>
      </c>
      <c r="CR10" s="280">
        <v>0</v>
      </c>
      <c r="CS10" s="280">
        <v>2</v>
      </c>
      <c r="CT10" s="280">
        <v>2</v>
      </c>
      <c r="CU10" s="280">
        <v>2</v>
      </c>
      <c r="CV10" s="277">
        <v>7</v>
      </c>
      <c r="CW10" s="282">
        <v>7</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40</v>
      </c>
      <c r="AD11" s="280">
        <v>27</v>
      </c>
      <c r="AE11" s="280">
        <v>13</v>
      </c>
      <c r="AF11" s="280">
        <v>5</v>
      </c>
      <c r="AG11" s="280">
        <v>3</v>
      </c>
      <c r="AH11" s="277">
        <v>88</v>
      </c>
      <c r="AI11" s="282">
        <v>88</v>
      </c>
      <c r="AJ11" s="276">
        <v>0</v>
      </c>
      <c r="AK11" s="280">
        <v>0</v>
      </c>
      <c r="AL11" s="277">
        <v>0</v>
      </c>
      <c r="AM11" s="279">
        <v>0</v>
      </c>
      <c r="AN11" s="280">
        <v>1</v>
      </c>
      <c r="AO11" s="280">
        <v>0</v>
      </c>
      <c r="AP11" s="280">
        <v>0</v>
      </c>
      <c r="AQ11" s="280">
        <v>0</v>
      </c>
      <c r="AR11" s="280">
        <v>1</v>
      </c>
      <c r="AS11" s="277">
        <v>2</v>
      </c>
      <c r="AT11" s="282">
        <v>2</v>
      </c>
      <c r="AU11" s="276">
        <v>0</v>
      </c>
      <c r="AV11" s="280">
        <v>1</v>
      </c>
      <c r="AW11" s="277">
        <v>1</v>
      </c>
      <c r="AX11" s="279">
        <v>0</v>
      </c>
      <c r="AY11" s="280">
        <v>1</v>
      </c>
      <c r="AZ11" s="280">
        <v>2</v>
      </c>
      <c r="BA11" s="280">
        <v>3</v>
      </c>
      <c r="BB11" s="280">
        <v>1</v>
      </c>
      <c r="BC11" s="280">
        <v>1</v>
      </c>
      <c r="BD11" s="277">
        <v>8</v>
      </c>
      <c r="BE11" s="282">
        <v>9</v>
      </c>
      <c r="BF11" s="276">
        <v>0</v>
      </c>
      <c r="BG11" s="280">
        <v>0</v>
      </c>
      <c r="BH11" s="277">
        <v>0</v>
      </c>
      <c r="BI11" s="279">
        <v>0</v>
      </c>
      <c r="BJ11" s="280">
        <v>5</v>
      </c>
      <c r="BK11" s="280">
        <v>3</v>
      </c>
      <c r="BL11" s="280">
        <v>4</v>
      </c>
      <c r="BM11" s="280">
        <v>3</v>
      </c>
      <c r="BN11" s="280">
        <v>1</v>
      </c>
      <c r="BO11" s="281">
        <v>16</v>
      </c>
      <c r="BP11" s="282">
        <v>16</v>
      </c>
      <c r="BQ11" s="276">
        <v>0</v>
      </c>
      <c r="BR11" s="280">
        <v>0</v>
      </c>
      <c r="BS11" s="277">
        <v>0</v>
      </c>
      <c r="BT11" s="279">
        <v>0</v>
      </c>
      <c r="BU11" s="280">
        <v>0</v>
      </c>
      <c r="BV11" s="280">
        <v>0</v>
      </c>
      <c r="BW11" s="280">
        <v>2</v>
      </c>
      <c r="BX11" s="280">
        <v>0</v>
      </c>
      <c r="BY11" s="280">
        <v>1</v>
      </c>
      <c r="BZ11" s="277">
        <v>3</v>
      </c>
      <c r="CA11" s="282">
        <v>3</v>
      </c>
      <c r="CB11" s="276">
        <v>0</v>
      </c>
      <c r="CC11" s="280">
        <v>0</v>
      </c>
      <c r="CD11" s="277">
        <v>0</v>
      </c>
      <c r="CE11" s="279">
        <v>0</v>
      </c>
      <c r="CF11" s="280">
        <v>0</v>
      </c>
      <c r="CG11" s="280">
        <v>0</v>
      </c>
      <c r="CH11" s="280">
        <v>0</v>
      </c>
      <c r="CI11" s="280">
        <v>1</v>
      </c>
      <c r="CJ11" s="280">
        <v>0</v>
      </c>
      <c r="CK11" s="277">
        <v>1</v>
      </c>
      <c r="CL11" s="282">
        <v>1</v>
      </c>
      <c r="CM11" s="276">
        <v>0</v>
      </c>
      <c r="CN11" s="280">
        <v>0</v>
      </c>
      <c r="CO11" s="277">
        <v>0</v>
      </c>
      <c r="CP11" s="279">
        <v>0</v>
      </c>
      <c r="CQ11" s="280">
        <v>3</v>
      </c>
      <c r="CR11" s="280">
        <v>0</v>
      </c>
      <c r="CS11" s="280">
        <v>1</v>
      </c>
      <c r="CT11" s="280">
        <v>2</v>
      </c>
      <c r="CU11" s="280">
        <v>1</v>
      </c>
      <c r="CV11" s="277">
        <v>7</v>
      </c>
      <c r="CW11" s="282">
        <v>7</v>
      </c>
    </row>
    <row r="12" spans="1:101" ht="21" customHeight="1" x14ac:dyDescent="0.2">
      <c r="B12" s="261" t="s">
        <v>9</v>
      </c>
      <c r="C12" s="276">
        <v>0</v>
      </c>
      <c r="D12" s="277">
        <v>0</v>
      </c>
      <c r="E12" s="278">
        <v>0</v>
      </c>
      <c r="F12" s="279">
        <v>0</v>
      </c>
      <c r="G12" s="280">
        <v>0</v>
      </c>
      <c r="H12" s="280">
        <v>0</v>
      </c>
      <c r="I12" s="280">
        <v>0</v>
      </c>
      <c r="J12" s="280">
        <v>0</v>
      </c>
      <c r="K12" s="280">
        <v>0</v>
      </c>
      <c r="L12" s="281">
        <v>0</v>
      </c>
      <c r="M12" s="282">
        <v>0</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54</v>
      </c>
      <c r="AD12" s="280">
        <v>24</v>
      </c>
      <c r="AE12" s="280">
        <v>18</v>
      </c>
      <c r="AF12" s="280">
        <v>8</v>
      </c>
      <c r="AG12" s="280">
        <v>2</v>
      </c>
      <c r="AH12" s="277">
        <v>106</v>
      </c>
      <c r="AI12" s="282">
        <v>106</v>
      </c>
      <c r="AJ12" s="276">
        <v>0</v>
      </c>
      <c r="AK12" s="280">
        <v>0</v>
      </c>
      <c r="AL12" s="277">
        <v>0</v>
      </c>
      <c r="AM12" s="279">
        <v>0</v>
      </c>
      <c r="AN12" s="280">
        <v>0</v>
      </c>
      <c r="AO12" s="280">
        <v>0</v>
      </c>
      <c r="AP12" s="280">
        <v>1</v>
      </c>
      <c r="AQ12" s="280">
        <v>0</v>
      </c>
      <c r="AR12" s="280">
        <v>0</v>
      </c>
      <c r="AS12" s="277">
        <v>1</v>
      </c>
      <c r="AT12" s="282">
        <v>1</v>
      </c>
      <c r="AU12" s="276">
        <v>2</v>
      </c>
      <c r="AV12" s="280">
        <v>0</v>
      </c>
      <c r="AW12" s="277">
        <v>2</v>
      </c>
      <c r="AX12" s="279">
        <v>0</v>
      </c>
      <c r="AY12" s="280">
        <v>1</v>
      </c>
      <c r="AZ12" s="280">
        <v>4</v>
      </c>
      <c r="BA12" s="280">
        <v>2</v>
      </c>
      <c r="BB12" s="280">
        <v>0</v>
      </c>
      <c r="BC12" s="280">
        <v>0</v>
      </c>
      <c r="BD12" s="277">
        <v>7</v>
      </c>
      <c r="BE12" s="282">
        <v>9</v>
      </c>
      <c r="BF12" s="276">
        <v>0</v>
      </c>
      <c r="BG12" s="280">
        <v>0</v>
      </c>
      <c r="BH12" s="277">
        <v>0</v>
      </c>
      <c r="BI12" s="279">
        <v>0</v>
      </c>
      <c r="BJ12" s="280">
        <v>2</v>
      </c>
      <c r="BK12" s="280">
        <v>3</v>
      </c>
      <c r="BL12" s="280">
        <v>7</v>
      </c>
      <c r="BM12" s="280">
        <v>2</v>
      </c>
      <c r="BN12" s="280">
        <v>4</v>
      </c>
      <c r="BO12" s="281">
        <v>18</v>
      </c>
      <c r="BP12" s="282">
        <v>18</v>
      </c>
      <c r="BQ12" s="276">
        <v>0</v>
      </c>
      <c r="BR12" s="280">
        <v>0</v>
      </c>
      <c r="BS12" s="277">
        <v>0</v>
      </c>
      <c r="BT12" s="279">
        <v>0</v>
      </c>
      <c r="BU12" s="280">
        <v>1</v>
      </c>
      <c r="BV12" s="280">
        <v>0</v>
      </c>
      <c r="BW12" s="280">
        <v>0</v>
      </c>
      <c r="BX12" s="280">
        <v>0</v>
      </c>
      <c r="BY12" s="280">
        <v>0</v>
      </c>
      <c r="BZ12" s="277">
        <v>1</v>
      </c>
      <c r="CA12" s="282">
        <v>1</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2</v>
      </c>
      <c r="CT12" s="280">
        <v>2</v>
      </c>
      <c r="CU12" s="280">
        <v>1</v>
      </c>
      <c r="CV12" s="277">
        <v>6</v>
      </c>
      <c r="CW12" s="282">
        <v>6</v>
      </c>
    </row>
    <row r="13" spans="1:101" ht="21" customHeight="1" x14ac:dyDescent="0.2">
      <c r="B13" s="261" t="s">
        <v>10</v>
      </c>
      <c r="C13" s="276">
        <v>0</v>
      </c>
      <c r="D13" s="277">
        <v>0</v>
      </c>
      <c r="E13" s="278">
        <v>0</v>
      </c>
      <c r="F13" s="279">
        <v>0</v>
      </c>
      <c r="G13" s="280">
        <v>4</v>
      </c>
      <c r="H13" s="280">
        <v>3</v>
      </c>
      <c r="I13" s="280">
        <v>2</v>
      </c>
      <c r="J13" s="280">
        <v>0</v>
      </c>
      <c r="K13" s="280">
        <v>1</v>
      </c>
      <c r="L13" s="281">
        <v>10</v>
      </c>
      <c r="M13" s="282">
        <v>10</v>
      </c>
      <c r="N13" s="276">
        <v>0</v>
      </c>
      <c r="O13" s="280">
        <v>0</v>
      </c>
      <c r="P13" s="277">
        <v>0</v>
      </c>
      <c r="Q13" s="279">
        <v>0</v>
      </c>
      <c r="R13" s="280">
        <v>1</v>
      </c>
      <c r="S13" s="280">
        <v>1</v>
      </c>
      <c r="T13" s="280">
        <v>2</v>
      </c>
      <c r="U13" s="280">
        <v>1</v>
      </c>
      <c r="V13" s="280">
        <v>0</v>
      </c>
      <c r="W13" s="277">
        <v>5</v>
      </c>
      <c r="X13" s="282">
        <v>5</v>
      </c>
      <c r="Y13" s="276">
        <v>0</v>
      </c>
      <c r="Z13" s="280">
        <v>0</v>
      </c>
      <c r="AA13" s="277">
        <v>0</v>
      </c>
      <c r="AB13" s="279">
        <v>0</v>
      </c>
      <c r="AC13" s="280">
        <v>41</v>
      </c>
      <c r="AD13" s="280">
        <v>23</v>
      </c>
      <c r="AE13" s="280">
        <v>7</v>
      </c>
      <c r="AF13" s="280">
        <v>7</v>
      </c>
      <c r="AG13" s="280">
        <v>0</v>
      </c>
      <c r="AH13" s="277">
        <v>78</v>
      </c>
      <c r="AI13" s="282">
        <v>78</v>
      </c>
      <c r="AJ13" s="276">
        <v>0</v>
      </c>
      <c r="AK13" s="280">
        <v>0</v>
      </c>
      <c r="AL13" s="277">
        <v>0</v>
      </c>
      <c r="AM13" s="279">
        <v>0</v>
      </c>
      <c r="AN13" s="280">
        <v>4</v>
      </c>
      <c r="AO13" s="280">
        <v>1</v>
      </c>
      <c r="AP13" s="280">
        <v>2</v>
      </c>
      <c r="AQ13" s="280">
        <v>1</v>
      </c>
      <c r="AR13" s="280">
        <v>2</v>
      </c>
      <c r="AS13" s="277">
        <v>10</v>
      </c>
      <c r="AT13" s="282">
        <v>10</v>
      </c>
      <c r="AU13" s="276">
        <v>0</v>
      </c>
      <c r="AV13" s="280">
        <v>0</v>
      </c>
      <c r="AW13" s="277">
        <v>0</v>
      </c>
      <c r="AX13" s="279">
        <v>0</v>
      </c>
      <c r="AY13" s="280">
        <v>2</v>
      </c>
      <c r="AZ13" s="280">
        <v>3</v>
      </c>
      <c r="BA13" s="280">
        <v>4</v>
      </c>
      <c r="BB13" s="280">
        <v>5</v>
      </c>
      <c r="BC13" s="280">
        <v>1</v>
      </c>
      <c r="BD13" s="277">
        <v>15</v>
      </c>
      <c r="BE13" s="282">
        <v>15</v>
      </c>
      <c r="BF13" s="276">
        <v>0</v>
      </c>
      <c r="BG13" s="280">
        <v>0</v>
      </c>
      <c r="BH13" s="277">
        <v>0</v>
      </c>
      <c r="BI13" s="279">
        <v>0</v>
      </c>
      <c r="BJ13" s="280">
        <v>5</v>
      </c>
      <c r="BK13" s="280">
        <v>8</v>
      </c>
      <c r="BL13" s="280">
        <v>9</v>
      </c>
      <c r="BM13" s="280">
        <v>4</v>
      </c>
      <c r="BN13" s="280">
        <v>5</v>
      </c>
      <c r="BO13" s="281">
        <v>31</v>
      </c>
      <c r="BP13" s="282">
        <v>31</v>
      </c>
      <c r="BQ13" s="276">
        <v>0</v>
      </c>
      <c r="BR13" s="280">
        <v>0</v>
      </c>
      <c r="BS13" s="277">
        <v>0</v>
      </c>
      <c r="BT13" s="279">
        <v>0</v>
      </c>
      <c r="BU13" s="280">
        <v>2</v>
      </c>
      <c r="BV13" s="280">
        <v>2</v>
      </c>
      <c r="BW13" s="280">
        <v>5</v>
      </c>
      <c r="BX13" s="280">
        <v>0</v>
      </c>
      <c r="BY13" s="280">
        <v>3</v>
      </c>
      <c r="BZ13" s="277">
        <v>12</v>
      </c>
      <c r="CA13" s="282">
        <v>12</v>
      </c>
      <c r="CB13" s="276">
        <v>0</v>
      </c>
      <c r="CC13" s="280">
        <v>0</v>
      </c>
      <c r="CD13" s="277">
        <v>0</v>
      </c>
      <c r="CE13" s="279">
        <v>0</v>
      </c>
      <c r="CF13" s="280">
        <v>0</v>
      </c>
      <c r="CG13" s="280">
        <v>1</v>
      </c>
      <c r="CH13" s="280">
        <v>1</v>
      </c>
      <c r="CI13" s="280">
        <v>4</v>
      </c>
      <c r="CJ13" s="280">
        <v>3</v>
      </c>
      <c r="CK13" s="277">
        <v>9</v>
      </c>
      <c r="CL13" s="282">
        <v>9</v>
      </c>
      <c r="CM13" s="276">
        <v>0</v>
      </c>
      <c r="CN13" s="280">
        <v>0</v>
      </c>
      <c r="CO13" s="277">
        <v>0</v>
      </c>
      <c r="CP13" s="279">
        <v>0</v>
      </c>
      <c r="CQ13" s="280">
        <v>2</v>
      </c>
      <c r="CR13" s="280">
        <v>2</v>
      </c>
      <c r="CS13" s="280">
        <v>5</v>
      </c>
      <c r="CT13" s="280">
        <v>6</v>
      </c>
      <c r="CU13" s="280">
        <v>3</v>
      </c>
      <c r="CV13" s="277">
        <v>18</v>
      </c>
      <c r="CW13" s="282">
        <v>18</v>
      </c>
    </row>
    <row r="14" spans="1:101" ht="21" customHeight="1" x14ac:dyDescent="0.2">
      <c r="B14" s="261" t="s">
        <v>11</v>
      </c>
      <c r="C14" s="276">
        <v>0</v>
      </c>
      <c r="D14" s="277">
        <v>0</v>
      </c>
      <c r="E14" s="278">
        <v>0</v>
      </c>
      <c r="F14" s="279">
        <v>0</v>
      </c>
      <c r="G14" s="280">
        <v>1</v>
      </c>
      <c r="H14" s="280">
        <v>1</v>
      </c>
      <c r="I14" s="280">
        <v>1</v>
      </c>
      <c r="J14" s="280">
        <v>0</v>
      </c>
      <c r="K14" s="280">
        <v>1</v>
      </c>
      <c r="L14" s="281">
        <v>4</v>
      </c>
      <c r="M14" s="282">
        <v>4</v>
      </c>
      <c r="N14" s="276">
        <v>0</v>
      </c>
      <c r="O14" s="280">
        <v>0</v>
      </c>
      <c r="P14" s="277">
        <v>0</v>
      </c>
      <c r="Q14" s="279">
        <v>0</v>
      </c>
      <c r="R14" s="280">
        <v>0</v>
      </c>
      <c r="S14" s="280">
        <v>0</v>
      </c>
      <c r="T14" s="280">
        <v>0</v>
      </c>
      <c r="U14" s="280">
        <v>1</v>
      </c>
      <c r="V14" s="280">
        <v>0</v>
      </c>
      <c r="W14" s="277">
        <v>1</v>
      </c>
      <c r="X14" s="282">
        <v>1</v>
      </c>
      <c r="Y14" s="276">
        <v>0</v>
      </c>
      <c r="Z14" s="280">
        <v>0</v>
      </c>
      <c r="AA14" s="277">
        <v>0</v>
      </c>
      <c r="AB14" s="279">
        <v>0</v>
      </c>
      <c r="AC14" s="280">
        <v>17</v>
      </c>
      <c r="AD14" s="280">
        <v>8</v>
      </c>
      <c r="AE14" s="280">
        <v>4</v>
      </c>
      <c r="AF14" s="280">
        <v>2</v>
      </c>
      <c r="AG14" s="280">
        <v>2</v>
      </c>
      <c r="AH14" s="277">
        <v>33</v>
      </c>
      <c r="AI14" s="282">
        <v>33</v>
      </c>
      <c r="AJ14" s="276">
        <v>0</v>
      </c>
      <c r="AK14" s="280">
        <v>0</v>
      </c>
      <c r="AL14" s="277">
        <v>0</v>
      </c>
      <c r="AM14" s="279">
        <v>0</v>
      </c>
      <c r="AN14" s="280">
        <v>0</v>
      </c>
      <c r="AO14" s="280">
        <v>3</v>
      </c>
      <c r="AP14" s="280">
        <v>1</v>
      </c>
      <c r="AQ14" s="280">
        <v>1</v>
      </c>
      <c r="AR14" s="280">
        <v>0</v>
      </c>
      <c r="AS14" s="277">
        <v>5</v>
      </c>
      <c r="AT14" s="282">
        <v>5</v>
      </c>
      <c r="AU14" s="276">
        <v>0</v>
      </c>
      <c r="AV14" s="280">
        <v>0</v>
      </c>
      <c r="AW14" s="277">
        <v>0</v>
      </c>
      <c r="AX14" s="279">
        <v>0</v>
      </c>
      <c r="AY14" s="280">
        <v>0</v>
      </c>
      <c r="AZ14" s="280">
        <v>3</v>
      </c>
      <c r="BA14" s="280">
        <v>2</v>
      </c>
      <c r="BB14" s="280">
        <v>1</v>
      </c>
      <c r="BC14" s="280">
        <v>0</v>
      </c>
      <c r="BD14" s="277">
        <v>6</v>
      </c>
      <c r="BE14" s="282">
        <v>6</v>
      </c>
      <c r="BF14" s="276">
        <v>0</v>
      </c>
      <c r="BG14" s="280">
        <v>0</v>
      </c>
      <c r="BH14" s="277">
        <v>0</v>
      </c>
      <c r="BI14" s="279">
        <v>0</v>
      </c>
      <c r="BJ14" s="280">
        <v>0</v>
      </c>
      <c r="BK14" s="280">
        <v>2</v>
      </c>
      <c r="BL14" s="280">
        <v>3</v>
      </c>
      <c r="BM14" s="280">
        <v>3</v>
      </c>
      <c r="BN14" s="280">
        <v>1</v>
      </c>
      <c r="BO14" s="281">
        <v>9</v>
      </c>
      <c r="BP14" s="282">
        <v>9</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1</v>
      </c>
      <c r="CR14" s="280">
        <v>1</v>
      </c>
      <c r="CS14" s="280">
        <v>0</v>
      </c>
      <c r="CT14" s="280">
        <v>1</v>
      </c>
      <c r="CU14" s="280">
        <v>0</v>
      </c>
      <c r="CV14" s="277">
        <v>3</v>
      </c>
      <c r="CW14" s="282">
        <v>3</v>
      </c>
    </row>
    <row r="15" spans="1:101" ht="21" customHeight="1" x14ac:dyDescent="0.2">
      <c r="B15" s="261" t="s">
        <v>12</v>
      </c>
      <c r="C15" s="276">
        <v>0</v>
      </c>
      <c r="D15" s="277">
        <v>0</v>
      </c>
      <c r="E15" s="278">
        <v>0</v>
      </c>
      <c r="F15" s="279">
        <v>0</v>
      </c>
      <c r="G15" s="280">
        <v>1</v>
      </c>
      <c r="H15" s="280">
        <v>1</v>
      </c>
      <c r="I15" s="280">
        <v>0</v>
      </c>
      <c r="J15" s="280">
        <v>1</v>
      </c>
      <c r="K15" s="280">
        <v>0</v>
      </c>
      <c r="L15" s="281">
        <v>3</v>
      </c>
      <c r="M15" s="282">
        <v>3</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28</v>
      </c>
      <c r="AD15" s="280">
        <v>19</v>
      </c>
      <c r="AE15" s="280">
        <v>12</v>
      </c>
      <c r="AF15" s="280">
        <v>6</v>
      </c>
      <c r="AG15" s="280">
        <v>2</v>
      </c>
      <c r="AH15" s="277">
        <v>67</v>
      </c>
      <c r="AI15" s="282">
        <v>67</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2</v>
      </c>
      <c r="AZ15" s="280">
        <v>0</v>
      </c>
      <c r="BA15" s="280">
        <v>4</v>
      </c>
      <c r="BB15" s="280">
        <v>4</v>
      </c>
      <c r="BC15" s="280">
        <v>2</v>
      </c>
      <c r="BD15" s="277">
        <v>12</v>
      </c>
      <c r="BE15" s="282">
        <v>12</v>
      </c>
      <c r="BF15" s="276">
        <v>0</v>
      </c>
      <c r="BG15" s="280">
        <v>0</v>
      </c>
      <c r="BH15" s="277">
        <v>0</v>
      </c>
      <c r="BI15" s="279">
        <v>0</v>
      </c>
      <c r="BJ15" s="280">
        <v>4</v>
      </c>
      <c r="BK15" s="280">
        <v>2</v>
      </c>
      <c r="BL15" s="280">
        <v>2</v>
      </c>
      <c r="BM15" s="280">
        <v>3</v>
      </c>
      <c r="BN15" s="280">
        <v>2</v>
      </c>
      <c r="BO15" s="281">
        <v>13</v>
      </c>
      <c r="BP15" s="282">
        <v>13</v>
      </c>
      <c r="BQ15" s="276">
        <v>0</v>
      </c>
      <c r="BR15" s="280">
        <v>0</v>
      </c>
      <c r="BS15" s="277">
        <v>0</v>
      </c>
      <c r="BT15" s="279">
        <v>0</v>
      </c>
      <c r="BU15" s="280">
        <v>0</v>
      </c>
      <c r="BV15" s="280">
        <v>4</v>
      </c>
      <c r="BW15" s="280">
        <v>0</v>
      </c>
      <c r="BX15" s="280">
        <v>2</v>
      </c>
      <c r="BY15" s="280">
        <v>0</v>
      </c>
      <c r="BZ15" s="277">
        <v>6</v>
      </c>
      <c r="CA15" s="282">
        <v>6</v>
      </c>
      <c r="CB15" s="276">
        <v>0</v>
      </c>
      <c r="CC15" s="280">
        <v>0</v>
      </c>
      <c r="CD15" s="277">
        <v>0</v>
      </c>
      <c r="CE15" s="279">
        <v>0</v>
      </c>
      <c r="CF15" s="280">
        <v>0</v>
      </c>
      <c r="CG15" s="280">
        <v>0</v>
      </c>
      <c r="CH15" s="280">
        <v>0</v>
      </c>
      <c r="CI15" s="280">
        <v>0</v>
      </c>
      <c r="CJ15" s="280">
        <v>1</v>
      </c>
      <c r="CK15" s="277">
        <v>1</v>
      </c>
      <c r="CL15" s="282">
        <v>1</v>
      </c>
      <c r="CM15" s="276">
        <v>0</v>
      </c>
      <c r="CN15" s="280">
        <v>0</v>
      </c>
      <c r="CO15" s="277">
        <v>0</v>
      </c>
      <c r="CP15" s="279">
        <v>0</v>
      </c>
      <c r="CQ15" s="280">
        <v>0</v>
      </c>
      <c r="CR15" s="280">
        <v>2</v>
      </c>
      <c r="CS15" s="280">
        <v>0</v>
      </c>
      <c r="CT15" s="280">
        <v>1</v>
      </c>
      <c r="CU15" s="280">
        <v>0</v>
      </c>
      <c r="CV15" s="277">
        <v>3</v>
      </c>
      <c r="CW15" s="282">
        <v>3</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4</v>
      </c>
      <c r="AD16" s="280">
        <v>14</v>
      </c>
      <c r="AE16" s="280">
        <v>7</v>
      </c>
      <c r="AF16" s="280">
        <v>3</v>
      </c>
      <c r="AG16" s="280">
        <v>2</v>
      </c>
      <c r="AH16" s="277">
        <v>40</v>
      </c>
      <c r="AI16" s="282">
        <v>40</v>
      </c>
      <c r="AJ16" s="276">
        <v>0</v>
      </c>
      <c r="AK16" s="280">
        <v>0</v>
      </c>
      <c r="AL16" s="277">
        <v>0</v>
      </c>
      <c r="AM16" s="279">
        <v>0</v>
      </c>
      <c r="AN16" s="280">
        <v>0</v>
      </c>
      <c r="AO16" s="280">
        <v>4</v>
      </c>
      <c r="AP16" s="280">
        <v>0</v>
      </c>
      <c r="AQ16" s="280">
        <v>1</v>
      </c>
      <c r="AR16" s="280">
        <v>1</v>
      </c>
      <c r="AS16" s="277">
        <v>6</v>
      </c>
      <c r="AT16" s="282">
        <v>6</v>
      </c>
      <c r="AU16" s="276">
        <v>0</v>
      </c>
      <c r="AV16" s="280">
        <v>0</v>
      </c>
      <c r="AW16" s="277">
        <v>0</v>
      </c>
      <c r="AX16" s="279">
        <v>0</v>
      </c>
      <c r="AY16" s="280">
        <v>1</v>
      </c>
      <c r="AZ16" s="280">
        <v>2</v>
      </c>
      <c r="BA16" s="280">
        <v>0</v>
      </c>
      <c r="BB16" s="280">
        <v>0</v>
      </c>
      <c r="BC16" s="280">
        <v>0</v>
      </c>
      <c r="BD16" s="277">
        <v>3</v>
      </c>
      <c r="BE16" s="282">
        <v>3</v>
      </c>
      <c r="BF16" s="276">
        <v>0</v>
      </c>
      <c r="BG16" s="280">
        <v>0</v>
      </c>
      <c r="BH16" s="277">
        <v>0</v>
      </c>
      <c r="BI16" s="279">
        <v>0</v>
      </c>
      <c r="BJ16" s="280">
        <v>0</v>
      </c>
      <c r="BK16" s="280">
        <v>2</v>
      </c>
      <c r="BL16" s="280">
        <v>0</v>
      </c>
      <c r="BM16" s="280">
        <v>1</v>
      </c>
      <c r="BN16" s="280">
        <v>0</v>
      </c>
      <c r="BO16" s="281">
        <v>3</v>
      </c>
      <c r="BP16" s="282">
        <v>3</v>
      </c>
      <c r="BQ16" s="276">
        <v>0</v>
      </c>
      <c r="BR16" s="280">
        <v>0</v>
      </c>
      <c r="BS16" s="277">
        <v>0</v>
      </c>
      <c r="BT16" s="279">
        <v>0</v>
      </c>
      <c r="BU16" s="280">
        <v>0</v>
      </c>
      <c r="BV16" s="280">
        <v>0</v>
      </c>
      <c r="BW16" s="280">
        <v>0</v>
      </c>
      <c r="BX16" s="280">
        <v>2</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1</v>
      </c>
      <c r="H17" s="280">
        <v>0</v>
      </c>
      <c r="I17" s="280">
        <v>0</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9</v>
      </c>
      <c r="AD17" s="280">
        <v>9</v>
      </c>
      <c r="AE17" s="280">
        <v>3</v>
      </c>
      <c r="AF17" s="280">
        <v>2</v>
      </c>
      <c r="AG17" s="280">
        <v>1</v>
      </c>
      <c r="AH17" s="277">
        <v>24</v>
      </c>
      <c r="AI17" s="282">
        <v>24</v>
      </c>
      <c r="AJ17" s="276">
        <v>0</v>
      </c>
      <c r="AK17" s="280">
        <v>0</v>
      </c>
      <c r="AL17" s="277">
        <v>0</v>
      </c>
      <c r="AM17" s="279">
        <v>0</v>
      </c>
      <c r="AN17" s="280">
        <v>0</v>
      </c>
      <c r="AO17" s="280">
        <v>0</v>
      </c>
      <c r="AP17" s="280">
        <v>0</v>
      </c>
      <c r="AQ17" s="280">
        <v>1</v>
      </c>
      <c r="AR17" s="280">
        <v>0</v>
      </c>
      <c r="AS17" s="277">
        <v>1</v>
      </c>
      <c r="AT17" s="282">
        <v>1</v>
      </c>
      <c r="AU17" s="276">
        <v>0</v>
      </c>
      <c r="AV17" s="280">
        <v>0</v>
      </c>
      <c r="AW17" s="277">
        <v>0</v>
      </c>
      <c r="AX17" s="279">
        <v>0</v>
      </c>
      <c r="AY17" s="280">
        <v>0</v>
      </c>
      <c r="AZ17" s="280">
        <v>1</v>
      </c>
      <c r="BA17" s="280">
        <v>0</v>
      </c>
      <c r="BB17" s="280">
        <v>1</v>
      </c>
      <c r="BC17" s="280">
        <v>1</v>
      </c>
      <c r="BD17" s="277">
        <v>3</v>
      </c>
      <c r="BE17" s="282">
        <v>3</v>
      </c>
      <c r="BF17" s="276">
        <v>0</v>
      </c>
      <c r="BG17" s="280">
        <v>0</v>
      </c>
      <c r="BH17" s="277">
        <v>0</v>
      </c>
      <c r="BI17" s="279">
        <v>0</v>
      </c>
      <c r="BJ17" s="280">
        <v>3</v>
      </c>
      <c r="BK17" s="280">
        <v>1</v>
      </c>
      <c r="BL17" s="280">
        <v>0</v>
      </c>
      <c r="BM17" s="280">
        <v>0</v>
      </c>
      <c r="BN17" s="280">
        <v>0</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1</v>
      </c>
      <c r="CJ17" s="280">
        <v>0</v>
      </c>
      <c r="CK17" s="277">
        <v>1</v>
      </c>
      <c r="CL17" s="282">
        <v>1</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1</v>
      </c>
      <c r="H18" s="280">
        <v>0</v>
      </c>
      <c r="I18" s="280">
        <v>1</v>
      </c>
      <c r="J18" s="280">
        <v>0</v>
      </c>
      <c r="K18" s="280">
        <v>0</v>
      </c>
      <c r="L18" s="281">
        <v>2</v>
      </c>
      <c r="M18" s="282">
        <v>2</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13</v>
      </c>
      <c r="AD18" s="280">
        <v>8</v>
      </c>
      <c r="AE18" s="280">
        <v>6</v>
      </c>
      <c r="AF18" s="280">
        <v>2</v>
      </c>
      <c r="AG18" s="280">
        <v>0</v>
      </c>
      <c r="AH18" s="277">
        <v>29</v>
      </c>
      <c r="AI18" s="282">
        <v>29</v>
      </c>
      <c r="AJ18" s="276">
        <v>0</v>
      </c>
      <c r="AK18" s="280">
        <v>0</v>
      </c>
      <c r="AL18" s="277">
        <v>0</v>
      </c>
      <c r="AM18" s="279">
        <v>0</v>
      </c>
      <c r="AN18" s="280">
        <v>0</v>
      </c>
      <c r="AO18" s="280">
        <v>0</v>
      </c>
      <c r="AP18" s="280">
        <v>1</v>
      </c>
      <c r="AQ18" s="280">
        <v>0</v>
      </c>
      <c r="AR18" s="280">
        <v>0</v>
      </c>
      <c r="AS18" s="277">
        <v>1</v>
      </c>
      <c r="AT18" s="282">
        <v>1</v>
      </c>
      <c r="AU18" s="276">
        <v>0</v>
      </c>
      <c r="AV18" s="280">
        <v>0</v>
      </c>
      <c r="AW18" s="277">
        <v>0</v>
      </c>
      <c r="AX18" s="279">
        <v>0</v>
      </c>
      <c r="AY18" s="280">
        <v>0</v>
      </c>
      <c r="AZ18" s="280">
        <v>1</v>
      </c>
      <c r="BA18" s="280">
        <v>1</v>
      </c>
      <c r="BB18" s="280">
        <v>0</v>
      </c>
      <c r="BC18" s="280">
        <v>0</v>
      </c>
      <c r="BD18" s="277">
        <v>2</v>
      </c>
      <c r="BE18" s="282">
        <v>2</v>
      </c>
      <c r="BF18" s="276">
        <v>0</v>
      </c>
      <c r="BG18" s="280">
        <v>0</v>
      </c>
      <c r="BH18" s="277">
        <v>0</v>
      </c>
      <c r="BI18" s="279">
        <v>0</v>
      </c>
      <c r="BJ18" s="280">
        <v>1</v>
      </c>
      <c r="BK18" s="280">
        <v>2</v>
      </c>
      <c r="BL18" s="280">
        <v>4</v>
      </c>
      <c r="BM18" s="280">
        <v>2</v>
      </c>
      <c r="BN18" s="280">
        <v>2</v>
      </c>
      <c r="BO18" s="281">
        <v>11</v>
      </c>
      <c r="BP18" s="282">
        <v>11</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1</v>
      </c>
      <c r="CS18" s="280">
        <v>1</v>
      </c>
      <c r="CT18" s="280">
        <v>0</v>
      </c>
      <c r="CU18" s="280">
        <v>0</v>
      </c>
      <c r="CV18" s="277">
        <v>2</v>
      </c>
      <c r="CW18" s="282">
        <v>2</v>
      </c>
    </row>
    <row r="19" spans="2:101" ht="21" customHeight="1" x14ac:dyDescent="0.2">
      <c r="B19" s="261" t="s">
        <v>17</v>
      </c>
      <c r="C19" s="276">
        <v>0</v>
      </c>
      <c r="D19" s="277">
        <v>0</v>
      </c>
      <c r="E19" s="278">
        <v>0</v>
      </c>
      <c r="F19" s="279">
        <v>0</v>
      </c>
      <c r="G19" s="280">
        <v>0</v>
      </c>
      <c r="H19" s="280">
        <v>0</v>
      </c>
      <c r="I19" s="280">
        <v>0</v>
      </c>
      <c r="J19" s="280">
        <v>0</v>
      </c>
      <c r="K19" s="280">
        <v>1</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9</v>
      </c>
      <c r="AD19" s="280">
        <v>16</v>
      </c>
      <c r="AE19" s="280">
        <v>7</v>
      </c>
      <c r="AF19" s="280">
        <v>2</v>
      </c>
      <c r="AG19" s="280">
        <v>2</v>
      </c>
      <c r="AH19" s="277">
        <v>46</v>
      </c>
      <c r="AI19" s="282">
        <v>46</v>
      </c>
      <c r="AJ19" s="276">
        <v>0</v>
      </c>
      <c r="AK19" s="280">
        <v>0</v>
      </c>
      <c r="AL19" s="277">
        <v>0</v>
      </c>
      <c r="AM19" s="279">
        <v>0</v>
      </c>
      <c r="AN19" s="280">
        <v>2</v>
      </c>
      <c r="AO19" s="280">
        <v>1</v>
      </c>
      <c r="AP19" s="280">
        <v>1</v>
      </c>
      <c r="AQ19" s="280">
        <v>0</v>
      </c>
      <c r="AR19" s="280">
        <v>0</v>
      </c>
      <c r="AS19" s="277">
        <v>4</v>
      </c>
      <c r="AT19" s="282">
        <v>4</v>
      </c>
      <c r="AU19" s="276">
        <v>0</v>
      </c>
      <c r="AV19" s="280">
        <v>0</v>
      </c>
      <c r="AW19" s="277">
        <v>0</v>
      </c>
      <c r="AX19" s="279">
        <v>0</v>
      </c>
      <c r="AY19" s="280">
        <v>1</v>
      </c>
      <c r="AZ19" s="280">
        <v>2</v>
      </c>
      <c r="BA19" s="280">
        <v>3</v>
      </c>
      <c r="BB19" s="280">
        <v>3</v>
      </c>
      <c r="BC19" s="280">
        <v>0</v>
      </c>
      <c r="BD19" s="277">
        <v>9</v>
      </c>
      <c r="BE19" s="282">
        <v>9</v>
      </c>
      <c r="BF19" s="276">
        <v>0</v>
      </c>
      <c r="BG19" s="280">
        <v>0</v>
      </c>
      <c r="BH19" s="277">
        <v>0</v>
      </c>
      <c r="BI19" s="279">
        <v>0</v>
      </c>
      <c r="BJ19" s="280">
        <v>3</v>
      </c>
      <c r="BK19" s="280">
        <v>7</v>
      </c>
      <c r="BL19" s="280">
        <v>5</v>
      </c>
      <c r="BM19" s="280">
        <v>1</v>
      </c>
      <c r="BN19" s="280">
        <v>0</v>
      </c>
      <c r="BO19" s="281">
        <v>16</v>
      </c>
      <c r="BP19" s="282">
        <v>16</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1</v>
      </c>
      <c r="CI19" s="280">
        <v>2</v>
      </c>
      <c r="CJ19" s="280">
        <v>0</v>
      </c>
      <c r="CK19" s="277">
        <v>3</v>
      </c>
      <c r="CL19" s="282">
        <v>3</v>
      </c>
      <c r="CM19" s="276">
        <v>0</v>
      </c>
      <c r="CN19" s="280">
        <v>0</v>
      </c>
      <c r="CO19" s="277">
        <v>0</v>
      </c>
      <c r="CP19" s="279">
        <v>0</v>
      </c>
      <c r="CQ19" s="280">
        <v>0</v>
      </c>
      <c r="CR19" s="280">
        <v>1</v>
      </c>
      <c r="CS19" s="280">
        <v>1</v>
      </c>
      <c r="CT19" s="280">
        <v>0</v>
      </c>
      <c r="CU19" s="280">
        <v>1</v>
      </c>
      <c r="CV19" s="277">
        <v>3</v>
      </c>
      <c r="CW19" s="282">
        <v>3</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19</v>
      </c>
      <c r="AD20" s="280">
        <v>13</v>
      </c>
      <c r="AE20" s="280">
        <v>5</v>
      </c>
      <c r="AF20" s="280">
        <v>3</v>
      </c>
      <c r="AG20" s="280">
        <v>0</v>
      </c>
      <c r="AH20" s="277">
        <v>40</v>
      </c>
      <c r="AI20" s="282">
        <v>40</v>
      </c>
      <c r="AJ20" s="276">
        <v>0</v>
      </c>
      <c r="AK20" s="280">
        <v>0</v>
      </c>
      <c r="AL20" s="277">
        <v>0</v>
      </c>
      <c r="AM20" s="279">
        <v>0</v>
      </c>
      <c r="AN20" s="280">
        <v>1</v>
      </c>
      <c r="AO20" s="280">
        <v>0</v>
      </c>
      <c r="AP20" s="280">
        <v>3</v>
      </c>
      <c r="AQ20" s="280">
        <v>0</v>
      </c>
      <c r="AR20" s="280">
        <v>1</v>
      </c>
      <c r="AS20" s="277">
        <v>5</v>
      </c>
      <c r="AT20" s="282">
        <v>5</v>
      </c>
      <c r="AU20" s="276">
        <v>1</v>
      </c>
      <c r="AV20" s="280">
        <v>0</v>
      </c>
      <c r="AW20" s="277">
        <v>1</v>
      </c>
      <c r="AX20" s="279">
        <v>0</v>
      </c>
      <c r="AY20" s="280">
        <v>5</v>
      </c>
      <c r="AZ20" s="280">
        <v>4</v>
      </c>
      <c r="BA20" s="280">
        <v>5</v>
      </c>
      <c r="BB20" s="280">
        <v>2</v>
      </c>
      <c r="BC20" s="280">
        <v>0</v>
      </c>
      <c r="BD20" s="277">
        <v>16</v>
      </c>
      <c r="BE20" s="282">
        <v>17</v>
      </c>
      <c r="BF20" s="276">
        <v>0</v>
      </c>
      <c r="BG20" s="280">
        <v>0</v>
      </c>
      <c r="BH20" s="277">
        <v>0</v>
      </c>
      <c r="BI20" s="279">
        <v>0</v>
      </c>
      <c r="BJ20" s="280">
        <v>1</v>
      </c>
      <c r="BK20" s="280">
        <v>4</v>
      </c>
      <c r="BL20" s="280">
        <v>4</v>
      </c>
      <c r="BM20" s="280">
        <v>3</v>
      </c>
      <c r="BN20" s="280">
        <v>2</v>
      </c>
      <c r="BO20" s="281">
        <v>14</v>
      </c>
      <c r="BP20" s="282">
        <v>14</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1</v>
      </c>
      <c r="CJ20" s="280">
        <v>0</v>
      </c>
      <c r="CK20" s="277">
        <v>1</v>
      </c>
      <c r="CL20" s="282">
        <v>1</v>
      </c>
      <c r="CM20" s="276">
        <v>0</v>
      </c>
      <c r="CN20" s="280">
        <v>0</v>
      </c>
      <c r="CO20" s="277">
        <v>0</v>
      </c>
      <c r="CP20" s="279">
        <v>0</v>
      </c>
      <c r="CQ20" s="280">
        <v>0</v>
      </c>
      <c r="CR20" s="280">
        <v>0</v>
      </c>
      <c r="CS20" s="280">
        <v>1</v>
      </c>
      <c r="CT20" s="280">
        <v>1</v>
      </c>
      <c r="CU20" s="280">
        <v>1</v>
      </c>
      <c r="CV20" s="277">
        <v>3</v>
      </c>
      <c r="CW20" s="282">
        <v>3</v>
      </c>
    </row>
    <row r="21" spans="2:101" ht="21" customHeight="1" x14ac:dyDescent="0.2">
      <c r="B21" s="261" t="s">
        <v>19</v>
      </c>
      <c r="C21" s="276">
        <v>0</v>
      </c>
      <c r="D21" s="277">
        <v>0</v>
      </c>
      <c r="E21" s="278">
        <v>0</v>
      </c>
      <c r="F21" s="279">
        <v>0</v>
      </c>
      <c r="G21" s="280">
        <v>1</v>
      </c>
      <c r="H21" s="280">
        <v>1</v>
      </c>
      <c r="I21" s="280">
        <v>0</v>
      </c>
      <c r="J21" s="280">
        <v>0</v>
      </c>
      <c r="K21" s="280">
        <v>1</v>
      </c>
      <c r="L21" s="281">
        <v>3</v>
      </c>
      <c r="M21" s="282">
        <v>3</v>
      </c>
      <c r="N21" s="276">
        <v>0</v>
      </c>
      <c r="O21" s="280">
        <v>0</v>
      </c>
      <c r="P21" s="277">
        <v>0</v>
      </c>
      <c r="Q21" s="279">
        <v>0</v>
      </c>
      <c r="R21" s="280">
        <v>0</v>
      </c>
      <c r="S21" s="280">
        <v>0</v>
      </c>
      <c r="T21" s="280">
        <v>0</v>
      </c>
      <c r="U21" s="280">
        <v>0</v>
      </c>
      <c r="V21" s="280">
        <v>0</v>
      </c>
      <c r="W21" s="277">
        <v>0</v>
      </c>
      <c r="X21" s="282">
        <v>0</v>
      </c>
      <c r="Y21" s="276">
        <v>0</v>
      </c>
      <c r="Z21" s="280">
        <v>0</v>
      </c>
      <c r="AA21" s="277">
        <v>0</v>
      </c>
      <c r="AB21" s="279">
        <v>0</v>
      </c>
      <c r="AC21" s="280">
        <v>3</v>
      </c>
      <c r="AD21" s="280">
        <v>5</v>
      </c>
      <c r="AE21" s="280">
        <v>0</v>
      </c>
      <c r="AF21" s="280">
        <v>0</v>
      </c>
      <c r="AG21" s="280">
        <v>0</v>
      </c>
      <c r="AH21" s="277">
        <v>8</v>
      </c>
      <c r="AI21" s="282">
        <v>8</v>
      </c>
      <c r="AJ21" s="276">
        <v>0</v>
      </c>
      <c r="AK21" s="280">
        <v>0</v>
      </c>
      <c r="AL21" s="277">
        <v>0</v>
      </c>
      <c r="AM21" s="279">
        <v>0</v>
      </c>
      <c r="AN21" s="280">
        <v>1</v>
      </c>
      <c r="AO21" s="280">
        <v>6</v>
      </c>
      <c r="AP21" s="280">
        <v>0</v>
      </c>
      <c r="AQ21" s="280">
        <v>0</v>
      </c>
      <c r="AR21" s="280">
        <v>0</v>
      </c>
      <c r="AS21" s="277">
        <v>7</v>
      </c>
      <c r="AT21" s="282">
        <v>7</v>
      </c>
      <c r="AU21" s="276">
        <v>0</v>
      </c>
      <c r="AV21" s="280">
        <v>0</v>
      </c>
      <c r="AW21" s="277">
        <v>0</v>
      </c>
      <c r="AX21" s="279">
        <v>0</v>
      </c>
      <c r="AY21" s="280">
        <v>4</v>
      </c>
      <c r="AZ21" s="280">
        <v>1</v>
      </c>
      <c r="BA21" s="280">
        <v>2</v>
      </c>
      <c r="BB21" s="280">
        <v>0</v>
      </c>
      <c r="BC21" s="280">
        <v>0</v>
      </c>
      <c r="BD21" s="277">
        <v>7</v>
      </c>
      <c r="BE21" s="282">
        <v>7</v>
      </c>
      <c r="BF21" s="276">
        <v>0</v>
      </c>
      <c r="BG21" s="280">
        <v>0</v>
      </c>
      <c r="BH21" s="277">
        <v>0</v>
      </c>
      <c r="BI21" s="279">
        <v>0</v>
      </c>
      <c r="BJ21" s="280">
        <v>2</v>
      </c>
      <c r="BK21" s="280">
        <v>2</v>
      </c>
      <c r="BL21" s="280">
        <v>1</v>
      </c>
      <c r="BM21" s="280">
        <v>0</v>
      </c>
      <c r="BN21" s="280">
        <v>0</v>
      </c>
      <c r="BO21" s="281">
        <v>5</v>
      </c>
      <c r="BP21" s="282">
        <v>5</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1</v>
      </c>
      <c r="CU21" s="280">
        <v>1</v>
      </c>
      <c r="CV21" s="277">
        <v>2</v>
      </c>
      <c r="CW21" s="282">
        <v>2</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6</v>
      </c>
      <c r="AD22" s="280">
        <v>6</v>
      </c>
      <c r="AE22" s="280">
        <v>6</v>
      </c>
      <c r="AF22" s="280">
        <v>3</v>
      </c>
      <c r="AG22" s="280">
        <v>1</v>
      </c>
      <c r="AH22" s="277">
        <v>32</v>
      </c>
      <c r="AI22" s="282">
        <v>32</v>
      </c>
      <c r="AJ22" s="276">
        <v>0</v>
      </c>
      <c r="AK22" s="280">
        <v>0</v>
      </c>
      <c r="AL22" s="277">
        <v>0</v>
      </c>
      <c r="AM22" s="279">
        <v>0</v>
      </c>
      <c r="AN22" s="280">
        <v>0</v>
      </c>
      <c r="AO22" s="280">
        <v>0</v>
      </c>
      <c r="AP22" s="280">
        <v>0</v>
      </c>
      <c r="AQ22" s="280">
        <v>0</v>
      </c>
      <c r="AR22" s="280">
        <v>0</v>
      </c>
      <c r="AS22" s="277">
        <v>0</v>
      </c>
      <c r="AT22" s="282">
        <v>0</v>
      </c>
      <c r="AU22" s="276">
        <v>0</v>
      </c>
      <c r="AV22" s="280">
        <v>0</v>
      </c>
      <c r="AW22" s="277">
        <v>0</v>
      </c>
      <c r="AX22" s="279">
        <v>0</v>
      </c>
      <c r="AY22" s="280">
        <v>0</v>
      </c>
      <c r="AZ22" s="280">
        <v>0</v>
      </c>
      <c r="BA22" s="280">
        <v>1</v>
      </c>
      <c r="BB22" s="280">
        <v>0</v>
      </c>
      <c r="BC22" s="280">
        <v>0</v>
      </c>
      <c r="BD22" s="277">
        <v>1</v>
      </c>
      <c r="BE22" s="282">
        <v>1</v>
      </c>
      <c r="BF22" s="276">
        <v>0</v>
      </c>
      <c r="BG22" s="280">
        <v>0</v>
      </c>
      <c r="BH22" s="277">
        <v>0</v>
      </c>
      <c r="BI22" s="279">
        <v>0</v>
      </c>
      <c r="BJ22" s="280">
        <v>0</v>
      </c>
      <c r="BK22" s="280">
        <v>1</v>
      </c>
      <c r="BL22" s="280">
        <v>1</v>
      </c>
      <c r="BM22" s="280">
        <v>2</v>
      </c>
      <c r="BN22" s="280">
        <v>0</v>
      </c>
      <c r="BO22" s="281">
        <v>4</v>
      </c>
      <c r="BP22" s="282">
        <v>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1</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1</v>
      </c>
      <c r="AD23" s="280">
        <v>11</v>
      </c>
      <c r="AE23" s="280">
        <v>2</v>
      </c>
      <c r="AF23" s="280">
        <v>3</v>
      </c>
      <c r="AG23" s="280">
        <v>0</v>
      </c>
      <c r="AH23" s="277">
        <v>27</v>
      </c>
      <c r="AI23" s="282">
        <v>27</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0</v>
      </c>
      <c r="AZ23" s="280">
        <v>0</v>
      </c>
      <c r="BA23" s="280">
        <v>3</v>
      </c>
      <c r="BB23" s="280">
        <v>0</v>
      </c>
      <c r="BC23" s="280">
        <v>0</v>
      </c>
      <c r="BD23" s="277">
        <v>3</v>
      </c>
      <c r="BE23" s="282">
        <v>3</v>
      </c>
      <c r="BF23" s="276">
        <v>0</v>
      </c>
      <c r="BG23" s="280">
        <v>0</v>
      </c>
      <c r="BH23" s="277">
        <v>0</v>
      </c>
      <c r="BI23" s="279">
        <v>0</v>
      </c>
      <c r="BJ23" s="280">
        <v>1</v>
      </c>
      <c r="BK23" s="280">
        <v>1</v>
      </c>
      <c r="BL23" s="280">
        <v>0</v>
      </c>
      <c r="BM23" s="280">
        <v>3</v>
      </c>
      <c r="BN23" s="280">
        <v>0</v>
      </c>
      <c r="BO23" s="281">
        <v>5</v>
      </c>
      <c r="BP23" s="282">
        <v>5</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0</v>
      </c>
      <c r="H24" s="280">
        <v>0</v>
      </c>
      <c r="I24" s="280">
        <v>1</v>
      </c>
      <c r="J24" s="280">
        <v>0</v>
      </c>
      <c r="K24" s="280">
        <v>0</v>
      </c>
      <c r="L24" s="281">
        <v>1</v>
      </c>
      <c r="M24" s="282">
        <v>1</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4</v>
      </c>
      <c r="AD24" s="280">
        <v>3</v>
      </c>
      <c r="AE24" s="280">
        <v>1</v>
      </c>
      <c r="AF24" s="280">
        <v>2</v>
      </c>
      <c r="AG24" s="280">
        <v>0</v>
      </c>
      <c r="AH24" s="277">
        <v>10</v>
      </c>
      <c r="AI24" s="282">
        <v>10</v>
      </c>
      <c r="AJ24" s="276">
        <v>0</v>
      </c>
      <c r="AK24" s="280">
        <v>0</v>
      </c>
      <c r="AL24" s="277">
        <v>0</v>
      </c>
      <c r="AM24" s="279">
        <v>0</v>
      </c>
      <c r="AN24" s="280">
        <v>0</v>
      </c>
      <c r="AO24" s="280">
        <v>0</v>
      </c>
      <c r="AP24" s="280">
        <v>0</v>
      </c>
      <c r="AQ24" s="280">
        <v>1</v>
      </c>
      <c r="AR24" s="280">
        <v>0</v>
      </c>
      <c r="AS24" s="277">
        <v>1</v>
      </c>
      <c r="AT24" s="282">
        <v>1</v>
      </c>
      <c r="AU24" s="276">
        <v>0</v>
      </c>
      <c r="AV24" s="280">
        <v>0</v>
      </c>
      <c r="AW24" s="277">
        <v>0</v>
      </c>
      <c r="AX24" s="279">
        <v>0</v>
      </c>
      <c r="AY24" s="280">
        <v>3</v>
      </c>
      <c r="AZ24" s="280">
        <v>3</v>
      </c>
      <c r="BA24" s="280">
        <v>1</v>
      </c>
      <c r="BB24" s="280">
        <v>1</v>
      </c>
      <c r="BC24" s="280">
        <v>0</v>
      </c>
      <c r="BD24" s="277">
        <v>8</v>
      </c>
      <c r="BE24" s="282">
        <v>8</v>
      </c>
      <c r="BF24" s="276">
        <v>0</v>
      </c>
      <c r="BG24" s="280">
        <v>0</v>
      </c>
      <c r="BH24" s="277">
        <v>0</v>
      </c>
      <c r="BI24" s="279">
        <v>0</v>
      </c>
      <c r="BJ24" s="280">
        <v>1</v>
      </c>
      <c r="BK24" s="280">
        <v>3</v>
      </c>
      <c r="BL24" s="280">
        <v>0</v>
      </c>
      <c r="BM24" s="280">
        <v>0</v>
      </c>
      <c r="BN24" s="280">
        <v>0</v>
      </c>
      <c r="BO24" s="281">
        <v>4</v>
      </c>
      <c r="BP24" s="282">
        <v>4</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3</v>
      </c>
      <c r="CJ24" s="280">
        <v>0</v>
      </c>
      <c r="CK24" s="277">
        <v>3</v>
      </c>
      <c r="CL24" s="282">
        <v>3</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8</v>
      </c>
      <c r="AD25" s="280">
        <v>1</v>
      </c>
      <c r="AE25" s="280">
        <v>0</v>
      </c>
      <c r="AF25" s="280">
        <v>2</v>
      </c>
      <c r="AG25" s="280">
        <v>0</v>
      </c>
      <c r="AH25" s="277">
        <v>11</v>
      </c>
      <c r="AI25" s="282">
        <v>11</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1</v>
      </c>
      <c r="BK25" s="280">
        <v>0</v>
      </c>
      <c r="BL25" s="280">
        <v>2</v>
      </c>
      <c r="BM25" s="280">
        <v>3</v>
      </c>
      <c r="BN25" s="280">
        <v>1</v>
      </c>
      <c r="BO25" s="281">
        <v>7</v>
      </c>
      <c r="BP25" s="282">
        <v>7</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0</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1</v>
      </c>
      <c r="AD26" s="280">
        <v>3</v>
      </c>
      <c r="AE26" s="280">
        <v>3</v>
      </c>
      <c r="AF26" s="280">
        <v>0</v>
      </c>
      <c r="AG26" s="280">
        <v>0</v>
      </c>
      <c r="AH26" s="277">
        <v>7</v>
      </c>
      <c r="AI26" s="282">
        <v>7</v>
      </c>
      <c r="AJ26" s="276">
        <v>0</v>
      </c>
      <c r="AK26" s="280">
        <v>0</v>
      </c>
      <c r="AL26" s="277">
        <v>0</v>
      </c>
      <c r="AM26" s="279">
        <v>0</v>
      </c>
      <c r="AN26" s="280">
        <v>1</v>
      </c>
      <c r="AO26" s="280">
        <v>0</v>
      </c>
      <c r="AP26" s="280">
        <v>1</v>
      </c>
      <c r="AQ26" s="280">
        <v>0</v>
      </c>
      <c r="AR26" s="280">
        <v>0</v>
      </c>
      <c r="AS26" s="277">
        <v>2</v>
      </c>
      <c r="AT26" s="282">
        <v>2</v>
      </c>
      <c r="AU26" s="276">
        <v>0</v>
      </c>
      <c r="AV26" s="280">
        <v>0</v>
      </c>
      <c r="AW26" s="277">
        <v>0</v>
      </c>
      <c r="AX26" s="279">
        <v>0</v>
      </c>
      <c r="AY26" s="280">
        <v>0</v>
      </c>
      <c r="AZ26" s="280">
        <v>0</v>
      </c>
      <c r="BA26" s="280">
        <v>0</v>
      </c>
      <c r="BB26" s="280">
        <v>0</v>
      </c>
      <c r="BC26" s="280">
        <v>0</v>
      </c>
      <c r="BD26" s="277">
        <v>0</v>
      </c>
      <c r="BE26" s="282">
        <v>0</v>
      </c>
      <c r="BF26" s="276">
        <v>0</v>
      </c>
      <c r="BG26" s="280">
        <v>0</v>
      </c>
      <c r="BH26" s="277">
        <v>0</v>
      </c>
      <c r="BI26" s="279">
        <v>0</v>
      </c>
      <c r="BJ26" s="280">
        <v>0</v>
      </c>
      <c r="BK26" s="280">
        <v>0</v>
      </c>
      <c r="BL26" s="280">
        <v>2</v>
      </c>
      <c r="BM26" s="280">
        <v>0</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4</v>
      </c>
      <c r="AD27" s="280">
        <v>2</v>
      </c>
      <c r="AE27" s="280">
        <v>0</v>
      </c>
      <c r="AF27" s="280">
        <v>0</v>
      </c>
      <c r="AG27" s="280">
        <v>0</v>
      </c>
      <c r="AH27" s="277">
        <v>6</v>
      </c>
      <c r="AI27" s="282">
        <v>6</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0</v>
      </c>
      <c r="AZ27" s="280">
        <v>0</v>
      </c>
      <c r="BA27" s="280">
        <v>0</v>
      </c>
      <c r="BB27" s="280">
        <v>0</v>
      </c>
      <c r="BC27" s="280">
        <v>0</v>
      </c>
      <c r="BD27" s="277">
        <v>0</v>
      </c>
      <c r="BE27" s="282">
        <v>1</v>
      </c>
      <c r="BF27" s="276">
        <v>0</v>
      </c>
      <c r="BG27" s="280">
        <v>0</v>
      </c>
      <c r="BH27" s="277">
        <v>0</v>
      </c>
      <c r="BI27" s="279">
        <v>0</v>
      </c>
      <c r="BJ27" s="280">
        <v>0</v>
      </c>
      <c r="BK27" s="280">
        <v>0</v>
      </c>
      <c r="BL27" s="280">
        <v>0</v>
      </c>
      <c r="BM27" s="280">
        <v>0</v>
      </c>
      <c r="BN27" s="280">
        <v>0</v>
      </c>
      <c r="BO27" s="281">
        <v>0</v>
      </c>
      <c r="BP27" s="282">
        <v>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v>
      </c>
      <c r="AD28" s="280">
        <v>5</v>
      </c>
      <c r="AE28" s="280">
        <v>1</v>
      </c>
      <c r="AF28" s="280">
        <v>0</v>
      </c>
      <c r="AG28" s="280">
        <v>1</v>
      </c>
      <c r="AH28" s="277">
        <v>11</v>
      </c>
      <c r="AI28" s="282">
        <v>11</v>
      </c>
      <c r="AJ28" s="276">
        <v>0</v>
      </c>
      <c r="AK28" s="280">
        <v>0</v>
      </c>
      <c r="AL28" s="277">
        <v>0</v>
      </c>
      <c r="AM28" s="279">
        <v>0</v>
      </c>
      <c r="AN28" s="280">
        <v>0</v>
      </c>
      <c r="AO28" s="280">
        <v>1</v>
      </c>
      <c r="AP28" s="280">
        <v>0</v>
      </c>
      <c r="AQ28" s="280">
        <v>0</v>
      </c>
      <c r="AR28" s="280">
        <v>0</v>
      </c>
      <c r="AS28" s="277">
        <v>1</v>
      </c>
      <c r="AT28" s="282">
        <v>1</v>
      </c>
      <c r="AU28" s="276">
        <v>0</v>
      </c>
      <c r="AV28" s="280">
        <v>0</v>
      </c>
      <c r="AW28" s="277">
        <v>0</v>
      </c>
      <c r="AX28" s="279">
        <v>0</v>
      </c>
      <c r="AY28" s="280">
        <v>0</v>
      </c>
      <c r="AZ28" s="280">
        <v>0</v>
      </c>
      <c r="BA28" s="280">
        <v>1</v>
      </c>
      <c r="BB28" s="280">
        <v>0</v>
      </c>
      <c r="BC28" s="280">
        <v>0</v>
      </c>
      <c r="BD28" s="277">
        <v>1</v>
      </c>
      <c r="BE28" s="282">
        <v>1</v>
      </c>
      <c r="BF28" s="276">
        <v>0</v>
      </c>
      <c r="BG28" s="280">
        <v>0</v>
      </c>
      <c r="BH28" s="277">
        <v>0</v>
      </c>
      <c r="BI28" s="279">
        <v>0</v>
      </c>
      <c r="BJ28" s="280">
        <v>0</v>
      </c>
      <c r="BK28" s="280">
        <v>1</v>
      </c>
      <c r="BL28" s="280">
        <v>1</v>
      </c>
      <c r="BM28" s="280">
        <v>1</v>
      </c>
      <c r="BN28" s="280">
        <v>0</v>
      </c>
      <c r="BO28" s="281">
        <v>3</v>
      </c>
      <c r="BP28" s="282">
        <v>3</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0</v>
      </c>
      <c r="AD29" s="280">
        <v>1</v>
      </c>
      <c r="AE29" s="280">
        <v>0</v>
      </c>
      <c r="AF29" s="280">
        <v>0</v>
      </c>
      <c r="AG29" s="280">
        <v>0</v>
      </c>
      <c r="AH29" s="277">
        <v>1</v>
      </c>
      <c r="AI29" s="282">
        <v>1</v>
      </c>
      <c r="AJ29" s="276">
        <v>0</v>
      </c>
      <c r="AK29" s="280">
        <v>0</v>
      </c>
      <c r="AL29" s="277">
        <v>0</v>
      </c>
      <c r="AM29" s="279">
        <v>0</v>
      </c>
      <c r="AN29" s="280">
        <v>1</v>
      </c>
      <c r="AO29" s="280">
        <v>0</v>
      </c>
      <c r="AP29" s="280">
        <v>1</v>
      </c>
      <c r="AQ29" s="280">
        <v>1</v>
      </c>
      <c r="AR29" s="280">
        <v>0</v>
      </c>
      <c r="AS29" s="277">
        <v>3</v>
      </c>
      <c r="AT29" s="282">
        <v>3</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1</v>
      </c>
      <c r="BM29" s="280">
        <v>0</v>
      </c>
      <c r="BN29" s="280">
        <v>0</v>
      </c>
      <c r="BO29" s="281">
        <v>1</v>
      </c>
      <c r="BP29" s="282">
        <v>1</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v>
      </c>
      <c r="CI29" s="280">
        <v>0</v>
      </c>
      <c r="CJ29" s="280">
        <v>1</v>
      </c>
      <c r="CK29" s="277">
        <v>2</v>
      </c>
      <c r="CL29" s="282">
        <v>2</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2</v>
      </c>
      <c r="BO30" s="281">
        <v>2</v>
      </c>
      <c r="BP30" s="282">
        <v>2</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2</v>
      </c>
      <c r="AD31" s="280">
        <v>1</v>
      </c>
      <c r="AE31" s="280">
        <v>0</v>
      </c>
      <c r="AF31" s="280">
        <v>0</v>
      </c>
      <c r="AG31" s="280">
        <v>0</v>
      </c>
      <c r="AH31" s="277">
        <v>3</v>
      </c>
      <c r="AI31" s="282">
        <v>3</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0</v>
      </c>
      <c r="AZ31" s="280">
        <v>0</v>
      </c>
      <c r="BA31" s="280">
        <v>0</v>
      </c>
      <c r="BB31" s="280">
        <v>0</v>
      </c>
      <c r="BC31" s="280">
        <v>0</v>
      </c>
      <c r="BD31" s="277">
        <v>0</v>
      </c>
      <c r="BE31" s="282">
        <v>0</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v>
      </c>
      <c r="AD32" s="280">
        <v>0</v>
      </c>
      <c r="AE32" s="280">
        <v>1</v>
      </c>
      <c r="AF32" s="280">
        <v>0</v>
      </c>
      <c r="AG32" s="280">
        <v>0</v>
      </c>
      <c r="AH32" s="277">
        <v>3</v>
      </c>
      <c r="AI32" s="282">
        <v>3</v>
      </c>
      <c r="AJ32" s="276">
        <v>1</v>
      </c>
      <c r="AK32" s="280">
        <v>0</v>
      </c>
      <c r="AL32" s="277">
        <v>1</v>
      </c>
      <c r="AM32" s="279">
        <v>0</v>
      </c>
      <c r="AN32" s="280">
        <v>0</v>
      </c>
      <c r="AO32" s="280">
        <v>0</v>
      </c>
      <c r="AP32" s="280">
        <v>0</v>
      </c>
      <c r="AQ32" s="280">
        <v>0</v>
      </c>
      <c r="AR32" s="280">
        <v>0</v>
      </c>
      <c r="AS32" s="277">
        <v>0</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1</v>
      </c>
      <c r="BN32" s="280">
        <v>0</v>
      </c>
      <c r="BO32" s="281">
        <v>1</v>
      </c>
      <c r="BP32" s="282">
        <v>1</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1</v>
      </c>
      <c r="AD33" s="280">
        <v>2</v>
      </c>
      <c r="AE33" s="280">
        <v>0</v>
      </c>
      <c r="AF33" s="280">
        <v>0</v>
      </c>
      <c r="AG33" s="280">
        <v>0</v>
      </c>
      <c r="AH33" s="277">
        <v>3</v>
      </c>
      <c r="AI33" s="282">
        <v>3</v>
      </c>
      <c r="AJ33" s="276">
        <v>0</v>
      </c>
      <c r="AK33" s="280">
        <v>0</v>
      </c>
      <c r="AL33" s="277">
        <v>0</v>
      </c>
      <c r="AM33" s="279">
        <v>0</v>
      </c>
      <c r="AN33" s="280">
        <v>0</v>
      </c>
      <c r="AO33" s="280">
        <v>0</v>
      </c>
      <c r="AP33" s="280">
        <v>0</v>
      </c>
      <c r="AQ33" s="280">
        <v>1</v>
      </c>
      <c r="AR33" s="280">
        <v>0</v>
      </c>
      <c r="AS33" s="277">
        <v>1</v>
      </c>
      <c r="AT33" s="282">
        <v>1</v>
      </c>
      <c r="AU33" s="276">
        <v>0</v>
      </c>
      <c r="AV33" s="280">
        <v>0</v>
      </c>
      <c r="AW33" s="277">
        <v>0</v>
      </c>
      <c r="AX33" s="279">
        <v>0</v>
      </c>
      <c r="AY33" s="280">
        <v>1</v>
      </c>
      <c r="AZ33" s="280">
        <v>0</v>
      </c>
      <c r="BA33" s="280">
        <v>0</v>
      </c>
      <c r="BB33" s="280">
        <v>0</v>
      </c>
      <c r="BC33" s="280">
        <v>0</v>
      </c>
      <c r="BD33" s="277">
        <v>1</v>
      </c>
      <c r="BE33" s="282">
        <v>1</v>
      </c>
      <c r="BF33" s="276">
        <v>0</v>
      </c>
      <c r="BG33" s="280">
        <v>0</v>
      </c>
      <c r="BH33" s="277">
        <v>0</v>
      </c>
      <c r="BI33" s="279">
        <v>0</v>
      </c>
      <c r="BJ33" s="280">
        <v>0</v>
      </c>
      <c r="BK33" s="280">
        <v>2</v>
      </c>
      <c r="BL33" s="280">
        <v>0</v>
      </c>
      <c r="BM33" s="280">
        <v>1</v>
      </c>
      <c r="BN33" s="280">
        <v>1</v>
      </c>
      <c r="BO33" s="281">
        <v>4</v>
      </c>
      <c r="BP33" s="282">
        <v>4</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2</v>
      </c>
      <c r="AD34" s="280">
        <v>4</v>
      </c>
      <c r="AE34" s="280">
        <v>0</v>
      </c>
      <c r="AF34" s="280">
        <v>0</v>
      </c>
      <c r="AG34" s="280">
        <v>1</v>
      </c>
      <c r="AH34" s="277">
        <v>7</v>
      </c>
      <c r="AI34" s="282">
        <v>7</v>
      </c>
      <c r="AJ34" s="276">
        <v>0</v>
      </c>
      <c r="AK34" s="280">
        <v>0</v>
      </c>
      <c r="AL34" s="277">
        <v>0</v>
      </c>
      <c r="AM34" s="279">
        <v>0</v>
      </c>
      <c r="AN34" s="280">
        <v>0</v>
      </c>
      <c r="AO34" s="280">
        <v>0</v>
      </c>
      <c r="AP34" s="280">
        <v>0</v>
      </c>
      <c r="AQ34" s="280">
        <v>0</v>
      </c>
      <c r="AR34" s="280">
        <v>0</v>
      </c>
      <c r="AS34" s="277">
        <v>0</v>
      </c>
      <c r="AT34" s="282">
        <v>0</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0</v>
      </c>
      <c r="BL34" s="280">
        <v>1</v>
      </c>
      <c r="BM34" s="280">
        <v>0</v>
      </c>
      <c r="BN34" s="280">
        <v>0</v>
      </c>
      <c r="BO34" s="281">
        <v>1</v>
      </c>
      <c r="BP34" s="282">
        <v>1</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1</v>
      </c>
      <c r="CI34" s="280">
        <v>0</v>
      </c>
      <c r="CJ34" s="280">
        <v>0</v>
      </c>
      <c r="CK34" s="277">
        <v>2</v>
      </c>
      <c r="CL34" s="282">
        <v>2</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0</v>
      </c>
      <c r="AF35" s="280">
        <v>0</v>
      </c>
      <c r="AG35" s="280">
        <v>0</v>
      </c>
      <c r="AH35" s="277">
        <v>1</v>
      </c>
      <c r="AI35" s="282">
        <v>1</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1</v>
      </c>
      <c r="CR35" s="280">
        <v>0</v>
      </c>
      <c r="CS35" s="280">
        <v>1</v>
      </c>
      <c r="CT35" s="280">
        <v>0</v>
      </c>
      <c r="CU35" s="280">
        <v>0</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v>
      </c>
      <c r="AD36" s="280">
        <v>1</v>
      </c>
      <c r="AE36" s="280">
        <v>0</v>
      </c>
      <c r="AF36" s="280">
        <v>0</v>
      </c>
      <c r="AG36" s="280">
        <v>0</v>
      </c>
      <c r="AH36" s="277">
        <v>2</v>
      </c>
      <c r="AI36" s="282">
        <v>2</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2</v>
      </c>
      <c r="AZ36" s="280">
        <v>0</v>
      </c>
      <c r="BA36" s="280">
        <v>0</v>
      </c>
      <c r="BB36" s="280">
        <v>0</v>
      </c>
      <c r="BC36" s="280">
        <v>0</v>
      </c>
      <c r="BD36" s="277">
        <v>2</v>
      </c>
      <c r="BE36" s="282">
        <v>2</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0</v>
      </c>
      <c r="CV36" s="277">
        <v>1</v>
      </c>
      <c r="CW36" s="282">
        <v>1</v>
      </c>
    </row>
    <row r="37" spans="2:101" ht="21" customHeight="1" x14ac:dyDescent="0.2">
      <c r="B37" s="261" t="s">
        <v>35</v>
      </c>
      <c r="C37" s="276">
        <v>0</v>
      </c>
      <c r="D37" s="277">
        <v>0</v>
      </c>
      <c r="E37" s="278">
        <v>0</v>
      </c>
      <c r="F37" s="279">
        <v>0</v>
      </c>
      <c r="G37" s="280">
        <v>0</v>
      </c>
      <c r="H37" s="280">
        <v>0</v>
      </c>
      <c r="I37" s="280">
        <v>1</v>
      </c>
      <c r="J37" s="280">
        <v>0</v>
      </c>
      <c r="K37" s="280">
        <v>0</v>
      </c>
      <c r="L37" s="281">
        <v>1</v>
      </c>
      <c r="M37" s="282">
        <v>1</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1</v>
      </c>
      <c r="AZ37" s="280">
        <v>0</v>
      </c>
      <c r="BA37" s="280">
        <v>0</v>
      </c>
      <c r="BB37" s="280">
        <v>0</v>
      </c>
      <c r="BC37" s="280">
        <v>0</v>
      </c>
      <c r="BD37" s="277">
        <v>1</v>
      </c>
      <c r="BE37" s="282">
        <v>1</v>
      </c>
      <c r="BF37" s="276">
        <v>0</v>
      </c>
      <c r="BG37" s="280">
        <v>0</v>
      </c>
      <c r="BH37" s="277">
        <v>0</v>
      </c>
      <c r="BI37" s="279">
        <v>0</v>
      </c>
      <c r="BJ37" s="280">
        <v>0</v>
      </c>
      <c r="BK37" s="280">
        <v>1</v>
      </c>
      <c r="BL37" s="280">
        <v>0</v>
      </c>
      <c r="BM37" s="280">
        <v>0</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3</v>
      </c>
      <c r="AD38" s="280">
        <v>1</v>
      </c>
      <c r="AE38" s="280">
        <v>1</v>
      </c>
      <c r="AF38" s="280">
        <v>0</v>
      </c>
      <c r="AG38" s="280">
        <v>0</v>
      </c>
      <c r="AH38" s="277">
        <v>5</v>
      </c>
      <c r="AI38" s="282">
        <v>5</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0</v>
      </c>
      <c r="BK38" s="280">
        <v>2</v>
      </c>
      <c r="BL38" s="280">
        <v>0</v>
      </c>
      <c r="BM38" s="280">
        <v>0</v>
      </c>
      <c r="BN38" s="280">
        <v>0</v>
      </c>
      <c r="BO38" s="281">
        <v>2</v>
      </c>
      <c r="BP38" s="282">
        <v>2</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2">
        <f>第１表!F2</f>
        <v>5</v>
      </c>
      <c r="J1" s="522"/>
      <c r="K1" s="248">
        <f>第１表!G2</f>
        <v>6</v>
      </c>
      <c r="L1" s="527">
        <f>IF(K1&lt;3,K1+12-2,K1-2)</f>
        <v>4</v>
      </c>
      <c r="M1" s="527"/>
    </row>
    <row r="2" spans="1:101" s="291" customFormat="1" ht="24" customHeight="1" thickBot="1" x14ac:dyDescent="0.25">
      <c r="A2" s="44"/>
      <c r="B2" s="290" t="s">
        <v>154</v>
      </c>
    </row>
    <row r="3" spans="1:101" ht="21" customHeight="1" thickBot="1" x14ac:dyDescent="0.25">
      <c r="B3" s="535"/>
      <c r="C3" s="538" t="s">
        <v>94</v>
      </c>
      <c r="D3" s="539"/>
      <c r="E3" s="539"/>
      <c r="F3" s="539"/>
      <c r="G3" s="539"/>
      <c r="H3" s="539"/>
      <c r="I3" s="539"/>
      <c r="J3" s="539"/>
      <c r="K3" s="539"/>
      <c r="L3" s="539"/>
      <c r="M3" s="540"/>
      <c r="N3" s="538" t="s">
        <v>88</v>
      </c>
      <c r="O3" s="539"/>
      <c r="P3" s="539"/>
      <c r="Q3" s="539"/>
      <c r="R3" s="539"/>
      <c r="S3" s="539"/>
      <c r="T3" s="539"/>
      <c r="U3" s="539"/>
      <c r="V3" s="539"/>
      <c r="W3" s="539"/>
      <c r="X3" s="540"/>
      <c r="Y3" s="538" t="s">
        <v>141</v>
      </c>
      <c r="Z3" s="539"/>
      <c r="AA3" s="539"/>
      <c r="AB3" s="539"/>
      <c r="AC3" s="539"/>
      <c r="AD3" s="539"/>
      <c r="AE3" s="539"/>
      <c r="AF3" s="539"/>
      <c r="AG3" s="539"/>
      <c r="AH3" s="539"/>
      <c r="AI3" s="540"/>
      <c r="AJ3" s="538" t="s">
        <v>90</v>
      </c>
      <c r="AK3" s="539"/>
      <c r="AL3" s="539"/>
      <c r="AM3" s="539"/>
      <c r="AN3" s="539"/>
      <c r="AO3" s="539"/>
      <c r="AP3" s="539"/>
      <c r="AQ3" s="539"/>
      <c r="AR3" s="539"/>
      <c r="AS3" s="539"/>
      <c r="AT3" s="540"/>
      <c r="AU3" s="544" t="s">
        <v>89</v>
      </c>
      <c r="AV3" s="545"/>
      <c r="AW3" s="545"/>
      <c r="AX3" s="545"/>
      <c r="AY3" s="545"/>
      <c r="AZ3" s="545"/>
      <c r="BA3" s="545"/>
      <c r="BB3" s="545"/>
      <c r="BC3" s="545"/>
      <c r="BD3" s="545"/>
      <c r="BE3" s="546"/>
      <c r="BF3" s="544" t="s">
        <v>91</v>
      </c>
      <c r="BG3" s="545"/>
      <c r="BH3" s="545"/>
      <c r="BI3" s="545"/>
      <c r="BJ3" s="545"/>
      <c r="BK3" s="545"/>
      <c r="BL3" s="545"/>
      <c r="BM3" s="545"/>
      <c r="BN3" s="545"/>
      <c r="BO3" s="545"/>
      <c r="BP3" s="546"/>
      <c r="BQ3" s="544" t="s">
        <v>92</v>
      </c>
      <c r="BR3" s="545"/>
      <c r="BS3" s="545"/>
      <c r="BT3" s="545"/>
      <c r="BU3" s="545"/>
      <c r="BV3" s="545"/>
      <c r="BW3" s="545"/>
      <c r="BX3" s="545"/>
      <c r="BY3" s="545"/>
      <c r="BZ3" s="545"/>
      <c r="CA3" s="546"/>
      <c r="CB3" s="544" t="s">
        <v>93</v>
      </c>
      <c r="CC3" s="545"/>
      <c r="CD3" s="545"/>
      <c r="CE3" s="545"/>
      <c r="CF3" s="545"/>
      <c r="CG3" s="545"/>
      <c r="CH3" s="545"/>
      <c r="CI3" s="545"/>
      <c r="CJ3" s="545"/>
      <c r="CK3" s="545"/>
      <c r="CL3" s="546"/>
      <c r="CM3" s="545" t="s">
        <v>140</v>
      </c>
      <c r="CN3" s="545"/>
      <c r="CO3" s="545"/>
      <c r="CP3" s="545"/>
      <c r="CQ3" s="545"/>
      <c r="CR3" s="545"/>
      <c r="CS3" s="545"/>
      <c r="CT3" s="545"/>
      <c r="CU3" s="545"/>
      <c r="CV3" s="545"/>
      <c r="CW3" s="546"/>
    </row>
    <row r="4" spans="1:101" ht="21" customHeight="1" x14ac:dyDescent="0.2">
      <c r="B4" s="536"/>
      <c r="C4" s="530" t="s">
        <v>61</v>
      </c>
      <c r="D4" s="531"/>
      <c r="E4" s="532"/>
      <c r="F4" s="533" t="s">
        <v>62</v>
      </c>
      <c r="G4" s="531"/>
      <c r="H4" s="531"/>
      <c r="I4" s="531"/>
      <c r="J4" s="531"/>
      <c r="K4" s="531"/>
      <c r="L4" s="534"/>
      <c r="M4" s="528" t="s">
        <v>52</v>
      </c>
      <c r="N4" s="530" t="s">
        <v>61</v>
      </c>
      <c r="O4" s="531"/>
      <c r="P4" s="532"/>
      <c r="Q4" s="533" t="s">
        <v>62</v>
      </c>
      <c r="R4" s="531"/>
      <c r="S4" s="531"/>
      <c r="T4" s="531"/>
      <c r="U4" s="531"/>
      <c r="V4" s="531"/>
      <c r="W4" s="532"/>
      <c r="X4" s="528" t="s">
        <v>52</v>
      </c>
      <c r="Y4" s="530" t="s">
        <v>61</v>
      </c>
      <c r="Z4" s="531"/>
      <c r="AA4" s="532"/>
      <c r="AB4" s="533" t="s">
        <v>62</v>
      </c>
      <c r="AC4" s="531"/>
      <c r="AD4" s="531"/>
      <c r="AE4" s="531"/>
      <c r="AF4" s="531"/>
      <c r="AG4" s="531"/>
      <c r="AH4" s="532"/>
      <c r="AI4" s="528" t="s">
        <v>52</v>
      </c>
      <c r="AJ4" s="530" t="s">
        <v>61</v>
      </c>
      <c r="AK4" s="531"/>
      <c r="AL4" s="532"/>
      <c r="AM4" s="533" t="s">
        <v>62</v>
      </c>
      <c r="AN4" s="531"/>
      <c r="AO4" s="531"/>
      <c r="AP4" s="531"/>
      <c r="AQ4" s="531"/>
      <c r="AR4" s="531"/>
      <c r="AS4" s="532"/>
      <c r="AT4" s="528" t="s">
        <v>52</v>
      </c>
      <c r="AU4" s="560" t="s">
        <v>61</v>
      </c>
      <c r="AV4" s="558"/>
      <c r="AW4" s="559"/>
      <c r="AX4" s="557" t="s">
        <v>62</v>
      </c>
      <c r="AY4" s="558"/>
      <c r="AZ4" s="558"/>
      <c r="BA4" s="558"/>
      <c r="BB4" s="558"/>
      <c r="BC4" s="558"/>
      <c r="BD4" s="559"/>
      <c r="BE4" s="561" t="s">
        <v>52</v>
      </c>
      <c r="BF4" s="560" t="s">
        <v>61</v>
      </c>
      <c r="BG4" s="558"/>
      <c r="BH4" s="559"/>
      <c r="BI4" s="557" t="s">
        <v>62</v>
      </c>
      <c r="BJ4" s="558"/>
      <c r="BK4" s="558"/>
      <c r="BL4" s="558"/>
      <c r="BM4" s="558"/>
      <c r="BN4" s="558"/>
      <c r="BO4" s="559"/>
      <c r="BP4" s="561" t="s">
        <v>52</v>
      </c>
      <c r="BQ4" s="560" t="s">
        <v>61</v>
      </c>
      <c r="BR4" s="558"/>
      <c r="BS4" s="559"/>
      <c r="BT4" s="557" t="s">
        <v>62</v>
      </c>
      <c r="BU4" s="558"/>
      <c r="BV4" s="558"/>
      <c r="BW4" s="558"/>
      <c r="BX4" s="558"/>
      <c r="BY4" s="558"/>
      <c r="BZ4" s="559"/>
      <c r="CA4" s="561" t="s">
        <v>52</v>
      </c>
      <c r="CB4" s="560" t="s">
        <v>61</v>
      </c>
      <c r="CC4" s="558"/>
      <c r="CD4" s="559"/>
      <c r="CE4" s="557" t="s">
        <v>62</v>
      </c>
      <c r="CF4" s="558"/>
      <c r="CG4" s="558"/>
      <c r="CH4" s="558"/>
      <c r="CI4" s="558"/>
      <c r="CJ4" s="558"/>
      <c r="CK4" s="559"/>
      <c r="CL4" s="561" t="s">
        <v>52</v>
      </c>
      <c r="CM4" s="560" t="s">
        <v>61</v>
      </c>
      <c r="CN4" s="558"/>
      <c r="CO4" s="559"/>
      <c r="CP4" s="557" t="s">
        <v>62</v>
      </c>
      <c r="CQ4" s="558"/>
      <c r="CR4" s="558"/>
      <c r="CS4" s="558"/>
      <c r="CT4" s="558"/>
      <c r="CU4" s="558"/>
      <c r="CV4" s="559"/>
      <c r="CW4" s="561" t="s">
        <v>52</v>
      </c>
    </row>
    <row r="5" spans="1:101" ht="30" customHeight="1" thickBot="1" x14ac:dyDescent="0.25">
      <c r="B5" s="537"/>
      <c r="C5" s="348" t="s">
        <v>43</v>
      </c>
      <c r="D5" s="265" t="s">
        <v>44</v>
      </c>
      <c r="E5" s="266" t="s">
        <v>45</v>
      </c>
      <c r="F5" s="267" t="s">
        <v>83</v>
      </c>
      <c r="G5" s="259" t="s">
        <v>47</v>
      </c>
      <c r="H5" s="259" t="s">
        <v>48</v>
      </c>
      <c r="I5" s="259" t="s">
        <v>49</v>
      </c>
      <c r="J5" s="259" t="s">
        <v>50</v>
      </c>
      <c r="K5" s="259" t="s">
        <v>51</v>
      </c>
      <c r="L5" s="268" t="s">
        <v>45</v>
      </c>
      <c r="M5" s="529"/>
      <c r="N5" s="348" t="s">
        <v>43</v>
      </c>
      <c r="O5" s="259" t="s">
        <v>44</v>
      </c>
      <c r="P5" s="265" t="s">
        <v>45</v>
      </c>
      <c r="Q5" s="267" t="s">
        <v>83</v>
      </c>
      <c r="R5" s="259" t="s">
        <v>47</v>
      </c>
      <c r="S5" s="259" t="s">
        <v>48</v>
      </c>
      <c r="T5" s="259" t="s">
        <v>49</v>
      </c>
      <c r="U5" s="259" t="s">
        <v>50</v>
      </c>
      <c r="V5" s="259" t="s">
        <v>51</v>
      </c>
      <c r="W5" s="265" t="s">
        <v>45</v>
      </c>
      <c r="X5" s="529"/>
      <c r="Y5" s="348" t="s">
        <v>43</v>
      </c>
      <c r="Z5" s="259" t="s">
        <v>44</v>
      </c>
      <c r="AA5" s="265" t="s">
        <v>45</v>
      </c>
      <c r="AB5" s="267" t="s">
        <v>83</v>
      </c>
      <c r="AC5" s="259" t="s">
        <v>47</v>
      </c>
      <c r="AD5" s="259" t="s">
        <v>48</v>
      </c>
      <c r="AE5" s="259" t="s">
        <v>49</v>
      </c>
      <c r="AF5" s="259" t="s">
        <v>50</v>
      </c>
      <c r="AG5" s="259" t="s">
        <v>51</v>
      </c>
      <c r="AH5" s="265" t="s">
        <v>45</v>
      </c>
      <c r="AI5" s="529"/>
      <c r="AJ5" s="348" t="s">
        <v>43</v>
      </c>
      <c r="AK5" s="259" t="s">
        <v>44</v>
      </c>
      <c r="AL5" s="265" t="s">
        <v>45</v>
      </c>
      <c r="AM5" s="267" t="s">
        <v>83</v>
      </c>
      <c r="AN5" s="259" t="s">
        <v>47</v>
      </c>
      <c r="AO5" s="259" t="s">
        <v>48</v>
      </c>
      <c r="AP5" s="259" t="s">
        <v>49</v>
      </c>
      <c r="AQ5" s="259" t="s">
        <v>50</v>
      </c>
      <c r="AR5" s="259" t="s">
        <v>51</v>
      </c>
      <c r="AS5" s="265" t="s">
        <v>45</v>
      </c>
      <c r="AT5" s="529"/>
      <c r="AU5" s="348" t="s">
        <v>43</v>
      </c>
      <c r="AV5" s="259" t="s">
        <v>44</v>
      </c>
      <c r="AW5" s="265" t="s">
        <v>45</v>
      </c>
      <c r="AX5" s="267" t="s">
        <v>83</v>
      </c>
      <c r="AY5" s="259" t="s">
        <v>47</v>
      </c>
      <c r="AZ5" s="259" t="s">
        <v>48</v>
      </c>
      <c r="BA5" s="259" t="s">
        <v>49</v>
      </c>
      <c r="BB5" s="259" t="s">
        <v>50</v>
      </c>
      <c r="BC5" s="259" t="s">
        <v>51</v>
      </c>
      <c r="BD5" s="265" t="s">
        <v>45</v>
      </c>
      <c r="BE5" s="562"/>
      <c r="BF5" s="348" t="s">
        <v>43</v>
      </c>
      <c r="BG5" s="259" t="s">
        <v>44</v>
      </c>
      <c r="BH5" s="265" t="s">
        <v>45</v>
      </c>
      <c r="BI5" s="267" t="s">
        <v>83</v>
      </c>
      <c r="BJ5" s="259" t="s">
        <v>47</v>
      </c>
      <c r="BK5" s="259" t="s">
        <v>48</v>
      </c>
      <c r="BL5" s="259" t="s">
        <v>49</v>
      </c>
      <c r="BM5" s="259" t="s">
        <v>50</v>
      </c>
      <c r="BN5" s="259" t="s">
        <v>51</v>
      </c>
      <c r="BO5" s="265" t="s">
        <v>45</v>
      </c>
      <c r="BP5" s="562"/>
      <c r="BQ5" s="348" t="s">
        <v>43</v>
      </c>
      <c r="BR5" s="259" t="s">
        <v>44</v>
      </c>
      <c r="BS5" s="265" t="s">
        <v>45</v>
      </c>
      <c r="BT5" s="267" t="s">
        <v>83</v>
      </c>
      <c r="BU5" s="259" t="s">
        <v>47</v>
      </c>
      <c r="BV5" s="259" t="s">
        <v>48</v>
      </c>
      <c r="BW5" s="259" t="s">
        <v>49</v>
      </c>
      <c r="BX5" s="259" t="s">
        <v>50</v>
      </c>
      <c r="BY5" s="259" t="s">
        <v>51</v>
      </c>
      <c r="BZ5" s="265" t="s">
        <v>45</v>
      </c>
      <c r="CA5" s="562"/>
      <c r="CB5" s="348" t="s">
        <v>43</v>
      </c>
      <c r="CC5" s="259" t="s">
        <v>44</v>
      </c>
      <c r="CD5" s="265" t="s">
        <v>45</v>
      </c>
      <c r="CE5" s="267" t="s">
        <v>83</v>
      </c>
      <c r="CF5" s="259" t="s">
        <v>47</v>
      </c>
      <c r="CG5" s="259" t="s">
        <v>48</v>
      </c>
      <c r="CH5" s="259" t="s">
        <v>49</v>
      </c>
      <c r="CI5" s="259" t="s">
        <v>50</v>
      </c>
      <c r="CJ5" s="259" t="s">
        <v>51</v>
      </c>
      <c r="CK5" s="265" t="s">
        <v>45</v>
      </c>
      <c r="CL5" s="562"/>
      <c r="CM5" s="348" t="s">
        <v>43</v>
      </c>
      <c r="CN5" s="259" t="s">
        <v>44</v>
      </c>
      <c r="CO5" s="265" t="s">
        <v>45</v>
      </c>
      <c r="CP5" s="267" t="s">
        <v>83</v>
      </c>
      <c r="CQ5" s="259" t="s">
        <v>47</v>
      </c>
      <c r="CR5" s="259" t="s">
        <v>48</v>
      </c>
      <c r="CS5" s="259" t="s">
        <v>49</v>
      </c>
      <c r="CT5" s="259" t="s">
        <v>50</v>
      </c>
      <c r="CU5" s="259" t="s">
        <v>51</v>
      </c>
      <c r="CV5" s="265" t="s">
        <v>45</v>
      </c>
      <c r="CW5" s="562"/>
    </row>
    <row r="6" spans="1:101" ht="21" customHeight="1" x14ac:dyDescent="0.2">
      <c r="B6" s="260" t="s">
        <v>4</v>
      </c>
      <c r="C6" s="269">
        <v>0</v>
      </c>
      <c r="D6" s="270">
        <v>0</v>
      </c>
      <c r="E6" s="271">
        <v>0</v>
      </c>
      <c r="F6" s="272">
        <v>0</v>
      </c>
      <c r="G6" s="273">
        <v>25</v>
      </c>
      <c r="H6" s="273">
        <v>23</v>
      </c>
      <c r="I6" s="273">
        <v>30</v>
      </c>
      <c r="J6" s="273">
        <v>26</v>
      </c>
      <c r="K6" s="273">
        <v>22</v>
      </c>
      <c r="L6" s="274">
        <v>126</v>
      </c>
      <c r="M6" s="275">
        <v>126</v>
      </c>
      <c r="N6" s="269">
        <v>0</v>
      </c>
      <c r="O6" s="273">
        <v>0</v>
      </c>
      <c r="P6" s="270">
        <v>0</v>
      </c>
      <c r="Q6" s="272">
        <v>0</v>
      </c>
      <c r="R6" s="273">
        <v>8</v>
      </c>
      <c r="S6" s="273">
        <v>23</v>
      </c>
      <c r="T6" s="273">
        <v>29</v>
      </c>
      <c r="U6" s="273">
        <v>32</v>
      </c>
      <c r="V6" s="273">
        <v>32</v>
      </c>
      <c r="W6" s="270">
        <v>124</v>
      </c>
      <c r="X6" s="275">
        <v>124</v>
      </c>
      <c r="Y6" s="269">
        <v>0</v>
      </c>
      <c r="Z6" s="273">
        <v>0</v>
      </c>
      <c r="AA6" s="270">
        <v>0</v>
      </c>
      <c r="AB6" s="272">
        <v>0</v>
      </c>
      <c r="AC6" s="273">
        <v>799</v>
      </c>
      <c r="AD6" s="273">
        <v>702</v>
      </c>
      <c r="AE6" s="273">
        <v>299</v>
      </c>
      <c r="AF6" s="273">
        <v>153</v>
      </c>
      <c r="AG6" s="273">
        <v>55</v>
      </c>
      <c r="AH6" s="270">
        <v>2008</v>
      </c>
      <c r="AI6" s="275">
        <v>2008</v>
      </c>
      <c r="AJ6" s="269">
        <v>1</v>
      </c>
      <c r="AK6" s="273">
        <v>0</v>
      </c>
      <c r="AL6" s="270">
        <v>1</v>
      </c>
      <c r="AM6" s="272">
        <v>0</v>
      </c>
      <c r="AN6" s="273">
        <v>46</v>
      </c>
      <c r="AO6" s="273">
        <v>65</v>
      </c>
      <c r="AP6" s="273">
        <v>81</v>
      </c>
      <c r="AQ6" s="273">
        <v>32</v>
      </c>
      <c r="AR6" s="273">
        <v>20</v>
      </c>
      <c r="AS6" s="270">
        <v>244</v>
      </c>
      <c r="AT6" s="275">
        <v>245</v>
      </c>
      <c r="AU6" s="269">
        <v>12</v>
      </c>
      <c r="AV6" s="273">
        <v>23</v>
      </c>
      <c r="AW6" s="270">
        <v>35</v>
      </c>
      <c r="AX6" s="272">
        <v>0</v>
      </c>
      <c r="AY6" s="273">
        <v>71</v>
      </c>
      <c r="AZ6" s="273">
        <v>48</v>
      </c>
      <c r="BA6" s="273">
        <v>51</v>
      </c>
      <c r="BB6" s="273">
        <v>37</v>
      </c>
      <c r="BC6" s="273">
        <v>25</v>
      </c>
      <c r="BD6" s="270">
        <v>232</v>
      </c>
      <c r="BE6" s="275">
        <v>267</v>
      </c>
      <c r="BF6" s="269">
        <v>0</v>
      </c>
      <c r="BG6" s="273">
        <v>0</v>
      </c>
      <c r="BH6" s="270">
        <v>0</v>
      </c>
      <c r="BI6" s="272">
        <v>0</v>
      </c>
      <c r="BJ6" s="273">
        <v>59</v>
      </c>
      <c r="BK6" s="273">
        <v>103</v>
      </c>
      <c r="BL6" s="273">
        <v>136</v>
      </c>
      <c r="BM6" s="273">
        <v>102</v>
      </c>
      <c r="BN6" s="273">
        <v>69</v>
      </c>
      <c r="BO6" s="274">
        <v>469</v>
      </c>
      <c r="BP6" s="275">
        <v>469</v>
      </c>
      <c r="BQ6" s="269">
        <v>0</v>
      </c>
      <c r="BR6" s="273">
        <v>0</v>
      </c>
      <c r="BS6" s="270">
        <v>0</v>
      </c>
      <c r="BT6" s="272">
        <v>0</v>
      </c>
      <c r="BU6" s="273">
        <v>5</v>
      </c>
      <c r="BV6" s="273">
        <v>5</v>
      </c>
      <c r="BW6" s="273">
        <v>5</v>
      </c>
      <c r="BX6" s="273">
        <v>6</v>
      </c>
      <c r="BY6" s="273">
        <v>5</v>
      </c>
      <c r="BZ6" s="270">
        <v>26</v>
      </c>
      <c r="CA6" s="275">
        <v>26</v>
      </c>
      <c r="CB6" s="269">
        <v>0</v>
      </c>
      <c r="CC6" s="273">
        <v>0</v>
      </c>
      <c r="CD6" s="270">
        <v>0</v>
      </c>
      <c r="CE6" s="272">
        <v>0</v>
      </c>
      <c r="CF6" s="273">
        <v>1</v>
      </c>
      <c r="CG6" s="273">
        <v>2</v>
      </c>
      <c r="CH6" s="273">
        <v>15</v>
      </c>
      <c r="CI6" s="273">
        <v>14</v>
      </c>
      <c r="CJ6" s="273">
        <v>7</v>
      </c>
      <c r="CK6" s="270">
        <v>39</v>
      </c>
      <c r="CL6" s="275">
        <v>39</v>
      </c>
      <c r="CM6" s="269">
        <v>0</v>
      </c>
      <c r="CN6" s="273">
        <v>0</v>
      </c>
      <c r="CO6" s="270">
        <v>0</v>
      </c>
      <c r="CP6" s="272">
        <v>0</v>
      </c>
      <c r="CQ6" s="273">
        <v>11</v>
      </c>
      <c r="CR6" s="273">
        <v>16</v>
      </c>
      <c r="CS6" s="273">
        <v>16</v>
      </c>
      <c r="CT6" s="273">
        <v>19</v>
      </c>
      <c r="CU6" s="273">
        <v>29</v>
      </c>
      <c r="CV6" s="270">
        <v>91</v>
      </c>
      <c r="CW6" s="275">
        <v>91</v>
      </c>
    </row>
    <row r="7" spans="1:101" ht="21" customHeight="1" x14ac:dyDescent="0.2">
      <c r="B7" s="261" t="s">
        <v>5</v>
      </c>
      <c r="C7" s="276">
        <v>0</v>
      </c>
      <c r="D7" s="277">
        <v>0</v>
      </c>
      <c r="E7" s="278">
        <v>0</v>
      </c>
      <c r="F7" s="279">
        <v>0</v>
      </c>
      <c r="G7" s="280">
        <v>8</v>
      </c>
      <c r="H7" s="280">
        <v>10</v>
      </c>
      <c r="I7" s="280">
        <v>12</v>
      </c>
      <c r="J7" s="280">
        <v>10</v>
      </c>
      <c r="K7" s="280">
        <v>10</v>
      </c>
      <c r="L7" s="281">
        <v>50</v>
      </c>
      <c r="M7" s="282">
        <v>50</v>
      </c>
      <c r="N7" s="276">
        <v>0</v>
      </c>
      <c r="O7" s="280">
        <v>0</v>
      </c>
      <c r="P7" s="277">
        <v>0</v>
      </c>
      <c r="Q7" s="279">
        <v>0</v>
      </c>
      <c r="R7" s="280">
        <v>4</v>
      </c>
      <c r="S7" s="280">
        <v>18</v>
      </c>
      <c r="T7" s="280">
        <v>22</v>
      </c>
      <c r="U7" s="280">
        <v>22</v>
      </c>
      <c r="V7" s="280">
        <v>26</v>
      </c>
      <c r="W7" s="277">
        <v>92</v>
      </c>
      <c r="X7" s="282">
        <v>92</v>
      </c>
      <c r="Y7" s="276">
        <v>0</v>
      </c>
      <c r="Z7" s="280">
        <v>0</v>
      </c>
      <c r="AA7" s="277">
        <v>0</v>
      </c>
      <c r="AB7" s="279">
        <v>0</v>
      </c>
      <c r="AC7" s="280">
        <v>304</v>
      </c>
      <c r="AD7" s="280">
        <v>360</v>
      </c>
      <c r="AE7" s="280">
        <v>143</v>
      </c>
      <c r="AF7" s="280">
        <v>76</v>
      </c>
      <c r="AG7" s="280">
        <v>32</v>
      </c>
      <c r="AH7" s="277">
        <v>915</v>
      </c>
      <c r="AI7" s="282">
        <v>915</v>
      </c>
      <c r="AJ7" s="276">
        <v>1</v>
      </c>
      <c r="AK7" s="280">
        <v>0</v>
      </c>
      <c r="AL7" s="277">
        <v>1</v>
      </c>
      <c r="AM7" s="279">
        <v>0</v>
      </c>
      <c r="AN7" s="280">
        <v>26</v>
      </c>
      <c r="AO7" s="280">
        <v>35</v>
      </c>
      <c r="AP7" s="280">
        <v>35</v>
      </c>
      <c r="AQ7" s="280">
        <v>22</v>
      </c>
      <c r="AR7" s="280">
        <v>10</v>
      </c>
      <c r="AS7" s="277">
        <v>128</v>
      </c>
      <c r="AT7" s="282">
        <v>129</v>
      </c>
      <c r="AU7" s="276">
        <v>7</v>
      </c>
      <c r="AV7" s="280">
        <v>12</v>
      </c>
      <c r="AW7" s="277">
        <v>19</v>
      </c>
      <c r="AX7" s="279">
        <v>0</v>
      </c>
      <c r="AY7" s="280">
        <v>30</v>
      </c>
      <c r="AZ7" s="280">
        <v>19</v>
      </c>
      <c r="BA7" s="280">
        <v>22</v>
      </c>
      <c r="BB7" s="280">
        <v>22</v>
      </c>
      <c r="BC7" s="280">
        <v>13</v>
      </c>
      <c r="BD7" s="277">
        <v>106</v>
      </c>
      <c r="BE7" s="282">
        <v>125</v>
      </c>
      <c r="BF7" s="276">
        <v>0</v>
      </c>
      <c r="BG7" s="280">
        <v>0</v>
      </c>
      <c r="BH7" s="277">
        <v>0</v>
      </c>
      <c r="BI7" s="279">
        <v>0</v>
      </c>
      <c r="BJ7" s="280">
        <v>26</v>
      </c>
      <c r="BK7" s="280">
        <v>42</v>
      </c>
      <c r="BL7" s="280">
        <v>50</v>
      </c>
      <c r="BM7" s="280">
        <v>34</v>
      </c>
      <c r="BN7" s="280">
        <v>25</v>
      </c>
      <c r="BO7" s="281">
        <v>177</v>
      </c>
      <c r="BP7" s="282">
        <v>177</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1</v>
      </c>
      <c r="CI7" s="280">
        <v>1</v>
      </c>
      <c r="CJ7" s="280">
        <v>0</v>
      </c>
      <c r="CK7" s="277">
        <v>3</v>
      </c>
      <c r="CL7" s="282">
        <v>3</v>
      </c>
      <c r="CM7" s="276">
        <v>0</v>
      </c>
      <c r="CN7" s="280">
        <v>0</v>
      </c>
      <c r="CO7" s="277">
        <v>0</v>
      </c>
      <c r="CP7" s="279">
        <v>0</v>
      </c>
      <c r="CQ7" s="280">
        <v>3</v>
      </c>
      <c r="CR7" s="280">
        <v>5</v>
      </c>
      <c r="CS7" s="280">
        <v>5</v>
      </c>
      <c r="CT7" s="280">
        <v>5</v>
      </c>
      <c r="CU7" s="280">
        <v>12</v>
      </c>
      <c r="CV7" s="277">
        <v>30</v>
      </c>
      <c r="CW7" s="282">
        <v>30</v>
      </c>
    </row>
    <row r="8" spans="1:101" ht="21" customHeight="1" x14ac:dyDescent="0.2">
      <c r="B8" s="261" t="s">
        <v>6</v>
      </c>
      <c r="C8" s="276">
        <v>0</v>
      </c>
      <c r="D8" s="277">
        <v>0</v>
      </c>
      <c r="E8" s="278">
        <v>0</v>
      </c>
      <c r="F8" s="279">
        <v>0</v>
      </c>
      <c r="G8" s="280">
        <v>10</v>
      </c>
      <c r="H8" s="280">
        <v>6</v>
      </c>
      <c r="I8" s="280">
        <v>8</v>
      </c>
      <c r="J8" s="280">
        <v>5</v>
      </c>
      <c r="K8" s="280">
        <v>6</v>
      </c>
      <c r="L8" s="281">
        <v>35</v>
      </c>
      <c r="M8" s="282">
        <v>35</v>
      </c>
      <c r="N8" s="276">
        <v>0</v>
      </c>
      <c r="O8" s="280">
        <v>0</v>
      </c>
      <c r="P8" s="277">
        <v>0</v>
      </c>
      <c r="Q8" s="279">
        <v>0</v>
      </c>
      <c r="R8" s="280">
        <v>3</v>
      </c>
      <c r="S8" s="280">
        <v>3</v>
      </c>
      <c r="T8" s="280">
        <v>6</v>
      </c>
      <c r="U8" s="280">
        <v>8</v>
      </c>
      <c r="V8" s="280">
        <v>5</v>
      </c>
      <c r="W8" s="277">
        <v>25</v>
      </c>
      <c r="X8" s="282">
        <v>25</v>
      </c>
      <c r="Y8" s="276">
        <v>0</v>
      </c>
      <c r="Z8" s="280">
        <v>0</v>
      </c>
      <c r="AA8" s="277">
        <v>0</v>
      </c>
      <c r="AB8" s="279">
        <v>0</v>
      </c>
      <c r="AC8" s="280">
        <v>136</v>
      </c>
      <c r="AD8" s="280">
        <v>84</v>
      </c>
      <c r="AE8" s="280">
        <v>39</v>
      </c>
      <c r="AF8" s="280">
        <v>20</v>
      </c>
      <c r="AG8" s="280">
        <v>8</v>
      </c>
      <c r="AH8" s="277">
        <v>287</v>
      </c>
      <c r="AI8" s="282">
        <v>287</v>
      </c>
      <c r="AJ8" s="276">
        <v>0</v>
      </c>
      <c r="AK8" s="280">
        <v>0</v>
      </c>
      <c r="AL8" s="277">
        <v>0</v>
      </c>
      <c r="AM8" s="279">
        <v>0</v>
      </c>
      <c r="AN8" s="280">
        <v>12</v>
      </c>
      <c r="AO8" s="280">
        <v>14</v>
      </c>
      <c r="AP8" s="280">
        <v>23</v>
      </c>
      <c r="AQ8" s="280">
        <v>4</v>
      </c>
      <c r="AR8" s="280">
        <v>6</v>
      </c>
      <c r="AS8" s="277">
        <v>59</v>
      </c>
      <c r="AT8" s="282">
        <v>59</v>
      </c>
      <c r="AU8" s="276">
        <v>2</v>
      </c>
      <c r="AV8" s="280">
        <v>4</v>
      </c>
      <c r="AW8" s="277">
        <v>6</v>
      </c>
      <c r="AX8" s="279">
        <v>0</v>
      </c>
      <c r="AY8" s="280">
        <v>14</v>
      </c>
      <c r="AZ8" s="280">
        <v>5</v>
      </c>
      <c r="BA8" s="280">
        <v>8</v>
      </c>
      <c r="BB8" s="280">
        <v>2</v>
      </c>
      <c r="BC8" s="280">
        <v>4</v>
      </c>
      <c r="BD8" s="277">
        <v>33</v>
      </c>
      <c r="BE8" s="282">
        <v>39</v>
      </c>
      <c r="BF8" s="276">
        <v>0</v>
      </c>
      <c r="BG8" s="280">
        <v>0</v>
      </c>
      <c r="BH8" s="277">
        <v>0</v>
      </c>
      <c r="BI8" s="279">
        <v>0</v>
      </c>
      <c r="BJ8" s="280">
        <v>15</v>
      </c>
      <c r="BK8" s="280">
        <v>21</v>
      </c>
      <c r="BL8" s="280">
        <v>27</v>
      </c>
      <c r="BM8" s="280">
        <v>22</v>
      </c>
      <c r="BN8" s="280">
        <v>15</v>
      </c>
      <c r="BO8" s="281">
        <v>100</v>
      </c>
      <c r="BP8" s="282">
        <v>100</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1</v>
      </c>
      <c r="CG8" s="280">
        <v>0</v>
      </c>
      <c r="CH8" s="280">
        <v>10</v>
      </c>
      <c r="CI8" s="280">
        <v>4</v>
      </c>
      <c r="CJ8" s="280">
        <v>3</v>
      </c>
      <c r="CK8" s="277">
        <v>18</v>
      </c>
      <c r="CL8" s="282">
        <v>18</v>
      </c>
      <c r="CM8" s="276">
        <v>0</v>
      </c>
      <c r="CN8" s="280">
        <v>0</v>
      </c>
      <c r="CO8" s="277">
        <v>0</v>
      </c>
      <c r="CP8" s="279">
        <v>0</v>
      </c>
      <c r="CQ8" s="280">
        <v>6</v>
      </c>
      <c r="CR8" s="280">
        <v>7</v>
      </c>
      <c r="CS8" s="280">
        <v>6</v>
      </c>
      <c r="CT8" s="280">
        <v>9</v>
      </c>
      <c r="CU8" s="280">
        <v>5</v>
      </c>
      <c r="CV8" s="277">
        <v>33</v>
      </c>
      <c r="CW8" s="282">
        <v>33</v>
      </c>
    </row>
    <row r="9" spans="1:101" ht="21" customHeight="1" x14ac:dyDescent="0.2">
      <c r="B9" s="261" t="s">
        <v>14</v>
      </c>
      <c r="C9" s="276">
        <v>0</v>
      </c>
      <c r="D9" s="277">
        <v>0</v>
      </c>
      <c r="E9" s="278">
        <v>0</v>
      </c>
      <c r="F9" s="279">
        <v>0</v>
      </c>
      <c r="G9" s="280">
        <v>1</v>
      </c>
      <c r="H9" s="280">
        <v>1</v>
      </c>
      <c r="I9" s="280">
        <v>0</v>
      </c>
      <c r="J9" s="280">
        <v>1</v>
      </c>
      <c r="K9" s="280">
        <v>1</v>
      </c>
      <c r="L9" s="281">
        <v>4</v>
      </c>
      <c r="M9" s="282">
        <v>4</v>
      </c>
      <c r="N9" s="276">
        <v>0</v>
      </c>
      <c r="O9" s="280">
        <v>0</v>
      </c>
      <c r="P9" s="277">
        <v>0</v>
      </c>
      <c r="Q9" s="279">
        <v>0</v>
      </c>
      <c r="R9" s="280">
        <v>0</v>
      </c>
      <c r="S9" s="280">
        <v>0</v>
      </c>
      <c r="T9" s="280">
        <v>0</v>
      </c>
      <c r="U9" s="280">
        <v>0</v>
      </c>
      <c r="V9" s="280">
        <v>0</v>
      </c>
      <c r="W9" s="277">
        <v>0</v>
      </c>
      <c r="X9" s="282">
        <v>0</v>
      </c>
      <c r="Y9" s="276">
        <v>0</v>
      </c>
      <c r="Z9" s="280">
        <v>0</v>
      </c>
      <c r="AA9" s="277">
        <v>0</v>
      </c>
      <c r="AB9" s="279">
        <v>0</v>
      </c>
      <c r="AC9" s="280">
        <v>53</v>
      </c>
      <c r="AD9" s="280">
        <v>59</v>
      </c>
      <c r="AE9" s="280">
        <v>22</v>
      </c>
      <c r="AF9" s="280">
        <v>5</v>
      </c>
      <c r="AG9" s="280">
        <v>3</v>
      </c>
      <c r="AH9" s="277">
        <v>142</v>
      </c>
      <c r="AI9" s="282">
        <v>142</v>
      </c>
      <c r="AJ9" s="276">
        <v>0</v>
      </c>
      <c r="AK9" s="280">
        <v>0</v>
      </c>
      <c r="AL9" s="277">
        <v>0</v>
      </c>
      <c r="AM9" s="279">
        <v>0</v>
      </c>
      <c r="AN9" s="280">
        <v>1</v>
      </c>
      <c r="AO9" s="280">
        <v>1</v>
      </c>
      <c r="AP9" s="280">
        <v>0</v>
      </c>
      <c r="AQ9" s="280">
        <v>0</v>
      </c>
      <c r="AR9" s="280">
        <v>1</v>
      </c>
      <c r="AS9" s="277">
        <v>3</v>
      </c>
      <c r="AT9" s="282">
        <v>3</v>
      </c>
      <c r="AU9" s="276">
        <v>0</v>
      </c>
      <c r="AV9" s="280">
        <v>1</v>
      </c>
      <c r="AW9" s="277">
        <v>1</v>
      </c>
      <c r="AX9" s="279">
        <v>0</v>
      </c>
      <c r="AY9" s="280">
        <v>1</v>
      </c>
      <c r="AZ9" s="280">
        <v>7</v>
      </c>
      <c r="BA9" s="280">
        <v>5</v>
      </c>
      <c r="BB9" s="280">
        <v>3</v>
      </c>
      <c r="BC9" s="280">
        <v>1</v>
      </c>
      <c r="BD9" s="277">
        <v>17</v>
      </c>
      <c r="BE9" s="282">
        <v>18</v>
      </c>
      <c r="BF9" s="276">
        <v>0</v>
      </c>
      <c r="BG9" s="280">
        <v>0</v>
      </c>
      <c r="BH9" s="277">
        <v>0</v>
      </c>
      <c r="BI9" s="279">
        <v>0</v>
      </c>
      <c r="BJ9" s="280">
        <v>6</v>
      </c>
      <c r="BK9" s="280">
        <v>6</v>
      </c>
      <c r="BL9" s="280">
        <v>11</v>
      </c>
      <c r="BM9" s="280">
        <v>7</v>
      </c>
      <c r="BN9" s="280">
        <v>5</v>
      </c>
      <c r="BO9" s="281">
        <v>35</v>
      </c>
      <c r="BP9" s="282">
        <v>35</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1</v>
      </c>
      <c r="CH9" s="280">
        <v>1</v>
      </c>
      <c r="CI9" s="280">
        <v>0</v>
      </c>
      <c r="CJ9" s="280">
        <v>0</v>
      </c>
      <c r="CK9" s="277">
        <v>2</v>
      </c>
      <c r="CL9" s="282">
        <v>2</v>
      </c>
      <c r="CM9" s="276">
        <v>0</v>
      </c>
      <c r="CN9" s="280">
        <v>0</v>
      </c>
      <c r="CO9" s="277">
        <v>0</v>
      </c>
      <c r="CP9" s="279">
        <v>0</v>
      </c>
      <c r="CQ9" s="280">
        <v>1</v>
      </c>
      <c r="CR9" s="280">
        <v>1</v>
      </c>
      <c r="CS9" s="280">
        <v>1</v>
      </c>
      <c r="CT9" s="280">
        <v>1</v>
      </c>
      <c r="CU9" s="280">
        <v>2</v>
      </c>
      <c r="CV9" s="277">
        <v>6</v>
      </c>
      <c r="CW9" s="282">
        <v>6</v>
      </c>
    </row>
    <row r="10" spans="1:101" ht="21" customHeight="1" x14ac:dyDescent="0.2">
      <c r="B10" s="261" t="s">
        <v>7</v>
      </c>
      <c r="C10" s="276">
        <v>0</v>
      </c>
      <c r="D10" s="277">
        <v>0</v>
      </c>
      <c r="E10" s="278">
        <v>0</v>
      </c>
      <c r="F10" s="279">
        <v>0</v>
      </c>
      <c r="G10" s="280">
        <v>0</v>
      </c>
      <c r="H10" s="280">
        <v>0</v>
      </c>
      <c r="I10" s="280">
        <v>2</v>
      </c>
      <c r="J10" s="280">
        <v>2</v>
      </c>
      <c r="K10" s="280">
        <v>0</v>
      </c>
      <c r="L10" s="281">
        <v>4</v>
      </c>
      <c r="M10" s="282">
        <v>4</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34</v>
      </c>
      <c r="AD10" s="280">
        <v>22</v>
      </c>
      <c r="AE10" s="280">
        <v>11</v>
      </c>
      <c r="AF10" s="280">
        <v>4</v>
      </c>
      <c r="AG10" s="280">
        <v>2</v>
      </c>
      <c r="AH10" s="277">
        <v>73</v>
      </c>
      <c r="AI10" s="282">
        <v>73</v>
      </c>
      <c r="AJ10" s="276">
        <v>0</v>
      </c>
      <c r="AK10" s="280">
        <v>0</v>
      </c>
      <c r="AL10" s="277">
        <v>0</v>
      </c>
      <c r="AM10" s="279">
        <v>0</v>
      </c>
      <c r="AN10" s="280">
        <v>3</v>
      </c>
      <c r="AO10" s="280">
        <v>3</v>
      </c>
      <c r="AP10" s="280">
        <v>6</v>
      </c>
      <c r="AQ10" s="280">
        <v>4</v>
      </c>
      <c r="AR10" s="280">
        <v>0</v>
      </c>
      <c r="AS10" s="277">
        <v>16</v>
      </c>
      <c r="AT10" s="282">
        <v>16</v>
      </c>
      <c r="AU10" s="276">
        <v>1</v>
      </c>
      <c r="AV10" s="280">
        <v>0</v>
      </c>
      <c r="AW10" s="277">
        <v>1</v>
      </c>
      <c r="AX10" s="279">
        <v>0</v>
      </c>
      <c r="AY10" s="280">
        <v>1</v>
      </c>
      <c r="AZ10" s="280">
        <v>1</v>
      </c>
      <c r="BA10" s="280">
        <v>1</v>
      </c>
      <c r="BB10" s="280">
        <v>0</v>
      </c>
      <c r="BC10" s="280">
        <v>0</v>
      </c>
      <c r="BD10" s="277">
        <v>3</v>
      </c>
      <c r="BE10" s="282">
        <v>4</v>
      </c>
      <c r="BF10" s="276">
        <v>0</v>
      </c>
      <c r="BG10" s="280">
        <v>0</v>
      </c>
      <c r="BH10" s="277">
        <v>0</v>
      </c>
      <c r="BI10" s="279">
        <v>0</v>
      </c>
      <c r="BJ10" s="280">
        <v>2</v>
      </c>
      <c r="BK10" s="280">
        <v>2</v>
      </c>
      <c r="BL10" s="280">
        <v>6</v>
      </c>
      <c r="BM10" s="280">
        <v>4</v>
      </c>
      <c r="BN10" s="280">
        <v>1</v>
      </c>
      <c r="BO10" s="281">
        <v>15</v>
      </c>
      <c r="BP10" s="282">
        <v>15</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0</v>
      </c>
      <c r="CS10" s="280">
        <v>0</v>
      </c>
      <c r="CT10" s="280">
        <v>0</v>
      </c>
      <c r="CU10" s="280">
        <v>0</v>
      </c>
      <c r="CV10" s="277">
        <v>0</v>
      </c>
      <c r="CW10" s="282">
        <v>0</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36</v>
      </c>
      <c r="AD11" s="280">
        <v>18</v>
      </c>
      <c r="AE11" s="280">
        <v>7</v>
      </c>
      <c r="AF11" s="280">
        <v>6</v>
      </c>
      <c r="AG11" s="280">
        <v>0</v>
      </c>
      <c r="AH11" s="277">
        <v>67</v>
      </c>
      <c r="AI11" s="282">
        <v>67</v>
      </c>
      <c r="AJ11" s="276">
        <v>0</v>
      </c>
      <c r="AK11" s="280">
        <v>0</v>
      </c>
      <c r="AL11" s="277">
        <v>0</v>
      </c>
      <c r="AM11" s="279">
        <v>0</v>
      </c>
      <c r="AN11" s="280">
        <v>0</v>
      </c>
      <c r="AO11" s="280">
        <v>0</v>
      </c>
      <c r="AP11" s="280">
        <v>1</v>
      </c>
      <c r="AQ11" s="280">
        <v>0</v>
      </c>
      <c r="AR11" s="280">
        <v>0</v>
      </c>
      <c r="AS11" s="277">
        <v>1</v>
      </c>
      <c r="AT11" s="282">
        <v>1</v>
      </c>
      <c r="AU11" s="276">
        <v>0</v>
      </c>
      <c r="AV11" s="280">
        <v>0</v>
      </c>
      <c r="AW11" s="277">
        <v>0</v>
      </c>
      <c r="AX11" s="279">
        <v>0</v>
      </c>
      <c r="AY11" s="280">
        <v>2</v>
      </c>
      <c r="AZ11" s="280">
        <v>0</v>
      </c>
      <c r="BA11" s="280">
        <v>1</v>
      </c>
      <c r="BB11" s="280">
        <v>1</v>
      </c>
      <c r="BC11" s="280">
        <v>2</v>
      </c>
      <c r="BD11" s="277">
        <v>6</v>
      </c>
      <c r="BE11" s="282">
        <v>6</v>
      </c>
      <c r="BF11" s="276">
        <v>0</v>
      </c>
      <c r="BG11" s="280">
        <v>0</v>
      </c>
      <c r="BH11" s="277">
        <v>0</v>
      </c>
      <c r="BI11" s="279">
        <v>0</v>
      </c>
      <c r="BJ11" s="280">
        <v>0</v>
      </c>
      <c r="BK11" s="280">
        <v>1</v>
      </c>
      <c r="BL11" s="280">
        <v>2</v>
      </c>
      <c r="BM11" s="280">
        <v>4</v>
      </c>
      <c r="BN11" s="280">
        <v>1</v>
      </c>
      <c r="BO11" s="281">
        <v>8</v>
      </c>
      <c r="BP11" s="282">
        <v>8</v>
      </c>
      <c r="BQ11" s="276">
        <v>0</v>
      </c>
      <c r="BR11" s="280">
        <v>0</v>
      </c>
      <c r="BS11" s="277">
        <v>0</v>
      </c>
      <c r="BT11" s="279">
        <v>0</v>
      </c>
      <c r="BU11" s="280">
        <v>0</v>
      </c>
      <c r="BV11" s="280">
        <v>0</v>
      </c>
      <c r="BW11" s="280">
        <v>0</v>
      </c>
      <c r="BX11" s="280">
        <v>1</v>
      </c>
      <c r="BY11" s="280">
        <v>0</v>
      </c>
      <c r="BZ11" s="277">
        <v>1</v>
      </c>
      <c r="CA11" s="282">
        <v>1</v>
      </c>
      <c r="CB11" s="276">
        <v>0</v>
      </c>
      <c r="CC11" s="280">
        <v>0</v>
      </c>
      <c r="CD11" s="277">
        <v>0</v>
      </c>
      <c r="CE11" s="279">
        <v>0</v>
      </c>
      <c r="CF11" s="280">
        <v>0</v>
      </c>
      <c r="CG11" s="280">
        <v>0</v>
      </c>
      <c r="CH11" s="280">
        <v>0</v>
      </c>
      <c r="CI11" s="280">
        <v>0</v>
      </c>
      <c r="CJ11" s="280">
        <v>1</v>
      </c>
      <c r="CK11" s="277">
        <v>1</v>
      </c>
      <c r="CL11" s="282">
        <v>1</v>
      </c>
      <c r="CM11" s="276">
        <v>0</v>
      </c>
      <c r="CN11" s="280">
        <v>0</v>
      </c>
      <c r="CO11" s="277">
        <v>0</v>
      </c>
      <c r="CP11" s="279">
        <v>0</v>
      </c>
      <c r="CQ11" s="280">
        <v>0</v>
      </c>
      <c r="CR11" s="280">
        <v>0</v>
      </c>
      <c r="CS11" s="280">
        <v>0</v>
      </c>
      <c r="CT11" s="280">
        <v>0</v>
      </c>
      <c r="CU11" s="280">
        <v>0</v>
      </c>
      <c r="CV11" s="277">
        <v>0</v>
      </c>
      <c r="CW11" s="282">
        <v>0</v>
      </c>
    </row>
    <row r="12" spans="1:101" ht="21" customHeight="1" x14ac:dyDescent="0.2">
      <c r="B12" s="261" t="s">
        <v>9</v>
      </c>
      <c r="C12" s="276">
        <v>0</v>
      </c>
      <c r="D12" s="277">
        <v>0</v>
      </c>
      <c r="E12" s="278">
        <v>0</v>
      </c>
      <c r="F12" s="279">
        <v>0</v>
      </c>
      <c r="G12" s="280">
        <v>0</v>
      </c>
      <c r="H12" s="280">
        <v>1</v>
      </c>
      <c r="I12" s="280">
        <v>1</v>
      </c>
      <c r="J12" s="280">
        <v>2</v>
      </c>
      <c r="K12" s="280">
        <v>0</v>
      </c>
      <c r="L12" s="281">
        <v>4</v>
      </c>
      <c r="M12" s="282">
        <v>4</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1</v>
      </c>
      <c r="AD12" s="280">
        <v>30</v>
      </c>
      <c r="AE12" s="280">
        <v>12</v>
      </c>
      <c r="AF12" s="280">
        <v>7</v>
      </c>
      <c r="AG12" s="280">
        <v>1</v>
      </c>
      <c r="AH12" s="277">
        <v>91</v>
      </c>
      <c r="AI12" s="282">
        <v>91</v>
      </c>
      <c r="AJ12" s="276">
        <v>0</v>
      </c>
      <c r="AK12" s="280">
        <v>0</v>
      </c>
      <c r="AL12" s="277">
        <v>0</v>
      </c>
      <c r="AM12" s="279">
        <v>0</v>
      </c>
      <c r="AN12" s="280">
        <v>0</v>
      </c>
      <c r="AO12" s="280">
        <v>0</v>
      </c>
      <c r="AP12" s="280">
        <v>2</v>
      </c>
      <c r="AQ12" s="280">
        <v>1</v>
      </c>
      <c r="AR12" s="280">
        <v>1</v>
      </c>
      <c r="AS12" s="277">
        <v>4</v>
      </c>
      <c r="AT12" s="282">
        <v>4</v>
      </c>
      <c r="AU12" s="276">
        <v>1</v>
      </c>
      <c r="AV12" s="280">
        <v>2</v>
      </c>
      <c r="AW12" s="277">
        <v>3</v>
      </c>
      <c r="AX12" s="279">
        <v>0</v>
      </c>
      <c r="AY12" s="280">
        <v>4</v>
      </c>
      <c r="AZ12" s="280">
        <v>0</v>
      </c>
      <c r="BA12" s="280">
        <v>2</v>
      </c>
      <c r="BB12" s="280">
        <v>2</v>
      </c>
      <c r="BC12" s="280">
        <v>1</v>
      </c>
      <c r="BD12" s="277">
        <v>9</v>
      </c>
      <c r="BE12" s="282">
        <v>12</v>
      </c>
      <c r="BF12" s="276">
        <v>0</v>
      </c>
      <c r="BG12" s="280">
        <v>0</v>
      </c>
      <c r="BH12" s="277">
        <v>0</v>
      </c>
      <c r="BI12" s="279">
        <v>0</v>
      </c>
      <c r="BJ12" s="280">
        <v>0</v>
      </c>
      <c r="BK12" s="280">
        <v>6</v>
      </c>
      <c r="BL12" s="280">
        <v>8</v>
      </c>
      <c r="BM12" s="280">
        <v>2</v>
      </c>
      <c r="BN12" s="280">
        <v>1</v>
      </c>
      <c r="BO12" s="281">
        <v>17</v>
      </c>
      <c r="BP12" s="282">
        <v>17</v>
      </c>
      <c r="BQ12" s="276">
        <v>0</v>
      </c>
      <c r="BR12" s="280">
        <v>0</v>
      </c>
      <c r="BS12" s="277">
        <v>0</v>
      </c>
      <c r="BT12" s="279">
        <v>0</v>
      </c>
      <c r="BU12" s="280">
        <v>0</v>
      </c>
      <c r="BV12" s="280">
        <v>3</v>
      </c>
      <c r="BW12" s="280">
        <v>0</v>
      </c>
      <c r="BX12" s="280">
        <v>1</v>
      </c>
      <c r="BY12" s="280">
        <v>0</v>
      </c>
      <c r="BZ12" s="277">
        <v>4</v>
      </c>
      <c r="CA12" s="282">
        <v>4</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0</v>
      </c>
      <c r="CS12" s="280">
        <v>2</v>
      </c>
      <c r="CT12" s="280">
        <v>0</v>
      </c>
      <c r="CU12" s="280">
        <v>2</v>
      </c>
      <c r="CV12" s="277">
        <v>4</v>
      </c>
      <c r="CW12" s="282">
        <v>4</v>
      </c>
    </row>
    <row r="13" spans="1:101" ht="21" customHeight="1" x14ac:dyDescent="0.2">
      <c r="B13" s="261" t="s">
        <v>10</v>
      </c>
      <c r="C13" s="276">
        <v>0</v>
      </c>
      <c r="D13" s="277">
        <v>0</v>
      </c>
      <c r="E13" s="278">
        <v>0</v>
      </c>
      <c r="F13" s="279">
        <v>0</v>
      </c>
      <c r="G13" s="280">
        <v>0</v>
      </c>
      <c r="H13" s="280">
        <v>1</v>
      </c>
      <c r="I13" s="280">
        <v>2</v>
      </c>
      <c r="J13" s="280">
        <v>0</v>
      </c>
      <c r="K13" s="280">
        <v>0</v>
      </c>
      <c r="L13" s="281">
        <v>3</v>
      </c>
      <c r="M13" s="282">
        <v>3</v>
      </c>
      <c r="N13" s="276">
        <v>0</v>
      </c>
      <c r="O13" s="280">
        <v>0</v>
      </c>
      <c r="P13" s="277">
        <v>0</v>
      </c>
      <c r="Q13" s="279">
        <v>0</v>
      </c>
      <c r="R13" s="280">
        <v>0</v>
      </c>
      <c r="S13" s="280">
        <v>1</v>
      </c>
      <c r="T13" s="280">
        <v>1</v>
      </c>
      <c r="U13" s="280">
        <v>0</v>
      </c>
      <c r="V13" s="280">
        <v>0</v>
      </c>
      <c r="W13" s="277">
        <v>2</v>
      </c>
      <c r="X13" s="282">
        <v>2</v>
      </c>
      <c r="Y13" s="276">
        <v>0</v>
      </c>
      <c r="Z13" s="280">
        <v>0</v>
      </c>
      <c r="AA13" s="277">
        <v>0</v>
      </c>
      <c r="AB13" s="279">
        <v>0</v>
      </c>
      <c r="AC13" s="280">
        <v>34</v>
      </c>
      <c r="AD13" s="280">
        <v>18</v>
      </c>
      <c r="AE13" s="280">
        <v>4</v>
      </c>
      <c r="AF13" s="280">
        <v>3</v>
      </c>
      <c r="AG13" s="280">
        <v>1</v>
      </c>
      <c r="AH13" s="277">
        <v>60</v>
      </c>
      <c r="AI13" s="282">
        <v>60</v>
      </c>
      <c r="AJ13" s="276">
        <v>0</v>
      </c>
      <c r="AK13" s="280">
        <v>0</v>
      </c>
      <c r="AL13" s="277">
        <v>0</v>
      </c>
      <c r="AM13" s="279">
        <v>0</v>
      </c>
      <c r="AN13" s="280">
        <v>0</v>
      </c>
      <c r="AO13" s="280">
        <v>3</v>
      </c>
      <c r="AP13" s="280">
        <v>5</v>
      </c>
      <c r="AQ13" s="280">
        <v>0</v>
      </c>
      <c r="AR13" s="280">
        <v>0</v>
      </c>
      <c r="AS13" s="277">
        <v>8</v>
      </c>
      <c r="AT13" s="282">
        <v>8</v>
      </c>
      <c r="AU13" s="276">
        <v>1</v>
      </c>
      <c r="AV13" s="280">
        <v>1</v>
      </c>
      <c r="AW13" s="277">
        <v>2</v>
      </c>
      <c r="AX13" s="279">
        <v>0</v>
      </c>
      <c r="AY13" s="280">
        <v>5</v>
      </c>
      <c r="AZ13" s="280">
        <v>1</v>
      </c>
      <c r="BA13" s="280">
        <v>4</v>
      </c>
      <c r="BB13" s="280">
        <v>1</v>
      </c>
      <c r="BC13" s="280">
        <v>2</v>
      </c>
      <c r="BD13" s="277">
        <v>13</v>
      </c>
      <c r="BE13" s="282">
        <v>15</v>
      </c>
      <c r="BF13" s="276">
        <v>0</v>
      </c>
      <c r="BG13" s="280">
        <v>0</v>
      </c>
      <c r="BH13" s="277">
        <v>0</v>
      </c>
      <c r="BI13" s="279">
        <v>0</v>
      </c>
      <c r="BJ13" s="280">
        <v>2</v>
      </c>
      <c r="BK13" s="280">
        <v>5</v>
      </c>
      <c r="BL13" s="280">
        <v>9</v>
      </c>
      <c r="BM13" s="280">
        <v>7</v>
      </c>
      <c r="BN13" s="280">
        <v>6</v>
      </c>
      <c r="BO13" s="281">
        <v>29</v>
      </c>
      <c r="BP13" s="282">
        <v>29</v>
      </c>
      <c r="BQ13" s="276">
        <v>0</v>
      </c>
      <c r="BR13" s="280">
        <v>0</v>
      </c>
      <c r="BS13" s="277">
        <v>0</v>
      </c>
      <c r="BT13" s="279">
        <v>0</v>
      </c>
      <c r="BU13" s="280">
        <v>5</v>
      </c>
      <c r="BV13" s="280">
        <v>1</v>
      </c>
      <c r="BW13" s="280">
        <v>5</v>
      </c>
      <c r="BX13" s="280">
        <v>2</v>
      </c>
      <c r="BY13" s="280">
        <v>3</v>
      </c>
      <c r="BZ13" s="277">
        <v>16</v>
      </c>
      <c r="CA13" s="282">
        <v>16</v>
      </c>
      <c r="CB13" s="276">
        <v>0</v>
      </c>
      <c r="CC13" s="280">
        <v>0</v>
      </c>
      <c r="CD13" s="277">
        <v>0</v>
      </c>
      <c r="CE13" s="279">
        <v>0</v>
      </c>
      <c r="CF13" s="280">
        <v>0</v>
      </c>
      <c r="CG13" s="280">
        <v>0</v>
      </c>
      <c r="CH13" s="280">
        <v>0</v>
      </c>
      <c r="CI13" s="280">
        <v>3</v>
      </c>
      <c r="CJ13" s="280">
        <v>0</v>
      </c>
      <c r="CK13" s="277">
        <v>3</v>
      </c>
      <c r="CL13" s="282">
        <v>3</v>
      </c>
      <c r="CM13" s="276">
        <v>0</v>
      </c>
      <c r="CN13" s="280">
        <v>0</v>
      </c>
      <c r="CO13" s="277">
        <v>0</v>
      </c>
      <c r="CP13" s="279">
        <v>0</v>
      </c>
      <c r="CQ13" s="280">
        <v>1</v>
      </c>
      <c r="CR13" s="280">
        <v>0</v>
      </c>
      <c r="CS13" s="280">
        <v>1</v>
      </c>
      <c r="CT13" s="280">
        <v>0</v>
      </c>
      <c r="CU13" s="280">
        <v>1</v>
      </c>
      <c r="CV13" s="277">
        <v>3</v>
      </c>
      <c r="CW13" s="282">
        <v>3</v>
      </c>
    </row>
    <row r="14" spans="1:101" ht="21" customHeight="1" x14ac:dyDescent="0.2">
      <c r="B14" s="261" t="s">
        <v>11</v>
      </c>
      <c r="C14" s="276">
        <v>0</v>
      </c>
      <c r="D14" s="277">
        <v>0</v>
      </c>
      <c r="E14" s="278">
        <v>0</v>
      </c>
      <c r="F14" s="279">
        <v>0</v>
      </c>
      <c r="G14" s="280">
        <v>1</v>
      </c>
      <c r="H14" s="280">
        <v>1</v>
      </c>
      <c r="I14" s="280">
        <v>1</v>
      </c>
      <c r="J14" s="280">
        <v>1</v>
      </c>
      <c r="K14" s="280">
        <v>0</v>
      </c>
      <c r="L14" s="281">
        <v>4</v>
      </c>
      <c r="M14" s="282">
        <v>4</v>
      </c>
      <c r="N14" s="276">
        <v>0</v>
      </c>
      <c r="O14" s="280">
        <v>0</v>
      </c>
      <c r="P14" s="277">
        <v>0</v>
      </c>
      <c r="Q14" s="279">
        <v>0</v>
      </c>
      <c r="R14" s="280">
        <v>1</v>
      </c>
      <c r="S14" s="280">
        <v>1</v>
      </c>
      <c r="T14" s="280">
        <v>0</v>
      </c>
      <c r="U14" s="280">
        <v>0</v>
      </c>
      <c r="V14" s="280">
        <v>0</v>
      </c>
      <c r="W14" s="277">
        <v>2</v>
      </c>
      <c r="X14" s="282">
        <v>2</v>
      </c>
      <c r="Y14" s="276">
        <v>0</v>
      </c>
      <c r="Z14" s="280">
        <v>0</v>
      </c>
      <c r="AA14" s="277">
        <v>0</v>
      </c>
      <c r="AB14" s="279">
        <v>0</v>
      </c>
      <c r="AC14" s="280">
        <v>27</v>
      </c>
      <c r="AD14" s="280">
        <v>8</v>
      </c>
      <c r="AE14" s="280">
        <v>7</v>
      </c>
      <c r="AF14" s="280">
        <v>4</v>
      </c>
      <c r="AG14" s="280">
        <v>1</v>
      </c>
      <c r="AH14" s="277">
        <v>47</v>
      </c>
      <c r="AI14" s="282">
        <v>47</v>
      </c>
      <c r="AJ14" s="276">
        <v>0</v>
      </c>
      <c r="AK14" s="280">
        <v>0</v>
      </c>
      <c r="AL14" s="277">
        <v>0</v>
      </c>
      <c r="AM14" s="279">
        <v>0</v>
      </c>
      <c r="AN14" s="280">
        <v>1</v>
      </c>
      <c r="AO14" s="280">
        <v>0</v>
      </c>
      <c r="AP14" s="280">
        <v>0</v>
      </c>
      <c r="AQ14" s="280">
        <v>0</v>
      </c>
      <c r="AR14" s="280">
        <v>0</v>
      </c>
      <c r="AS14" s="277">
        <v>1</v>
      </c>
      <c r="AT14" s="282">
        <v>1</v>
      </c>
      <c r="AU14" s="276">
        <v>0</v>
      </c>
      <c r="AV14" s="280">
        <v>1</v>
      </c>
      <c r="AW14" s="277">
        <v>1</v>
      </c>
      <c r="AX14" s="279">
        <v>0</v>
      </c>
      <c r="AY14" s="280">
        <v>0</v>
      </c>
      <c r="AZ14" s="280">
        <v>1</v>
      </c>
      <c r="BA14" s="280">
        <v>1</v>
      </c>
      <c r="BB14" s="280">
        <v>0</v>
      </c>
      <c r="BC14" s="280">
        <v>0</v>
      </c>
      <c r="BD14" s="277">
        <v>2</v>
      </c>
      <c r="BE14" s="282">
        <v>3</v>
      </c>
      <c r="BF14" s="276">
        <v>0</v>
      </c>
      <c r="BG14" s="280">
        <v>0</v>
      </c>
      <c r="BH14" s="277">
        <v>0</v>
      </c>
      <c r="BI14" s="279">
        <v>0</v>
      </c>
      <c r="BJ14" s="280">
        <v>0</v>
      </c>
      <c r="BK14" s="280">
        <v>3</v>
      </c>
      <c r="BL14" s="280">
        <v>1</v>
      </c>
      <c r="BM14" s="280">
        <v>5</v>
      </c>
      <c r="BN14" s="280">
        <v>0</v>
      </c>
      <c r="BO14" s="281">
        <v>9</v>
      </c>
      <c r="BP14" s="282">
        <v>9</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0</v>
      </c>
      <c r="CS14" s="280">
        <v>0</v>
      </c>
      <c r="CT14" s="280">
        <v>0</v>
      </c>
      <c r="CU14" s="280">
        <v>0</v>
      </c>
      <c r="CV14" s="277">
        <v>0</v>
      </c>
      <c r="CW14" s="282">
        <v>0</v>
      </c>
    </row>
    <row r="15" spans="1:101" ht="21" customHeight="1" x14ac:dyDescent="0.2">
      <c r="B15" s="261" t="s">
        <v>12</v>
      </c>
      <c r="C15" s="276">
        <v>0</v>
      </c>
      <c r="D15" s="277">
        <v>0</v>
      </c>
      <c r="E15" s="278">
        <v>0</v>
      </c>
      <c r="F15" s="279">
        <v>0</v>
      </c>
      <c r="G15" s="280">
        <v>0</v>
      </c>
      <c r="H15" s="280">
        <v>0</v>
      </c>
      <c r="I15" s="280">
        <v>0</v>
      </c>
      <c r="J15" s="280">
        <v>0</v>
      </c>
      <c r="K15" s="280">
        <v>0</v>
      </c>
      <c r="L15" s="281">
        <v>0</v>
      </c>
      <c r="M15" s="282">
        <v>0</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18</v>
      </c>
      <c r="AD15" s="280">
        <v>18</v>
      </c>
      <c r="AE15" s="280">
        <v>10</v>
      </c>
      <c r="AF15" s="280">
        <v>8</v>
      </c>
      <c r="AG15" s="280">
        <v>1</v>
      </c>
      <c r="AH15" s="277">
        <v>55</v>
      </c>
      <c r="AI15" s="282">
        <v>55</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1</v>
      </c>
      <c r="AZ15" s="280">
        <v>3</v>
      </c>
      <c r="BA15" s="280">
        <v>0</v>
      </c>
      <c r="BB15" s="280">
        <v>3</v>
      </c>
      <c r="BC15" s="280">
        <v>0</v>
      </c>
      <c r="BD15" s="277">
        <v>7</v>
      </c>
      <c r="BE15" s="282">
        <v>7</v>
      </c>
      <c r="BF15" s="276">
        <v>0</v>
      </c>
      <c r="BG15" s="280">
        <v>0</v>
      </c>
      <c r="BH15" s="277">
        <v>0</v>
      </c>
      <c r="BI15" s="279">
        <v>0</v>
      </c>
      <c r="BJ15" s="280">
        <v>0</v>
      </c>
      <c r="BK15" s="280">
        <v>1</v>
      </c>
      <c r="BL15" s="280">
        <v>1</v>
      </c>
      <c r="BM15" s="280">
        <v>2</v>
      </c>
      <c r="BN15" s="280">
        <v>3</v>
      </c>
      <c r="BO15" s="281">
        <v>7</v>
      </c>
      <c r="BP15" s="282">
        <v>7</v>
      </c>
      <c r="BQ15" s="276">
        <v>0</v>
      </c>
      <c r="BR15" s="280">
        <v>0</v>
      </c>
      <c r="BS15" s="277">
        <v>0</v>
      </c>
      <c r="BT15" s="279">
        <v>0</v>
      </c>
      <c r="BU15" s="280">
        <v>0</v>
      </c>
      <c r="BV15" s="280">
        <v>1</v>
      </c>
      <c r="BW15" s="280">
        <v>0</v>
      </c>
      <c r="BX15" s="280">
        <v>2</v>
      </c>
      <c r="BY15" s="280">
        <v>1</v>
      </c>
      <c r="BZ15" s="277">
        <v>4</v>
      </c>
      <c r="CA15" s="282">
        <v>4</v>
      </c>
      <c r="CB15" s="276">
        <v>0</v>
      </c>
      <c r="CC15" s="280">
        <v>0</v>
      </c>
      <c r="CD15" s="277">
        <v>0</v>
      </c>
      <c r="CE15" s="279">
        <v>0</v>
      </c>
      <c r="CF15" s="280">
        <v>0</v>
      </c>
      <c r="CG15" s="280">
        <v>0</v>
      </c>
      <c r="CH15" s="280">
        <v>1</v>
      </c>
      <c r="CI15" s="280">
        <v>0</v>
      </c>
      <c r="CJ15" s="280">
        <v>1</v>
      </c>
      <c r="CK15" s="277">
        <v>2</v>
      </c>
      <c r="CL15" s="282">
        <v>2</v>
      </c>
      <c r="CM15" s="276">
        <v>0</v>
      </c>
      <c r="CN15" s="280">
        <v>0</v>
      </c>
      <c r="CO15" s="277">
        <v>0</v>
      </c>
      <c r="CP15" s="279">
        <v>0</v>
      </c>
      <c r="CQ15" s="280">
        <v>0</v>
      </c>
      <c r="CR15" s="280">
        <v>1</v>
      </c>
      <c r="CS15" s="280">
        <v>1</v>
      </c>
      <c r="CT15" s="280">
        <v>3</v>
      </c>
      <c r="CU15" s="280">
        <v>2</v>
      </c>
      <c r="CV15" s="277">
        <v>7</v>
      </c>
      <c r="CW15" s="282">
        <v>7</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1</v>
      </c>
      <c r="AD16" s="280">
        <v>12</v>
      </c>
      <c r="AE16" s="280">
        <v>6</v>
      </c>
      <c r="AF16" s="280">
        <v>2</v>
      </c>
      <c r="AG16" s="280">
        <v>0</v>
      </c>
      <c r="AH16" s="277">
        <v>31</v>
      </c>
      <c r="AI16" s="282">
        <v>31</v>
      </c>
      <c r="AJ16" s="276">
        <v>0</v>
      </c>
      <c r="AK16" s="280">
        <v>0</v>
      </c>
      <c r="AL16" s="277">
        <v>0</v>
      </c>
      <c r="AM16" s="279">
        <v>0</v>
      </c>
      <c r="AN16" s="280">
        <v>0</v>
      </c>
      <c r="AO16" s="280">
        <v>1</v>
      </c>
      <c r="AP16" s="280">
        <v>0</v>
      </c>
      <c r="AQ16" s="280">
        <v>0</v>
      </c>
      <c r="AR16" s="280">
        <v>0</v>
      </c>
      <c r="AS16" s="277">
        <v>1</v>
      </c>
      <c r="AT16" s="282">
        <v>1</v>
      </c>
      <c r="AU16" s="276">
        <v>0</v>
      </c>
      <c r="AV16" s="280">
        <v>0</v>
      </c>
      <c r="AW16" s="277">
        <v>0</v>
      </c>
      <c r="AX16" s="279">
        <v>0</v>
      </c>
      <c r="AY16" s="280">
        <v>0</v>
      </c>
      <c r="AZ16" s="280">
        <v>1</v>
      </c>
      <c r="BA16" s="280">
        <v>1</v>
      </c>
      <c r="BB16" s="280">
        <v>0</v>
      </c>
      <c r="BC16" s="280">
        <v>0</v>
      </c>
      <c r="BD16" s="277">
        <v>2</v>
      </c>
      <c r="BE16" s="282">
        <v>2</v>
      </c>
      <c r="BF16" s="276">
        <v>0</v>
      </c>
      <c r="BG16" s="280">
        <v>0</v>
      </c>
      <c r="BH16" s="277">
        <v>0</v>
      </c>
      <c r="BI16" s="279">
        <v>0</v>
      </c>
      <c r="BJ16" s="280">
        <v>0</v>
      </c>
      <c r="BK16" s="280">
        <v>1</v>
      </c>
      <c r="BL16" s="280">
        <v>0</v>
      </c>
      <c r="BM16" s="280">
        <v>1</v>
      </c>
      <c r="BN16" s="280">
        <v>0</v>
      </c>
      <c r="BO16" s="281">
        <v>2</v>
      </c>
      <c r="BP16" s="282">
        <v>2</v>
      </c>
      <c r="BQ16" s="276">
        <v>0</v>
      </c>
      <c r="BR16" s="280">
        <v>0</v>
      </c>
      <c r="BS16" s="277">
        <v>0</v>
      </c>
      <c r="BT16" s="279">
        <v>0</v>
      </c>
      <c r="BU16" s="280">
        <v>0</v>
      </c>
      <c r="BV16" s="280">
        <v>0</v>
      </c>
      <c r="BW16" s="280">
        <v>0</v>
      </c>
      <c r="BX16" s="280">
        <v>0</v>
      </c>
      <c r="BY16" s="280">
        <v>1</v>
      </c>
      <c r="BZ16" s="277">
        <v>1</v>
      </c>
      <c r="CA16" s="282">
        <v>1</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1</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6</v>
      </c>
      <c r="AD17" s="280">
        <v>5</v>
      </c>
      <c r="AE17" s="280">
        <v>3</v>
      </c>
      <c r="AF17" s="280">
        <v>2</v>
      </c>
      <c r="AG17" s="280">
        <v>2</v>
      </c>
      <c r="AH17" s="277">
        <v>18</v>
      </c>
      <c r="AI17" s="282">
        <v>18</v>
      </c>
      <c r="AJ17" s="276">
        <v>0</v>
      </c>
      <c r="AK17" s="280">
        <v>0</v>
      </c>
      <c r="AL17" s="277">
        <v>0</v>
      </c>
      <c r="AM17" s="279">
        <v>0</v>
      </c>
      <c r="AN17" s="280">
        <v>0</v>
      </c>
      <c r="AO17" s="280">
        <v>0</v>
      </c>
      <c r="AP17" s="280">
        <v>0</v>
      </c>
      <c r="AQ17" s="280">
        <v>0</v>
      </c>
      <c r="AR17" s="280">
        <v>0</v>
      </c>
      <c r="AS17" s="277">
        <v>0</v>
      </c>
      <c r="AT17" s="282">
        <v>0</v>
      </c>
      <c r="AU17" s="276">
        <v>0</v>
      </c>
      <c r="AV17" s="280">
        <v>0</v>
      </c>
      <c r="AW17" s="277">
        <v>0</v>
      </c>
      <c r="AX17" s="279">
        <v>0</v>
      </c>
      <c r="AY17" s="280">
        <v>0</v>
      </c>
      <c r="AZ17" s="280">
        <v>0</v>
      </c>
      <c r="BA17" s="280">
        <v>0</v>
      </c>
      <c r="BB17" s="280">
        <v>0</v>
      </c>
      <c r="BC17" s="280">
        <v>0</v>
      </c>
      <c r="BD17" s="277">
        <v>0</v>
      </c>
      <c r="BE17" s="282">
        <v>0</v>
      </c>
      <c r="BF17" s="276">
        <v>0</v>
      </c>
      <c r="BG17" s="280">
        <v>0</v>
      </c>
      <c r="BH17" s="277">
        <v>0</v>
      </c>
      <c r="BI17" s="279">
        <v>0</v>
      </c>
      <c r="BJ17" s="280">
        <v>0</v>
      </c>
      <c r="BK17" s="280">
        <v>3</v>
      </c>
      <c r="BL17" s="280">
        <v>0</v>
      </c>
      <c r="BM17" s="280">
        <v>1</v>
      </c>
      <c r="BN17" s="280">
        <v>0</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1</v>
      </c>
      <c r="J18" s="280">
        <v>1</v>
      </c>
      <c r="K18" s="280">
        <v>2</v>
      </c>
      <c r="L18" s="281">
        <v>4</v>
      </c>
      <c r="M18" s="282">
        <v>4</v>
      </c>
      <c r="N18" s="276">
        <v>0</v>
      </c>
      <c r="O18" s="280">
        <v>0</v>
      </c>
      <c r="P18" s="277">
        <v>0</v>
      </c>
      <c r="Q18" s="279">
        <v>0</v>
      </c>
      <c r="R18" s="280">
        <v>0</v>
      </c>
      <c r="S18" s="280">
        <v>0</v>
      </c>
      <c r="T18" s="280">
        <v>0</v>
      </c>
      <c r="U18" s="280">
        <v>1</v>
      </c>
      <c r="V18" s="280">
        <v>1</v>
      </c>
      <c r="W18" s="277">
        <v>2</v>
      </c>
      <c r="X18" s="282">
        <v>2</v>
      </c>
      <c r="Y18" s="276">
        <v>0</v>
      </c>
      <c r="Z18" s="280">
        <v>0</v>
      </c>
      <c r="AA18" s="277">
        <v>0</v>
      </c>
      <c r="AB18" s="279">
        <v>0</v>
      </c>
      <c r="AC18" s="280">
        <v>6</v>
      </c>
      <c r="AD18" s="280">
        <v>7</v>
      </c>
      <c r="AE18" s="280">
        <v>9</v>
      </c>
      <c r="AF18" s="280">
        <v>2</v>
      </c>
      <c r="AG18" s="280">
        <v>1</v>
      </c>
      <c r="AH18" s="277">
        <v>25</v>
      </c>
      <c r="AI18" s="282">
        <v>25</v>
      </c>
      <c r="AJ18" s="276">
        <v>0</v>
      </c>
      <c r="AK18" s="280">
        <v>0</v>
      </c>
      <c r="AL18" s="277">
        <v>0</v>
      </c>
      <c r="AM18" s="279">
        <v>0</v>
      </c>
      <c r="AN18" s="280">
        <v>0</v>
      </c>
      <c r="AO18" s="280">
        <v>3</v>
      </c>
      <c r="AP18" s="280">
        <v>0</v>
      </c>
      <c r="AQ18" s="280">
        <v>0</v>
      </c>
      <c r="AR18" s="280">
        <v>0</v>
      </c>
      <c r="AS18" s="277">
        <v>3</v>
      </c>
      <c r="AT18" s="282">
        <v>3</v>
      </c>
      <c r="AU18" s="276">
        <v>0</v>
      </c>
      <c r="AV18" s="280">
        <v>0</v>
      </c>
      <c r="AW18" s="277">
        <v>0</v>
      </c>
      <c r="AX18" s="279">
        <v>0</v>
      </c>
      <c r="AY18" s="280">
        <v>0</v>
      </c>
      <c r="AZ18" s="280">
        <v>1</v>
      </c>
      <c r="BA18" s="280">
        <v>0</v>
      </c>
      <c r="BB18" s="280">
        <v>0</v>
      </c>
      <c r="BC18" s="280">
        <v>1</v>
      </c>
      <c r="BD18" s="277">
        <v>2</v>
      </c>
      <c r="BE18" s="282">
        <v>2</v>
      </c>
      <c r="BF18" s="276">
        <v>0</v>
      </c>
      <c r="BG18" s="280">
        <v>0</v>
      </c>
      <c r="BH18" s="277">
        <v>0</v>
      </c>
      <c r="BI18" s="279">
        <v>0</v>
      </c>
      <c r="BJ18" s="280">
        <v>0</v>
      </c>
      <c r="BK18" s="280">
        <v>2</v>
      </c>
      <c r="BL18" s="280">
        <v>3</v>
      </c>
      <c r="BM18" s="280">
        <v>1</v>
      </c>
      <c r="BN18" s="280">
        <v>2</v>
      </c>
      <c r="BO18" s="281">
        <v>8</v>
      </c>
      <c r="BP18" s="282">
        <v>8</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0</v>
      </c>
      <c r="CS18" s="280">
        <v>0</v>
      </c>
      <c r="CT18" s="280">
        <v>0</v>
      </c>
      <c r="CU18" s="280">
        <v>0</v>
      </c>
      <c r="CV18" s="277">
        <v>0</v>
      </c>
      <c r="CW18" s="282">
        <v>0</v>
      </c>
    </row>
    <row r="19" spans="2:101" ht="21" customHeight="1" x14ac:dyDescent="0.2">
      <c r="B19" s="261" t="s">
        <v>17</v>
      </c>
      <c r="C19" s="276">
        <v>0</v>
      </c>
      <c r="D19" s="277">
        <v>0</v>
      </c>
      <c r="E19" s="278">
        <v>0</v>
      </c>
      <c r="F19" s="279">
        <v>0</v>
      </c>
      <c r="G19" s="280">
        <v>1</v>
      </c>
      <c r="H19" s="280">
        <v>0</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7</v>
      </c>
      <c r="AD19" s="280">
        <v>19</v>
      </c>
      <c r="AE19" s="280">
        <v>6</v>
      </c>
      <c r="AF19" s="280">
        <v>7</v>
      </c>
      <c r="AG19" s="280">
        <v>1</v>
      </c>
      <c r="AH19" s="277">
        <v>50</v>
      </c>
      <c r="AI19" s="282">
        <v>50</v>
      </c>
      <c r="AJ19" s="276">
        <v>0</v>
      </c>
      <c r="AK19" s="280">
        <v>0</v>
      </c>
      <c r="AL19" s="277">
        <v>0</v>
      </c>
      <c r="AM19" s="279">
        <v>0</v>
      </c>
      <c r="AN19" s="280">
        <v>0</v>
      </c>
      <c r="AO19" s="280">
        <v>0</v>
      </c>
      <c r="AP19" s="280">
        <v>2</v>
      </c>
      <c r="AQ19" s="280">
        <v>0</v>
      </c>
      <c r="AR19" s="280">
        <v>0</v>
      </c>
      <c r="AS19" s="277">
        <v>2</v>
      </c>
      <c r="AT19" s="282">
        <v>2</v>
      </c>
      <c r="AU19" s="276">
        <v>0</v>
      </c>
      <c r="AV19" s="280">
        <v>0</v>
      </c>
      <c r="AW19" s="277">
        <v>0</v>
      </c>
      <c r="AX19" s="279">
        <v>0</v>
      </c>
      <c r="AY19" s="280">
        <v>0</v>
      </c>
      <c r="AZ19" s="280">
        <v>3</v>
      </c>
      <c r="BA19" s="280">
        <v>1</v>
      </c>
      <c r="BB19" s="280">
        <v>1</v>
      </c>
      <c r="BC19" s="280">
        <v>1</v>
      </c>
      <c r="BD19" s="277">
        <v>6</v>
      </c>
      <c r="BE19" s="282">
        <v>6</v>
      </c>
      <c r="BF19" s="276">
        <v>0</v>
      </c>
      <c r="BG19" s="280">
        <v>0</v>
      </c>
      <c r="BH19" s="277">
        <v>0</v>
      </c>
      <c r="BI19" s="279">
        <v>0</v>
      </c>
      <c r="BJ19" s="280">
        <v>1</v>
      </c>
      <c r="BK19" s="280">
        <v>4</v>
      </c>
      <c r="BL19" s="280">
        <v>2</v>
      </c>
      <c r="BM19" s="280">
        <v>4</v>
      </c>
      <c r="BN19" s="280">
        <v>4</v>
      </c>
      <c r="BO19" s="281">
        <v>15</v>
      </c>
      <c r="BP19" s="282">
        <v>15</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0</v>
      </c>
      <c r="CI19" s="280">
        <v>2</v>
      </c>
      <c r="CJ19" s="280">
        <v>2</v>
      </c>
      <c r="CK19" s="277">
        <v>4</v>
      </c>
      <c r="CL19" s="282">
        <v>4</v>
      </c>
      <c r="CM19" s="276">
        <v>0</v>
      </c>
      <c r="CN19" s="280">
        <v>0</v>
      </c>
      <c r="CO19" s="277">
        <v>0</v>
      </c>
      <c r="CP19" s="279">
        <v>0</v>
      </c>
      <c r="CQ19" s="280">
        <v>0</v>
      </c>
      <c r="CR19" s="280">
        <v>0</v>
      </c>
      <c r="CS19" s="280">
        <v>0</v>
      </c>
      <c r="CT19" s="280">
        <v>0</v>
      </c>
      <c r="CU19" s="280">
        <v>0</v>
      </c>
      <c r="CV19" s="277">
        <v>0</v>
      </c>
      <c r="CW19" s="282">
        <v>0</v>
      </c>
    </row>
    <row r="20" spans="2:101" ht="21" customHeight="1" x14ac:dyDescent="0.2">
      <c r="B20" s="261" t="s">
        <v>18</v>
      </c>
      <c r="C20" s="276">
        <v>0</v>
      </c>
      <c r="D20" s="277">
        <v>0</v>
      </c>
      <c r="E20" s="278">
        <v>0</v>
      </c>
      <c r="F20" s="279">
        <v>0</v>
      </c>
      <c r="G20" s="280">
        <v>0</v>
      </c>
      <c r="H20" s="280">
        <v>0</v>
      </c>
      <c r="I20" s="280">
        <v>0</v>
      </c>
      <c r="J20" s="280">
        <v>0</v>
      </c>
      <c r="K20" s="280">
        <v>1</v>
      </c>
      <c r="L20" s="281">
        <v>1</v>
      </c>
      <c r="M20" s="282">
        <v>1</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1</v>
      </c>
      <c r="AD20" s="280">
        <v>11</v>
      </c>
      <c r="AE20" s="280">
        <v>8</v>
      </c>
      <c r="AF20" s="280">
        <v>1</v>
      </c>
      <c r="AG20" s="280">
        <v>0</v>
      </c>
      <c r="AH20" s="277">
        <v>41</v>
      </c>
      <c r="AI20" s="282">
        <v>41</v>
      </c>
      <c r="AJ20" s="276">
        <v>0</v>
      </c>
      <c r="AK20" s="280">
        <v>0</v>
      </c>
      <c r="AL20" s="277">
        <v>0</v>
      </c>
      <c r="AM20" s="279">
        <v>0</v>
      </c>
      <c r="AN20" s="280">
        <v>0</v>
      </c>
      <c r="AO20" s="280">
        <v>1</v>
      </c>
      <c r="AP20" s="280">
        <v>3</v>
      </c>
      <c r="AQ20" s="280">
        <v>1</v>
      </c>
      <c r="AR20" s="280">
        <v>0</v>
      </c>
      <c r="AS20" s="277">
        <v>5</v>
      </c>
      <c r="AT20" s="282">
        <v>5</v>
      </c>
      <c r="AU20" s="276">
        <v>0</v>
      </c>
      <c r="AV20" s="280">
        <v>0</v>
      </c>
      <c r="AW20" s="277">
        <v>0</v>
      </c>
      <c r="AX20" s="279">
        <v>0</v>
      </c>
      <c r="AY20" s="280">
        <v>0</v>
      </c>
      <c r="AZ20" s="280">
        <v>1</v>
      </c>
      <c r="BA20" s="280">
        <v>0</v>
      </c>
      <c r="BB20" s="280">
        <v>0</v>
      </c>
      <c r="BC20" s="280">
        <v>0</v>
      </c>
      <c r="BD20" s="277">
        <v>1</v>
      </c>
      <c r="BE20" s="282">
        <v>1</v>
      </c>
      <c r="BF20" s="276">
        <v>0</v>
      </c>
      <c r="BG20" s="280">
        <v>0</v>
      </c>
      <c r="BH20" s="277">
        <v>0</v>
      </c>
      <c r="BI20" s="279">
        <v>0</v>
      </c>
      <c r="BJ20" s="280">
        <v>2</v>
      </c>
      <c r="BK20" s="280">
        <v>2</v>
      </c>
      <c r="BL20" s="280">
        <v>5</v>
      </c>
      <c r="BM20" s="280">
        <v>2</v>
      </c>
      <c r="BN20" s="280">
        <v>1</v>
      </c>
      <c r="BO20" s="281">
        <v>12</v>
      </c>
      <c r="BP20" s="282">
        <v>12</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1</v>
      </c>
      <c r="CI20" s="280">
        <v>1</v>
      </c>
      <c r="CJ20" s="280">
        <v>0</v>
      </c>
      <c r="CK20" s="277">
        <v>2</v>
      </c>
      <c r="CL20" s="282">
        <v>2</v>
      </c>
      <c r="CM20" s="276">
        <v>0</v>
      </c>
      <c r="CN20" s="280">
        <v>0</v>
      </c>
      <c r="CO20" s="277">
        <v>0</v>
      </c>
      <c r="CP20" s="279">
        <v>0</v>
      </c>
      <c r="CQ20" s="280">
        <v>0</v>
      </c>
      <c r="CR20" s="280">
        <v>1</v>
      </c>
      <c r="CS20" s="280">
        <v>0</v>
      </c>
      <c r="CT20" s="280">
        <v>1</v>
      </c>
      <c r="CU20" s="280">
        <v>3</v>
      </c>
      <c r="CV20" s="277">
        <v>5</v>
      </c>
      <c r="CW20" s="282">
        <v>5</v>
      </c>
    </row>
    <row r="21" spans="2:101" ht="21" customHeight="1" x14ac:dyDescent="0.2">
      <c r="B21" s="261" t="s">
        <v>19</v>
      </c>
      <c r="C21" s="276">
        <v>0</v>
      </c>
      <c r="D21" s="277">
        <v>0</v>
      </c>
      <c r="E21" s="278">
        <v>0</v>
      </c>
      <c r="F21" s="279">
        <v>0</v>
      </c>
      <c r="G21" s="280">
        <v>0</v>
      </c>
      <c r="H21" s="280">
        <v>1</v>
      </c>
      <c r="I21" s="280">
        <v>0</v>
      </c>
      <c r="J21" s="280">
        <v>2</v>
      </c>
      <c r="K21" s="280">
        <v>1</v>
      </c>
      <c r="L21" s="281">
        <v>4</v>
      </c>
      <c r="M21" s="282">
        <v>4</v>
      </c>
      <c r="N21" s="276">
        <v>0</v>
      </c>
      <c r="O21" s="280">
        <v>0</v>
      </c>
      <c r="P21" s="277">
        <v>0</v>
      </c>
      <c r="Q21" s="279">
        <v>0</v>
      </c>
      <c r="R21" s="280">
        <v>0</v>
      </c>
      <c r="S21" s="280">
        <v>0</v>
      </c>
      <c r="T21" s="280">
        <v>0</v>
      </c>
      <c r="U21" s="280">
        <v>1</v>
      </c>
      <c r="V21" s="280">
        <v>0</v>
      </c>
      <c r="W21" s="277">
        <v>1</v>
      </c>
      <c r="X21" s="282">
        <v>1</v>
      </c>
      <c r="Y21" s="276">
        <v>0</v>
      </c>
      <c r="Z21" s="280">
        <v>0</v>
      </c>
      <c r="AA21" s="277">
        <v>0</v>
      </c>
      <c r="AB21" s="279">
        <v>0</v>
      </c>
      <c r="AC21" s="280">
        <v>7</v>
      </c>
      <c r="AD21" s="280">
        <v>5</v>
      </c>
      <c r="AE21" s="280">
        <v>2</v>
      </c>
      <c r="AF21" s="280">
        <v>2</v>
      </c>
      <c r="AG21" s="280">
        <v>0</v>
      </c>
      <c r="AH21" s="277">
        <v>16</v>
      </c>
      <c r="AI21" s="282">
        <v>16</v>
      </c>
      <c r="AJ21" s="276">
        <v>0</v>
      </c>
      <c r="AK21" s="280">
        <v>0</v>
      </c>
      <c r="AL21" s="277">
        <v>0</v>
      </c>
      <c r="AM21" s="279">
        <v>0</v>
      </c>
      <c r="AN21" s="280">
        <v>1</v>
      </c>
      <c r="AO21" s="280">
        <v>3</v>
      </c>
      <c r="AP21" s="280">
        <v>0</v>
      </c>
      <c r="AQ21" s="280">
        <v>0</v>
      </c>
      <c r="AR21" s="280">
        <v>0</v>
      </c>
      <c r="AS21" s="277">
        <v>4</v>
      </c>
      <c r="AT21" s="282">
        <v>4</v>
      </c>
      <c r="AU21" s="276">
        <v>0</v>
      </c>
      <c r="AV21" s="280">
        <v>0</v>
      </c>
      <c r="AW21" s="277">
        <v>0</v>
      </c>
      <c r="AX21" s="279">
        <v>0</v>
      </c>
      <c r="AY21" s="280">
        <v>1</v>
      </c>
      <c r="AZ21" s="280">
        <v>0</v>
      </c>
      <c r="BA21" s="280">
        <v>1</v>
      </c>
      <c r="BB21" s="280">
        <v>0</v>
      </c>
      <c r="BC21" s="280">
        <v>0</v>
      </c>
      <c r="BD21" s="277">
        <v>2</v>
      </c>
      <c r="BE21" s="282">
        <v>2</v>
      </c>
      <c r="BF21" s="276">
        <v>0</v>
      </c>
      <c r="BG21" s="280">
        <v>0</v>
      </c>
      <c r="BH21" s="277">
        <v>0</v>
      </c>
      <c r="BI21" s="279">
        <v>0</v>
      </c>
      <c r="BJ21" s="280">
        <v>0</v>
      </c>
      <c r="BK21" s="280">
        <v>0</v>
      </c>
      <c r="BL21" s="280">
        <v>1</v>
      </c>
      <c r="BM21" s="280">
        <v>0</v>
      </c>
      <c r="BN21" s="280">
        <v>1</v>
      </c>
      <c r="BO21" s="281">
        <v>2</v>
      </c>
      <c r="BP21" s="282">
        <v>2</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6</v>
      </c>
      <c r="AD22" s="280">
        <v>10</v>
      </c>
      <c r="AE22" s="280">
        <v>0</v>
      </c>
      <c r="AF22" s="280">
        <v>0</v>
      </c>
      <c r="AG22" s="280">
        <v>0</v>
      </c>
      <c r="AH22" s="277">
        <v>16</v>
      </c>
      <c r="AI22" s="282">
        <v>16</v>
      </c>
      <c r="AJ22" s="276">
        <v>0</v>
      </c>
      <c r="AK22" s="280">
        <v>0</v>
      </c>
      <c r="AL22" s="277">
        <v>0</v>
      </c>
      <c r="AM22" s="279">
        <v>0</v>
      </c>
      <c r="AN22" s="280">
        <v>0</v>
      </c>
      <c r="AO22" s="280">
        <v>0</v>
      </c>
      <c r="AP22" s="280">
        <v>0</v>
      </c>
      <c r="AQ22" s="280">
        <v>0</v>
      </c>
      <c r="AR22" s="280">
        <v>1</v>
      </c>
      <c r="AS22" s="277">
        <v>1</v>
      </c>
      <c r="AT22" s="282">
        <v>1</v>
      </c>
      <c r="AU22" s="276">
        <v>0</v>
      </c>
      <c r="AV22" s="280">
        <v>1</v>
      </c>
      <c r="AW22" s="277">
        <v>1</v>
      </c>
      <c r="AX22" s="279">
        <v>0</v>
      </c>
      <c r="AY22" s="280">
        <v>1</v>
      </c>
      <c r="AZ22" s="280">
        <v>0</v>
      </c>
      <c r="BA22" s="280">
        <v>1</v>
      </c>
      <c r="BB22" s="280">
        <v>0</v>
      </c>
      <c r="BC22" s="280">
        <v>0</v>
      </c>
      <c r="BD22" s="277">
        <v>2</v>
      </c>
      <c r="BE22" s="282">
        <v>3</v>
      </c>
      <c r="BF22" s="276">
        <v>0</v>
      </c>
      <c r="BG22" s="280">
        <v>0</v>
      </c>
      <c r="BH22" s="277">
        <v>0</v>
      </c>
      <c r="BI22" s="279">
        <v>0</v>
      </c>
      <c r="BJ22" s="280">
        <v>1</v>
      </c>
      <c r="BK22" s="280">
        <v>1</v>
      </c>
      <c r="BL22" s="280">
        <v>2</v>
      </c>
      <c r="BM22" s="280">
        <v>0</v>
      </c>
      <c r="BN22" s="280">
        <v>0</v>
      </c>
      <c r="BO22" s="281">
        <v>4</v>
      </c>
      <c r="BP22" s="282">
        <v>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1</v>
      </c>
      <c r="H23" s="280">
        <v>0</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4</v>
      </c>
      <c r="AD23" s="280">
        <v>4</v>
      </c>
      <c r="AE23" s="280">
        <v>2</v>
      </c>
      <c r="AF23" s="280">
        <v>2</v>
      </c>
      <c r="AG23" s="280">
        <v>0</v>
      </c>
      <c r="AH23" s="277">
        <v>22</v>
      </c>
      <c r="AI23" s="282">
        <v>22</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1</v>
      </c>
      <c r="AZ23" s="280">
        <v>0</v>
      </c>
      <c r="BA23" s="280">
        <v>0</v>
      </c>
      <c r="BB23" s="280">
        <v>1</v>
      </c>
      <c r="BC23" s="280">
        <v>0</v>
      </c>
      <c r="BD23" s="277">
        <v>2</v>
      </c>
      <c r="BE23" s="282">
        <v>2</v>
      </c>
      <c r="BF23" s="276">
        <v>0</v>
      </c>
      <c r="BG23" s="280">
        <v>0</v>
      </c>
      <c r="BH23" s="277">
        <v>0</v>
      </c>
      <c r="BI23" s="279">
        <v>0</v>
      </c>
      <c r="BJ23" s="280">
        <v>1</v>
      </c>
      <c r="BK23" s="280">
        <v>2</v>
      </c>
      <c r="BL23" s="280">
        <v>1</v>
      </c>
      <c r="BM23" s="280">
        <v>2</v>
      </c>
      <c r="BN23" s="280">
        <v>0</v>
      </c>
      <c r="BO23" s="281">
        <v>6</v>
      </c>
      <c r="BP23" s="282">
        <v>6</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2</v>
      </c>
      <c r="H24" s="280">
        <v>0</v>
      </c>
      <c r="I24" s="280">
        <v>1</v>
      </c>
      <c r="J24" s="280">
        <v>0</v>
      </c>
      <c r="K24" s="280">
        <v>0</v>
      </c>
      <c r="L24" s="281">
        <v>3</v>
      </c>
      <c r="M24" s="282">
        <v>3</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8</v>
      </c>
      <c r="AD24" s="280">
        <v>3</v>
      </c>
      <c r="AE24" s="280">
        <v>0</v>
      </c>
      <c r="AF24" s="280">
        <v>0</v>
      </c>
      <c r="AG24" s="280">
        <v>0</v>
      </c>
      <c r="AH24" s="277">
        <v>11</v>
      </c>
      <c r="AI24" s="282">
        <v>11</v>
      </c>
      <c r="AJ24" s="276">
        <v>0</v>
      </c>
      <c r="AK24" s="280">
        <v>0</v>
      </c>
      <c r="AL24" s="277">
        <v>0</v>
      </c>
      <c r="AM24" s="279">
        <v>0</v>
      </c>
      <c r="AN24" s="280">
        <v>0</v>
      </c>
      <c r="AO24" s="280">
        <v>0</v>
      </c>
      <c r="AP24" s="280">
        <v>1</v>
      </c>
      <c r="AQ24" s="280">
        <v>0</v>
      </c>
      <c r="AR24" s="280">
        <v>0</v>
      </c>
      <c r="AS24" s="277">
        <v>1</v>
      </c>
      <c r="AT24" s="282">
        <v>1</v>
      </c>
      <c r="AU24" s="276">
        <v>0</v>
      </c>
      <c r="AV24" s="280">
        <v>1</v>
      </c>
      <c r="AW24" s="277">
        <v>1</v>
      </c>
      <c r="AX24" s="279">
        <v>0</v>
      </c>
      <c r="AY24" s="280">
        <v>1</v>
      </c>
      <c r="AZ24" s="280">
        <v>3</v>
      </c>
      <c r="BA24" s="280">
        <v>0</v>
      </c>
      <c r="BB24" s="280">
        <v>0</v>
      </c>
      <c r="BC24" s="280">
        <v>0</v>
      </c>
      <c r="BD24" s="277">
        <v>4</v>
      </c>
      <c r="BE24" s="282">
        <v>5</v>
      </c>
      <c r="BF24" s="276">
        <v>0</v>
      </c>
      <c r="BG24" s="280">
        <v>0</v>
      </c>
      <c r="BH24" s="277">
        <v>0</v>
      </c>
      <c r="BI24" s="279">
        <v>0</v>
      </c>
      <c r="BJ24" s="280">
        <v>1</v>
      </c>
      <c r="BK24" s="280">
        <v>0</v>
      </c>
      <c r="BL24" s="280">
        <v>0</v>
      </c>
      <c r="BM24" s="280">
        <v>0</v>
      </c>
      <c r="BN24" s="280">
        <v>0</v>
      </c>
      <c r="BO24" s="281">
        <v>1</v>
      </c>
      <c r="BP24" s="282">
        <v>1</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0</v>
      </c>
      <c r="CJ24" s="280">
        <v>0</v>
      </c>
      <c r="CK24" s="277">
        <v>0</v>
      </c>
      <c r="CL24" s="282">
        <v>0</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1</v>
      </c>
      <c r="L25" s="281">
        <v>1</v>
      </c>
      <c r="M25" s="282">
        <v>1</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0</v>
      </c>
      <c r="AD25" s="280">
        <v>3</v>
      </c>
      <c r="AE25" s="280">
        <v>2</v>
      </c>
      <c r="AF25" s="280">
        <v>0</v>
      </c>
      <c r="AG25" s="280">
        <v>1</v>
      </c>
      <c r="AH25" s="277">
        <v>6</v>
      </c>
      <c r="AI25" s="282">
        <v>6</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0</v>
      </c>
      <c r="BK25" s="280">
        <v>0</v>
      </c>
      <c r="BL25" s="280">
        <v>3</v>
      </c>
      <c r="BM25" s="280">
        <v>1</v>
      </c>
      <c r="BN25" s="280">
        <v>0</v>
      </c>
      <c r="BO25" s="281">
        <v>4</v>
      </c>
      <c r="BP25" s="282">
        <v>4</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1</v>
      </c>
      <c r="K26" s="280">
        <v>0</v>
      </c>
      <c r="L26" s="281">
        <v>2</v>
      </c>
      <c r="M26" s="282">
        <v>2</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0</v>
      </c>
      <c r="AD26" s="280">
        <v>0</v>
      </c>
      <c r="AE26" s="280">
        <v>1</v>
      </c>
      <c r="AF26" s="280">
        <v>0</v>
      </c>
      <c r="AG26" s="280">
        <v>0</v>
      </c>
      <c r="AH26" s="277">
        <v>1</v>
      </c>
      <c r="AI26" s="282">
        <v>1</v>
      </c>
      <c r="AJ26" s="276">
        <v>0</v>
      </c>
      <c r="AK26" s="280">
        <v>0</v>
      </c>
      <c r="AL26" s="277">
        <v>0</v>
      </c>
      <c r="AM26" s="279">
        <v>0</v>
      </c>
      <c r="AN26" s="280">
        <v>0</v>
      </c>
      <c r="AO26" s="280">
        <v>0</v>
      </c>
      <c r="AP26" s="280">
        <v>1</v>
      </c>
      <c r="AQ26" s="280">
        <v>0</v>
      </c>
      <c r="AR26" s="280">
        <v>1</v>
      </c>
      <c r="AS26" s="277">
        <v>2</v>
      </c>
      <c r="AT26" s="282">
        <v>2</v>
      </c>
      <c r="AU26" s="276">
        <v>0</v>
      </c>
      <c r="AV26" s="280">
        <v>0</v>
      </c>
      <c r="AW26" s="277">
        <v>0</v>
      </c>
      <c r="AX26" s="279">
        <v>0</v>
      </c>
      <c r="AY26" s="280">
        <v>3</v>
      </c>
      <c r="AZ26" s="280">
        <v>0</v>
      </c>
      <c r="BA26" s="280">
        <v>2</v>
      </c>
      <c r="BB26" s="280">
        <v>0</v>
      </c>
      <c r="BC26" s="280">
        <v>0</v>
      </c>
      <c r="BD26" s="277">
        <v>5</v>
      </c>
      <c r="BE26" s="282">
        <v>5</v>
      </c>
      <c r="BF26" s="276">
        <v>0</v>
      </c>
      <c r="BG26" s="280">
        <v>0</v>
      </c>
      <c r="BH26" s="277">
        <v>0</v>
      </c>
      <c r="BI26" s="279">
        <v>0</v>
      </c>
      <c r="BJ26" s="280">
        <v>0</v>
      </c>
      <c r="BK26" s="280">
        <v>0</v>
      </c>
      <c r="BL26" s="280">
        <v>1</v>
      </c>
      <c r="BM26" s="280">
        <v>0</v>
      </c>
      <c r="BN26" s="280">
        <v>1</v>
      </c>
      <c r="BO26" s="281">
        <v>2</v>
      </c>
      <c r="BP26" s="282">
        <v>2</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4</v>
      </c>
      <c r="AD27" s="280">
        <v>1</v>
      </c>
      <c r="AE27" s="280">
        <v>0</v>
      </c>
      <c r="AF27" s="280">
        <v>0</v>
      </c>
      <c r="AG27" s="280">
        <v>0</v>
      </c>
      <c r="AH27" s="277">
        <v>5</v>
      </c>
      <c r="AI27" s="282">
        <v>5</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0</v>
      </c>
      <c r="AZ27" s="280">
        <v>0</v>
      </c>
      <c r="BA27" s="280">
        <v>0</v>
      </c>
      <c r="BB27" s="280">
        <v>0</v>
      </c>
      <c r="BC27" s="280">
        <v>0</v>
      </c>
      <c r="BD27" s="277">
        <v>0</v>
      </c>
      <c r="BE27" s="282">
        <v>0</v>
      </c>
      <c r="BF27" s="276">
        <v>0</v>
      </c>
      <c r="BG27" s="280">
        <v>0</v>
      </c>
      <c r="BH27" s="277">
        <v>0</v>
      </c>
      <c r="BI27" s="279">
        <v>0</v>
      </c>
      <c r="BJ27" s="280">
        <v>1</v>
      </c>
      <c r="BK27" s="280">
        <v>0</v>
      </c>
      <c r="BL27" s="280">
        <v>0</v>
      </c>
      <c r="BM27" s="280">
        <v>0</v>
      </c>
      <c r="BN27" s="280">
        <v>0</v>
      </c>
      <c r="BO27" s="281">
        <v>1</v>
      </c>
      <c r="BP27" s="282">
        <v>1</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3</v>
      </c>
      <c r="AD28" s="280">
        <v>1</v>
      </c>
      <c r="AE28" s="280">
        <v>1</v>
      </c>
      <c r="AF28" s="280">
        <v>0</v>
      </c>
      <c r="AG28" s="280">
        <v>0</v>
      </c>
      <c r="AH28" s="277">
        <v>5</v>
      </c>
      <c r="AI28" s="282">
        <v>5</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1</v>
      </c>
      <c r="AZ28" s="280">
        <v>0</v>
      </c>
      <c r="BA28" s="280">
        <v>0</v>
      </c>
      <c r="BB28" s="280">
        <v>0</v>
      </c>
      <c r="BC28" s="280">
        <v>0</v>
      </c>
      <c r="BD28" s="277">
        <v>1</v>
      </c>
      <c r="BE28" s="282">
        <v>1</v>
      </c>
      <c r="BF28" s="276">
        <v>0</v>
      </c>
      <c r="BG28" s="280">
        <v>0</v>
      </c>
      <c r="BH28" s="277">
        <v>0</v>
      </c>
      <c r="BI28" s="279">
        <v>0</v>
      </c>
      <c r="BJ28" s="280">
        <v>0</v>
      </c>
      <c r="BK28" s="280">
        <v>0</v>
      </c>
      <c r="BL28" s="280">
        <v>1</v>
      </c>
      <c r="BM28" s="280">
        <v>2</v>
      </c>
      <c r="BN28" s="280">
        <v>0</v>
      </c>
      <c r="BO28" s="281">
        <v>3</v>
      </c>
      <c r="BP28" s="282">
        <v>3</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0</v>
      </c>
      <c r="J29" s="280">
        <v>0</v>
      </c>
      <c r="K29" s="280">
        <v>0</v>
      </c>
      <c r="L29" s="281">
        <v>0</v>
      </c>
      <c r="M29" s="282">
        <v>0</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2</v>
      </c>
      <c r="AD29" s="280">
        <v>1</v>
      </c>
      <c r="AE29" s="280">
        <v>0</v>
      </c>
      <c r="AF29" s="280">
        <v>0</v>
      </c>
      <c r="AG29" s="280">
        <v>0</v>
      </c>
      <c r="AH29" s="277">
        <v>3</v>
      </c>
      <c r="AI29" s="282">
        <v>3</v>
      </c>
      <c r="AJ29" s="276">
        <v>0</v>
      </c>
      <c r="AK29" s="280">
        <v>0</v>
      </c>
      <c r="AL29" s="277">
        <v>0</v>
      </c>
      <c r="AM29" s="279">
        <v>0</v>
      </c>
      <c r="AN29" s="280">
        <v>1</v>
      </c>
      <c r="AO29" s="280">
        <v>0</v>
      </c>
      <c r="AP29" s="280">
        <v>1</v>
      </c>
      <c r="AQ29" s="280">
        <v>0</v>
      </c>
      <c r="AR29" s="280">
        <v>0</v>
      </c>
      <c r="AS29" s="277">
        <v>2</v>
      </c>
      <c r="AT29" s="282">
        <v>2</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0</v>
      </c>
      <c r="BM29" s="280">
        <v>0</v>
      </c>
      <c r="BN29" s="280">
        <v>0</v>
      </c>
      <c r="BO29" s="281">
        <v>0</v>
      </c>
      <c r="BP29" s="282">
        <v>0</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0</v>
      </c>
      <c r="BO30" s="281">
        <v>0</v>
      </c>
      <c r="BP30" s="282">
        <v>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1</v>
      </c>
      <c r="H31" s="280">
        <v>0</v>
      </c>
      <c r="I31" s="280">
        <v>0</v>
      </c>
      <c r="J31" s="280">
        <v>0</v>
      </c>
      <c r="K31" s="280">
        <v>0</v>
      </c>
      <c r="L31" s="281">
        <v>1</v>
      </c>
      <c r="M31" s="282">
        <v>1</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v>
      </c>
      <c r="AD31" s="280">
        <v>0</v>
      </c>
      <c r="AE31" s="280">
        <v>0</v>
      </c>
      <c r="AF31" s="280">
        <v>0</v>
      </c>
      <c r="AG31" s="280">
        <v>0</v>
      </c>
      <c r="AH31" s="277">
        <v>1</v>
      </c>
      <c r="AI31" s="282">
        <v>1</v>
      </c>
      <c r="AJ31" s="276">
        <v>0</v>
      </c>
      <c r="AK31" s="280">
        <v>0</v>
      </c>
      <c r="AL31" s="277">
        <v>0</v>
      </c>
      <c r="AM31" s="279">
        <v>0</v>
      </c>
      <c r="AN31" s="280">
        <v>0</v>
      </c>
      <c r="AO31" s="280">
        <v>0</v>
      </c>
      <c r="AP31" s="280">
        <v>1</v>
      </c>
      <c r="AQ31" s="280">
        <v>0</v>
      </c>
      <c r="AR31" s="280">
        <v>0</v>
      </c>
      <c r="AS31" s="277">
        <v>1</v>
      </c>
      <c r="AT31" s="282">
        <v>1</v>
      </c>
      <c r="AU31" s="276">
        <v>0</v>
      </c>
      <c r="AV31" s="280">
        <v>0</v>
      </c>
      <c r="AW31" s="277">
        <v>0</v>
      </c>
      <c r="AX31" s="279">
        <v>0</v>
      </c>
      <c r="AY31" s="280">
        <v>3</v>
      </c>
      <c r="AZ31" s="280">
        <v>0</v>
      </c>
      <c r="BA31" s="280">
        <v>1</v>
      </c>
      <c r="BB31" s="280">
        <v>0</v>
      </c>
      <c r="BC31" s="280">
        <v>0</v>
      </c>
      <c r="BD31" s="277">
        <v>4</v>
      </c>
      <c r="BE31" s="282">
        <v>4</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1</v>
      </c>
      <c r="AD32" s="280">
        <v>0</v>
      </c>
      <c r="AE32" s="280">
        <v>0</v>
      </c>
      <c r="AF32" s="280">
        <v>0</v>
      </c>
      <c r="AG32" s="280">
        <v>0</v>
      </c>
      <c r="AH32" s="277">
        <v>1</v>
      </c>
      <c r="AI32" s="282">
        <v>1</v>
      </c>
      <c r="AJ32" s="276">
        <v>0</v>
      </c>
      <c r="AK32" s="280">
        <v>0</v>
      </c>
      <c r="AL32" s="277">
        <v>0</v>
      </c>
      <c r="AM32" s="279">
        <v>0</v>
      </c>
      <c r="AN32" s="280">
        <v>0</v>
      </c>
      <c r="AO32" s="280">
        <v>1</v>
      </c>
      <c r="AP32" s="280">
        <v>0</v>
      </c>
      <c r="AQ32" s="280">
        <v>0</v>
      </c>
      <c r="AR32" s="280">
        <v>0</v>
      </c>
      <c r="AS32" s="277">
        <v>1</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0</v>
      </c>
      <c r="BN32" s="280">
        <v>0</v>
      </c>
      <c r="BO32" s="281">
        <v>0</v>
      </c>
      <c r="BP32" s="282">
        <v>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1</v>
      </c>
      <c r="I33" s="280">
        <v>0</v>
      </c>
      <c r="J33" s="280">
        <v>0</v>
      </c>
      <c r="K33" s="280">
        <v>0</v>
      </c>
      <c r="L33" s="281">
        <v>1</v>
      </c>
      <c r="M33" s="282">
        <v>1</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1</v>
      </c>
      <c r="AD33" s="280">
        <v>1</v>
      </c>
      <c r="AE33" s="280">
        <v>1</v>
      </c>
      <c r="AF33" s="280">
        <v>0</v>
      </c>
      <c r="AG33" s="280">
        <v>0</v>
      </c>
      <c r="AH33" s="277">
        <v>3</v>
      </c>
      <c r="AI33" s="282">
        <v>3</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0</v>
      </c>
      <c r="BB33" s="280">
        <v>0</v>
      </c>
      <c r="BC33" s="280">
        <v>0</v>
      </c>
      <c r="BD33" s="277">
        <v>1</v>
      </c>
      <c r="BE33" s="282">
        <v>1</v>
      </c>
      <c r="BF33" s="276">
        <v>0</v>
      </c>
      <c r="BG33" s="280">
        <v>0</v>
      </c>
      <c r="BH33" s="277">
        <v>0</v>
      </c>
      <c r="BI33" s="279">
        <v>0</v>
      </c>
      <c r="BJ33" s="280">
        <v>0</v>
      </c>
      <c r="BK33" s="280">
        <v>0</v>
      </c>
      <c r="BL33" s="280">
        <v>1</v>
      </c>
      <c r="BM33" s="280">
        <v>0</v>
      </c>
      <c r="BN33" s="280">
        <v>1</v>
      </c>
      <c r="BO33" s="281">
        <v>2</v>
      </c>
      <c r="BP33" s="282">
        <v>2</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1</v>
      </c>
      <c r="I34" s="280">
        <v>0</v>
      </c>
      <c r="J34" s="280">
        <v>0</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1</v>
      </c>
      <c r="AD34" s="280">
        <v>1</v>
      </c>
      <c r="AE34" s="280">
        <v>1</v>
      </c>
      <c r="AF34" s="280">
        <v>0</v>
      </c>
      <c r="AG34" s="280">
        <v>0</v>
      </c>
      <c r="AH34" s="277">
        <v>3</v>
      </c>
      <c r="AI34" s="282">
        <v>3</v>
      </c>
      <c r="AJ34" s="276">
        <v>0</v>
      </c>
      <c r="AK34" s="280">
        <v>0</v>
      </c>
      <c r="AL34" s="277">
        <v>0</v>
      </c>
      <c r="AM34" s="279">
        <v>0</v>
      </c>
      <c r="AN34" s="280">
        <v>1</v>
      </c>
      <c r="AO34" s="280">
        <v>0</v>
      </c>
      <c r="AP34" s="280">
        <v>0</v>
      </c>
      <c r="AQ34" s="280">
        <v>0</v>
      </c>
      <c r="AR34" s="280">
        <v>0</v>
      </c>
      <c r="AS34" s="277">
        <v>1</v>
      </c>
      <c r="AT34" s="282">
        <v>1</v>
      </c>
      <c r="AU34" s="276">
        <v>0</v>
      </c>
      <c r="AV34" s="280">
        <v>0</v>
      </c>
      <c r="AW34" s="277">
        <v>0</v>
      </c>
      <c r="AX34" s="279">
        <v>0</v>
      </c>
      <c r="AY34" s="280">
        <v>0</v>
      </c>
      <c r="AZ34" s="280">
        <v>1</v>
      </c>
      <c r="BA34" s="280">
        <v>0</v>
      </c>
      <c r="BB34" s="280">
        <v>0</v>
      </c>
      <c r="BC34" s="280">
        <v>0</v>
      </c>
      <c r="BD34" s="277">
        <v>1</v>
      </c>
      <c r="BE34" s="282">
        <v>1</v>
      </c>
      <c r="BF34" s="276">
        <v>0</v>
      </c>
      <c r="BG34" s="280">
        <v>0</v>
      </c>
      <c r="BH34" s="277">
        <v>0</v>
      </c>
      <c r="BI34" s="279">
        <v>0</v>
      </c>
      <c r="BJ34" s="280">
        <v>0</v>
      </c>
      <c r="BK34" s="280">
        <v>0</v>
      </c>
      <c r="BL34" s="280">
        <v>1</v>
      </c>
      <c r="BM34" s="280">
        <v>0</v>
      </c>
      <c r="BN34" s="280">
        <v>1</v>
      </c>
      <c r="BO34" s="281">
        <v>2</v>
      </c>
      <c r="BP34" s="282">
        <v>2</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0</v>
      </c>
      <c r="CH34" s="280">
        <v>1</v>
      </c>
      <c r="CI34" s="280">
        <v>2</v>
      </c>
      <c r="CJ34" s="280">
        <v>0</v>
      </c>
      <c r="CK34" s="277">
        <v>3</v>
      </c>
      <c r="CL34" s="282">
        <v>3</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2</v>
      </c>
      <c r="AF35" s="280">
        <v>1</v>
      </c>
      <c r="AG35" s="280">
        <v>0</v>
      </c>
      <c r="AH35" s="277">
        <v>4</v>
      </c>
      <c r="AI35" s="282">
        <v>4</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1</v>
      </c>
      <c r="CV35" s="277">
        <v>1</v>
      </c>
      <c r="CW35" s="282">
        <v>1</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1</v>
      </c>
      <c r="CV36" s="277">
        <v>2</v>
      </c>
      <c r="CW36" s="282">
        <v>2</v>
      </c>
    </row>
    <row r="37" spans="2:101" ht="21" customHeight="1" x14ac:dyDescent="0.2">
      <c r="B37" s="261" t="s">
        <v>35</v>
      </c>
      <c r="C37" s="276">
        <v>0</v>
      </c>
      <c r="D37" s="277">
        <v>0</v>
      </c>
      <c r="E37" s="278">
        <v>0</v>
      </c>
      <c r="F37" s="279">
        <v>0</v>
      </c>
      <c r="G37" s="280">
        <v>0</v>
      </c>
      <c r="H37" s="280">
        <v>0</v>
      </c>
      <c r="I37" s="280">
        <v>0</v>
      </c>
      <c r="J37" s="280">
        <v>0</v>
      </c>
      <c r="K37" s="280">
        <v>0</v>
      </c>
      <c r="L37" s="281">
        <v>0</v>
      </c>
      <c r="M37" s="282">
        <v>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v>
      </c>
      <c r="AD37" s="280">
        <v>0</v>
      </c>
      <c r="AE37" s="280">
        <v>0</v>
      </c>
      <c r="AF37" s="280">
        <v>0</v>
      </c>
      <c r="AG37" s="280">
        <v>0</v>
      </c>
      <c r="AH37" s="277">
        <v>1</v>
      </c>
      <c r="AI37" s="282">
        <v>1</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1</v>
      </c>
      <c r="BC37" s="280">
        <v>0</v>
      </c>
      <c r="BD37" s="277">
        <v>1</v>
      </c>
      <c r="BE37" s="282">
        <v>1</v>
      </c>
      <c r="BF37" s="276">
        <v>0</v>
      </c>
      <c r="BG37" s="280">
        <v>0</v>
      </c>
      <c r="BH37" s="277">
        <v>0</v>
      </c>
      <c r="BI37" s="279">
        <v>0</v>
      </c>
      <c r="BJ37" s="280">
        <v>0</v>
      </c>
      <c r="BK37" s="280">
        <v>0</v>
      </c>
      <c r="BL37" s="280">
        <v>0</v>
      </c>
      <c r="BM37" s="280">
        <v>1</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1</v>
      </c>
      <c r="AD38" s="280">
        <v>0</v>
      </c>
      <c r="AE38" s="280">
        <v>0</v>
      </c>
      <c r="AF38" s="280">
        <v>1</v>
      </c>
      <c r="AG38" s="280">
        <v>0</v>
      </c>
      <c r="AH38" s="277">
        <v>2</v>
      </c>
      <c r="AI38" s="282">
        <v>2</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1</v>
      </c>
      <c r="AZ38" s="280">
        <v>0</v>
      </c>
      <c r="BA38" s="280">
        <v>0</v>
      </c>
      <c r="BB38" s="280">
        <v>0</v>
      </c>
      <c r="BC38" s="280">
        <v>0</v>
      </c>
      <c r="BD38" s="277">
        <v>1</v>
      </c>
      <c r="BE38" s="282">
        <v>1</v>
      </c>
      <c r="BF38" s="276">
        <v>0</v>
      </c>
      <c r="BG38" s="280">
        <v>0</v>
      </c>
      <c r="BH38" s="277">
        <v>0</v>
      </c>
      <c r="BI38" s="279">
        <v>0</v>
      </c>
      <c r="BJ38" s="280">
        <v>1</v>
      </c>
      <c r="BK38" s="280">
        <v>1</v>
      </c>
      <c r="BL38" s="280">
        <v>0</v>
      </c>
      <c r="BM38" s="280">
        <v>0</v>
      </c>
      <c r="BN38" s="280">
        <v>1</v>
      </c>
      <c r="BO38" s="281">
        <v>3</v>
      </c>
      <c r="BP38" s="282">
        <v>3</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8" style="255" customWidth="1"/>
    <col min="18" max="16384" width="9" style="255"/>
  </cols>
  <sheetData>
    <row r="1" spans="2:24" ht="24" customHeight="1" x14ac:dyDescent="0.2">
      <c r="B1" s="290" t="s">
        <v>125</v>
      </c>
      <c r="H1" s="522">
        <f>第１表!F2</f>
        <v>5</v>
      </c>
      <c r="I1" s="522"/>
      <c r="J1" s="248">
        <f>第１表!G2</f>
        <v>6</v>
      </c>
      <c r="K1" s="527">
        <f>IF(J1&lt;3,J1+12-2,J1-2)</f>
        <v>4</v>
      </c>
      <c r="L1" s="527"/>
    </row>
    <row r="2" spans="2:24" ht="24" customHeight="1" thickBot="1" x14ac:dyDescent="0.25">
      <c r="B2" s="290" t="s">
        <v>132</v>
      </c>
    </row>
    <row r="3" spans="2:24" ht="21" customHeight="1" x14ac:dyDescent="0.2">
      <c r="B3" s="530"/>
      <c r="C3" s="531" t="s">
        <v>142</v>
      </c>
      <c r="D3" s="531"/>
      <c r="E3" s="531"/>
      <c r="F3" s="531"/>
      <c r="G3" s="531"/>
      <c r="H3" s="531"/>
      <c r="I3" s="531"/>
      <c r="J3" s="531"/>
      <c r="K3" s="531"/>
      <c r="L3" s="531"/>
      <c r="M3" s="563"/>
      <c r="N3" s="531" t="s">
        <v>113</v>
      </c>
      <c r="O3" s="531"/>
      <c r="P3" s="531"/>
      <c r="Q3" s="531"/>
      <c r="R3" s="531"/>
      <c r="S3" s="531"/>
      <c r="T3" s="531"/>
      <c r="U3" s="531"/>
      <c r="V3" s="531"/>
      <c r="W3" s="531"/>
      <c r="X3" s="563"/>
    </row>
    <row r="4" spans="2:24" ht="21" customHeight="1" x14ac:dyDescent="0.2">
      <c r="B4" s="569"/>
      <c r="C4" s="564" t="s">
        <v>61</v>
      </c>
      <c r="D4" s="564"/>
      <c r="E4" s="565"/>
      <c r="F4" s="566" t="s">
        <v>62</v>
      </c>
      <c r="G4" s="564"/>
      <c r="H4" s="564"/>
      <c r="I4" s="564"/>
      <c r="J4" s="564"/>
      <c r="K4" s="564"/>
      <c r="L4" s="567"/>
      <c r="M4" s="568" t="s">
        <v>52</v>
      </c>
      <c r="N4" s="564" t="s">
        <v>61</v>
      </c>
      <c r="O4" s="564"/>
      <c r="P4" s="565"/>
      <c r="Q4" s="566" t="s">
        <v>62</v>
      </c>
      <c r="R4" s="564"/>
      <c r="S4" s="564"/>
      <c r="T4" s="564"/>
      <c r="U4" s="564"/>
      <c r="V4" s="564"/>
      <c r="W4" s="567"/>
      <c r="X4" s="568" t="s">
        <v>52</v>
      </c>
    </row>
    <row r="5" spans="2:24" ht="30" customHeight="1" thickBot="1" x14ac:dyDescent="0.25">
      <c r="B5" s="570"/>
      <c r="C5" s="259" t="s">
        <v>43</v>
      </c>
      <c r="D5" s="259" t="s">
        <v>44</v>
      </c>
      <c r="E5" s="265" t="s">
        <v>45</v>
      </c>
      <c r="F5" s="267" t="s">
        <v>83</v>
      </c>
      <c r="G5" s="259" t="s">
        <v>47</v>
      </c>
      <c r="H5" s="259" t="s">
        <v>48</v>
      </c>
      <c r="I5" s="259" t="s">
        <v>49</v>
      </c>
      <c r="J5" s="259" t="s">
        <v>50</v>
      </c>
      <c r="K5" s="259" t="s">
        <v>51</v>
      </c>
      <c r="L5" s="265" t="s">
        <v>45</v>
      </c>
      <c r="M5" s="529"/>
      <c r="N5" s="259" t="s">
        <v>43</v>
      </c>
      <c r="O5" s="259" t="s">
        <v>44</v>
      </c>
      <c r="P5" s="265" t="s">
        <v>45</v>
      </c>
      <c r="Q5" s="267" t="s">
        <v>83</v>
      </c>
      <c r="R5" s="259" t="s">
        <v>47</v>
      </c>
      <c r="S5" s="259" t="s">
        <v>48</v>
      </c>
      <c r="T5" s="259" t="s">
        <v>49</v>
      </c>
      <c r="U5" s="259" t="s">
        <v>50</v>
      </c>
      <c r="V5" s="259" t="s">
        <v>51</v>
      </c>
      <c r="W5" s="265" t="s">
        <v>45</v>
      </c>
      <c r="X5" s="529"/>
    </row>
    <row r="6" spans="2:24" ht="21" customHeight="1" x14ac:dyDescent="0.2">
      <c r="B6" s="258" t="s">
        <v>4</v>
      </c>
      <c r="C6" s="273">
        <v>0</v>
      </c>
      <c r="D6" s="273">
        <v>0</v>
      </c>
      <c r="E6" s="270">
        <v>0</v>
      </c>
      <c r="F6" s="272">
        <v>0</v>
      </c>
      <c r="G6" s="273">
        <v>98350</v>
      </c>
      <c r="H6" s="273">
        <v>96914</v>
      </c>
      <c r="I6" s="273">
        <v>60807</v>
      </c>
      <c r="J6" s="273">
        <v>31886</v>
      </c>
      <c r="K6" s="273">
        <v>13969</v>
      </c>
      <c r="L6" s="270">
        <v>301926</v>
      </c>
      <c r="M6" s="275">
        <v>301926</v>
      </c>
      <c r="N6" s="273">
        <v>27</v>
      </c>
      <c r="O6" s="273">
        <v>33</v>
      </c>
      <c r="P6" s="270">
        <v>60</v>
      </c>
      <c r="Q6" s="272">
        <v>0</v>
      </c>
      <c r="R6" s="273">
        <v>6504</v>
      </c>
      <c r="S6" s="273">
        <v>8651</v>
      </c>
      <c r="T6" s="273">
        <v>12197</v>
      </c>
      <c r="U6" s="273">
        <v>6505</v>
      </c>
      <c r="V6" s="273">
        <v>5080</v>
      </c>
      <c r="W6" s="270">
        <v>38937</v>
      </c>
      <c r="X6" s="275">
        <v>38997</v>
      </c>
    </row>
    <row r="7" spans="2:24" ht="21" customHeight="1" x14ac:dyDescent="0.2">
      <c r="B7" s="256" t="s">
        <v>5</v>
      </c>
      <c r="C7" s="280">
        <v>0</v>
      </c>
      <c r="D7" s="280">
        <v>0</v>
      </c>
      <c r="E7" s="277">
        <v>0</v>
      </c>
      <c r="F7" s="279">
        <v>0</v>
      </c>
      <c r="G7" s="280">
        <v>33766</v>
      </c>
      <c r="H7" s="280">
        <v>45322</v>
      </c>
      <c r="I7" s="280">
        <v>27539</v>
      </c>
      <c r="J7" s="280">
        <v>14189</v>
      </c>
      <c r="K7" s="280">
        <v>6009</v>
      </c>
      <c r="L7" s="277">
        <v>126825</v>
      </c>
      <c r="M7" s="282">
        <v>126825</v>
      </c>
      <c r="N7" s="280">
        <v>12</v>
      </c>
      <c r="O7" s="280">
        <v>14</v>
      </c>
      <c r="P7" s="277">
        <v>26</v>
      </c>
      <c r="Q7" s="279">
        <v>0</v>
      </c>
      <c r="R7" s="280">
        <v>3056</v>
      </c>
      <c r="S7" s="280">
        <v>4597</v>
      </c>
      <c r="T7" s="280">
        <v>6450</v>
      </c>
      <c r="U7" s="280">
        <v>3460</v>
      </c>
      <c r="V7" s="280">
        <v>2852</v>
      </c>
      <c r="W7" s="277">
        <v>20415</v>
      </c>
      <c r="X7" s="282">
        <v>20441</v>
      </c>
    </row>
    <row r="8" spans="2:24" ht="21" customHeight="1" x14ac:dyDescent="0.2">
      <c r="B8" s="256" t="s">
        <v>6</v>
      </c>
      <c r="C8" s="280">
        <v>0</v>
      </c>
      <c r="D8" s="280">
        <v>0</v>
      </c>
      <c r="E8" s="277">
        <v>0</v>
      </c>
      <c r="F8" s="279">
        <v>0</v>
      </c>
      <c r="G8" s="280">
        <v>14077</v>
      </c>
      <c r="H8" s="280">
        <v>9797</v>
      </c>
      <c r="I8" s="280">
        <v>7006</v>
      </c>
      <c r="J8" s="280">
        <v>4237</v>
      </c>
      <c r="K8" s="280">
        <v>1981</v>
      </c>
      <c r="L8" s="277">
        <v>37098</v>
      </c>
      <c r="M8" s="282">
        <v>37098</v>
      </c>
      <c r="N8" s="280">
        <v>3</v>
      </c>
      <c r="O8" s="280">
        <v>2</v>
      </c>
      <c r="P8" s="277">
        <v>5</v>
      </c>
      <c r="Q8" s="279">
        <v>0</v>
      </c>
      <c r="R8" s="280">
        <v>1670</v>
      </c>
      <c r="S8" s="280">
        <v>1914</v>
      </c>
      <c r="T8" s="280">
        <v>2502</v>
      </c>
      <c r="U8" s="280">
        <v>1402</v>
      </c>
      <c r="V8" s="280">
        <v>1089</v>
      </c>
      <c r="W8" s="277">
        <v>8577</v>
      </c>
      <c r="X8" s="282">
        <v>8582</v>
      </c>
    </row>
    <row r="9" spans="2:24" ht="21" customHeight="1" x14ac:dyDescent="0.2">
      <c r="B9" s="256" t="s">
        <v>14</v>
      </c>
      <c r="C9" s="280">
        <v>0</v>
      </c>
      <c r="D9" s="280">
        <v>0</v>
      </c>
      <c r="E9" s="277">
        <v>0</v>
      </c>
      <c r="F9" s="279">
        <v>0</v>
      </c>
      <c r="G9" s="280">
        <v>7282</v>
      </c>
      <c r="H9" s="280">
        <v>9022</v>
      </c>
      <c r="I9" s="280">
        <v>5512</v>
      </c>
      <c r="J9" s="280">
        <v>2790</v>
      </c>
      <c r="K9" s="280">
        <v>1489</v>
      </c>
      <c r="L9" s="277">
        <v>26095</v>
      </c>
      <c r="M9" s="282">
        <v>26095</v>
      </c>
      <c r="N9" s="280">
        <v>4</v>
      </c>
      <c r="O9" s="280">
        <v>0</v>
      </c>
      <c r="P9" s="277">
        <v>4</v>
      </c>
      <c r="Q9" s="279">
        <v>0</v>
      </c>
      <c r="R9" s="280">
        <v>144</v>
      </c>
      <c r="S9" s="280">
        <v>231</v>
      </c>
      <c r="T9" s="280">
        <v>468</v>
      </c>
      <c r="U9" s="280">
        <v>262</v>
      </c>
      <c r="V9" s="280">
        <v>222</v>
      </c>
      <c r="W9" s="277">
        <v>1327</v>
      </c>
      <c r="X9" s="282">
        <v>1331</v>
      </c>
    </row>
    <row r="10" spans="2:24" ht="21" customHeight="1" x14ac:dyDescent="0.2">
      <c r="B10" s="256" t="s">
        <v>7</v>
      </c>
      <c r="C10" s="280">
        <v>0</v>
      </c>
      <c r="D10" s="280">
        <v>0</v>
      </c>
      <c r="E10" s="277">
        <v>0</v>
      </c>
      <c r="F10" s="279">
        <v>0</v>
      </c>
      <c r="G10" s="280">
        <v>7874</v>
      </c>
      <c r="H10" s="280">
        <v>5093</v>
      </c>
      <c r="I10" s="280">
        <v>2924</v>
      </c>
      <c r="J10" s="280">
        <v>1266</v>
      </c>
      <c r="K10" s="280">
        <v>450</v>
      </c>
      <c r="L10" s="277">
        <v>17607</v>
      </c>
      <c r="M10" s="282">
        <v>17607</v>
      </c>
      <c r="N10" s="280">
        <v>0</v>
      </c>
      <c r="O10" s="280">
        <v>0</v>
      </c>
      <c r="P10" s="277">
        <v>0</v>
      </c>
      <c r="Q10" s="279">
        <v>0</v>
      </c>
      <c r="R10" s="280">
        <v>726</v>
      </c>
      <c r="S10" s="280">
        <v>850</v>
      </c>
      <c r="T10" s="280">
        <v>1063</v>
      </c>
      <c r="U10" s="280">
        <v>581</v>
      </c>
      <c r="V10" s="280">
        <v>179</v>
      </c>
      <c r="W10" s="277">
        <v>3399</v>
      </c>
      <c r="X10" s="282">
        <v>3399</v>
      </c>
    </row>
    <row r="11" spans="2:24" ht="21" customHeight="1" x14ac:dyDescent="0.2">
      <c r="B11" s="256" t="s">
        <v>8</v>
      </c>
      <c r="C11" s="280">
        <v>0</v>
      </c>
      <c r="D11" s="280">
        <v>0</v>
      </c>
      <c r="E11" s="277">
        <v>0</v>
      </c>
      <c r="F11" s="279">
        <v>0</v>
      </c>
      <c r="G11" s="280">
        <v>4853</v>
      </c>
      <c r="H11" s="280">
        <v>4508</v>
      </c>
      <c r="I11" s="280">
        <v>2583</v>
      </c>
      <c r="J11" s="280">
        <v>1135</v>
      </c>
      <c r="K11" s="280">
        <v>448</v>
      </c>
      <c r="L11" s="277">
        <v>13527</v>
      </c>
      <c r="M11" s="282">
        <v>13527</v>
      </c>
      <c r="N11" s="280">
        <v>0</v>
      </c>
      <c r="O11" s="280">
        <v>0</v>
      </c>
      <c r="P11" s="277">
        <v>0</v>
      </c>
      <c r="Q11" s="279">
        <v>0</v>
      </c>
      <c r="R11" s="280">
        <v>70</v>
      </c>
      <c r="S11" s="280">
        <v>35</v>
      </c>
      <c r="T11" s="280">
        <v>111</v>
      </c>
      <c r="U11" s="280">
        <v>114</v>
      </c>
      <c r="V11" s="280">
        <v>76</v>
      </c>
      <c r="W11" s="277">
        <v>406</v>
      </c>
      <c r="X11" s="282">
        <v>406</v>
      </c>
    </row>
    <row r="12" spans="2:24" ht="21" customHeight="1" x14ac:dyDescent="0.2">
      <c r="B12" s="256" t="s">
        <v>9</v>
      </c>
      <c r="C12" s="280">
        <v>0</v>
      </c>
      <c r="D12" s="280">
        <v>0</v>
      </c>
      <c r="E12" s="277">
        <v>0</v>
      </c>
      <c r="F12" s="279">
        <v>0</v>
      </c>
      <c r="G12" s="280">
        <v>2994</v>
      </c>
      <c r="H12" s="280">
        <v>1955</v>
      </c>
      <c r="I12" s="280">
        <v>1694</v>
      </c>
      <c r="J12" s="280">
        <v>921</v>
      </c>
      <c r="K12" s="280">
        <v>290</v>
      </c>
      <c r="L12" s="277">
        <v>7854</v>
      </c>
      <c r="M12" s="282">
        <v>7854</v>
      </c>
      <c r="N12" s="280">
        <v>0</v>
      </c>
      <c r="O12" s="280">
        <v>0</v>
      </c>
      <c r="P12" s="277">
        <v>0</v>
      </c>
      <c r="Q12" s="279">
        <v>0</v>
      </c>
      <c r="R12" s="280">
        <v>27</v>
      </c>
      <c r="S12" s="280">
        <v>44</v>
      </c>
      <c r="T12" s="280">
        <v>74</v>
      </c>
      <c r="U12" s="280">
        <v>23</v>
      </c>
      <c r="V12" s="280">
        <v>50</v>
      </c>
      <c r="W12" s="277">
        <v>218</v>
      </c>
      <c r="X12" s="282">
        <v>218</v>
      </c>
    </row>
    <row r="13" spans="2:24" ht="21" customHeight="1" x14ac:dyDescent="0.2">
      <c r="B13" s="256" t="s">
        <v>10</v>
      </c>
      <c r="C13" s="280">
        <v>0</v>
      </c>
      <c r="D13" s="280">
        <v>0</v>
      </c>
      <c r="E13" s="277">
        <v>0</v>
      </c>
      <c r="F13" s="279">
        <v>0</v>
      </c>
      <c r="G13" s="280">
        <v>4078</v>
      </c>
      <c r="H13" s="280">
        <v>2248</v>
      </c>
      <c r="I13" s="280">
        <v>1180</v>
      </c>
      <c r="J13" s="280">
        <v>663</v>
      </c>
      <c r="K13" s="280">
        <v>253</v>
      </c>
      <c r="L13" s="277">
        <v>8422</v>
      </c>
      <c r="M13" s="282">
        <v>8422</v>
      </c>
      <c r="N13" s="280">
        <v>0</v>
      </c>
      <c r="O13" s="280">
        <v>4</v>
      </c>
      <c r="P13" s="277">
        <v>4</v>
      </c>
      <c r="Q13" s="279">
        <v>0</v>
      </c>
      <c r="R13" s="280">
        <v>86</v>
      </c>
      <c r="S13" s="280">
        <v>124</v>
      </c>
      <c r="T13" s="280">
        <v>229</v>
      </c>
      <c r="U13" s="280">
        <v>90</v>
      </c>
      <c r="V13" s="280">
        <v>149</v>
      </c>
      <c r="W13" s="277">
        <v>678</v>
      </c>
      <c r="X13" s="282">
        <v>682</v>
      </c>
    </row>
    <row r="14" spans="2:24" ht="21" customHeight="1" x14ac:dyDescent="0.2">
      <c r="B14" s="256" t="s">
        <v>11</v>
      </c>
      <c r="C14" s="280">
        <v>0</v>
      </c>
      <c r="D14" s="280">
        <v>0</v>
      </c>
      <c r="E14" s="277">
        <v>0</v>
      </c>
      <c r="F14" s="279">
        <v>0</v>
      </c>
      <c r="G14" s="280">
        <v>4073</v>
      </c>
      <c r="H14" s="280">
        <v>2601</v>
      </c>
      <c r="I14" s="280">
        <v>1703</v>
      </c>
      <c r="J14" s="280">
        <v>689</v>
      </c>
      <c r="K14" s="280">
        <v>465</v>
      </c>
      <c r="L14" s="277">
        <v>9531</v>
      </c>
      <c r="M14" s="282">
        <v>9531</v>
      </c>
      <c r="N14" s="280">
        <v>0</v>
      </c>
      <c r="O14" s="280">
        <v>3</v>
      </c>
      <c r="P14" s="277">
        <v>3</v>
      </c>
      <c r="Q14" s="279">
        <v>0</v>
      </c>
      <c r="R14" s="280">
        <v>101</v>
      </c>
      <c r="S14" s="280">
        <v>121</v>
      </c>
      <c r="T14" s="280">
        <v>197</v>
      </c>
      <c r="U14" s="280">
        <v>14</v>
      </c>
      <c r="V14" s="280">
        <v>4</v>
      </c>
      <c r="W14" s="277">
        <v>437</v>
      </c>
      <c r="X14" s="282">
        <v>440</v>
      </c>
    </row>
    <row r="15" spans="2:24" ht="21" customHeight="1" x14ac:dyDescent="0.2">
      <c r="B15" s="256" t="s">
        <v>12</v>
      </c>
      <c r="C15" s="280">
        <v>0</v>
      </c>
      <c r="D15" s="280">
        <v>0</v>
      </c>
      <c r="E15" s="277">
        <v>0</v>
      </c>
      <c r="F15" s="279">
        <v>0</v>
      </c>
      <c r="G15" s="280">
        <v>2967</v>
      </c>
      <c r="H15" s="280">
        <v>1929</v>
      </c>
      <c r="I15" s="280">
        <v>1383</v>
      </c>
      <c r="J15" s="280">
        <v>897</v>
      </c>
      <c r="K15" s="280">
        <v>209</v>
      </c>
      <c r="L15" s="277">
        <v>7385</v>
      </c>
      <c r="M15" s="282">
        <v>7385</v>
      </c>
      <c r="N15" s="280">
        <v>0</v>
      </c>
      <c r="O15" s="280">
        <v>0</v>
      </c>
      <c r="P15" s="277">
        <v>0</v>
      </c>
      <c r="Q15" s="279">
        <v>0</v>
      </c>
      <c r="R15" s="280">
        <v>30</v>
      </c>
      <c r="S15" s="280">
        <v>16</v>
      </c>
      <c r="T15" s="280">
        <v>12</v>
      </c>
      <c r="U15" s="280">
        <v>5</v>
      </c>
      <c r="V15" s="280">
        <v>13</v>
      </c>
      <c r="W15" s="277">
        <v>76</v>
      </c>
      <c r="X15" s="282">
        <v>76</v>
      </c>
    </row>
    <row r="16" spans="2:24" ht="21" customHeight="1" x14ac:dyDescent="0.2">
      <c r="B16" s="256" t="s">
        <v>13</v>
      </c>
      <c r="C16" s="280">
        <v>0</v>
      </c>
      <c r="D16" s="280">
        <v>0</v>
      </c>
      <c r="E16" s="277">
        <v>0</v>
      </c>
      <c r="F16" s="279">
        <v>0</v>
      </c>
      <c r="G16" s="280">
        <v>1109</v>
      </c>
      <c r="H16" s="280">
        <v>989</v>
      </c>
      <c r="I16" s="280">
        <v>711</v>
      </c>
      <c r="J16" s="280">
        <v>349</v>
      </c>
      <c r="K16" s="280">
        <v>168</v>
      </c>
      <c r="L16" s="277">
        <v>3326</v>
      </c>
      <c r="M16" s="282">
        <v>3326</v>
      </c>
      <c r="N16" s="280">
        <v>0</v>
      </c>
      <c r="O16" s="280">
        <v>0</v>
      </c>
      <c r="P16" s="277">
        <v>0</v>
      </c>
      <c r="Q16" s="279">
        <v>0</v>
      </c>
      <c r="R16" s="280">
        <v>12</v>
      </c>
      <c r="S16" s="280">
        <v>40</v>
      </c>
      <c r="T16" s="280">
        <v>65</v>
      </c>
      <c r="U16" s="280">
        <v>26</v>
      </c>
      <c r="V16" s="280">
        <v>25</v>
      </c>
      <c r="W16" s="277">
        <v>168</v>
      </c>
      <c r="X16" s="282">
        <v>168</v>
      </c>
    </row>
    <row r="17" spans="2:24" ht="21" customHeight="1" x14ac:dyDescent="0.2">
      <c r="B17" s="256" t="s">
        <v>15</v>
      </c>
      <c r="C17" s="280">
        <v>0</v>
      </c>
      <c r="D17" s="280">
        <v>0</v>
      </c>
      <c r="E17" s="277">
        <v>0</v>
      </c>
      <c r="F17" s="279">
        <v>0</v>
      </c>
      <c r="G17" s="280">
        <v>1096</v>
      </c>
      <c r="H17" s="280">
        <v>1279</v>
      </c>
      <c r="I17" s="280">
        <v>700</v>
      </c>
      <c r="J17" s="280">
        <v>344</v>
      </c>
      <c r="K17" s="280">
        <v>113</v>
      </c>
      <c r="L17" s="277">
        <v>3532</v>
      </c>
      <c r="M17" s="282">
        <v>3532</v>
      </c>
      <c r="N17" s="280">
        <v>0</v>
      </c>
      <c r="O17" s="280">
        <v>0</v>
      </c>
      <c r="P17" s="277">
        <v>0</v>
      </c>
      <c r="Q17" s="279">
        <v>0</v>
      </c>
      <c r="R17" s="280">
        <v>21</v>
      </c>
      <c r="S17" s="280">
        <v>34</v>
      </c>
      <c r="T17" s="280">
        <v>51</v>
      </c>
      <c r="U17" s="280">
        <v>20</v>
      </c>
      <c r="V17" s="280">
        <v>29</v>
      </c>
      <c r="W17" s="277">
        <v>155</v>
      </c>
      <c r="X17" s="282">
        <v>155</v>
      </c>
    </row>
    <row r="18" spans="2:24" ht="21" customHeight="1" x14ac:dyDescent="0.2">
      <c r="B18" s="256" t="s">
        <v>16</v>
      </c>
      <c r="C18" s="280">
        <v>0</v>
      </c>
      <c r="D18" s="280">
        <v>0</v>
      </c>
      <c r="E18" s="277">
        <v>0</v>
      </c>
      <c r="F18" s="279">
        <v>0</v>
      </c>
      <c r="G18" s="280">
        <v>1265</v>
      </c>
      <c r="H18" s="280">
        <v>1367</v>
      </c>
      <c r="I18" s="280">
        <v>1005</v>
      </c>
      <c r="J18" s="280">
        <v>455</v>
      </c>
      <c r="K18" s="280">
        <v>266</v>
      </c>
      <c r="L18" s="277">
        <v>4358</v>
      </c>
      <c r="M18" s="282">
        <v>4358</v>
      </c>
      <c r="N18" s="280">
        <v>0</v>
      </c>
      <c r="O18" s="280">
        <v>0</v>
      </c>
      <c r="P18" s="277">
        <v>0</v>
      </c>
      <c r="Q18" s="279">
        <v>0</v>
      </c>
      <c r="R18" s="280">
        <v>19</v>
      </c>
      <c r="S18" s="280">
        <v>108</v>
      </c>
      <c r="T18" s="280">
        <v>75</v>
      </c>
      <c r="U18" s="280">
        <v>27</v>
      </c>
      <c r="V18" s="280">
        <v>49</v>
      </c>
      <c r="W18" s="277">
        <v>278</v>
      </c>
      <c r="X18" s="282">
        <v>278</v>
      </c>
    </row>
    <row r="19" spans="2:24" ht="21" customHeight="1" x14ac:dyDescent="0.2">
      <c r="B19" s="256" t="s">
        <v>17</v>
      </c>
      <c r="C19" s="280">
        <v>0</v>
      </c>
      <c r="D19" s="280">
        <v>0</v>
      </c>
      <c r="E19" s="277">
        <v>0</v>
      </c>
      <c r="F19" s="279">
        <v>0</v>
      </c>
      <c r="G19" s="280">
        <v>1928</v>
      </c>
      <c r="H19" s="280">
        <v>2507</v>
      </c>
      <c r="I19" s="280">
        <v>1646</v>
      </c>
      <c r="J19" s="280">
        <v>1367</v>
      </c>
      <c r="K19" s="280">
        <v>723</v>
      </c>
      <c r="L19" s="277">
        <v>8171</v>
      </c>
      <c r="M19" s="282">
        <v>8171</v>
      </c>
      <c r="N19" s="280">
        <v>4</v>
      </c>
      <c r="O19" s="280">
        <v>10</v>
      </c>
      <c r="P19" s="277">
        <v>14</v>
      </c>
      <c r="Q19" s="279">
        <v>0</v>
      </c>
      <c r="R19" s="280">
        <v>150</v>
      </c>
      <c r="S19" s="280">
        <v>201</v>
      </c>
      <c r="T19" s="280">
        <v>131</v>
      </c>
      <c r="U19" s="280">
        <v>146</v>
      </c>
      <c r="V19" s="280">
        <v>45</v>
      </c>
      <c r="W19" s="277">
        <v>673</v>
      </c>
      <c r="X19" s="282">
        <v>687</v>
      </c>
    </row>
    <row r="20" spans="2:24" ht="21" customHeight="1" x14ac:dyDescent="0.2">
      <c r="B20" s="256" t="s">
        <v>18</v>
      </c>
      <c r="C20" s="280">
        <v>0</v>
      </c>
      <c r="D20" s="280">
        <v>0</v>
      </c>
      <c r="E20" s="277">
        <v>0</v>
      </c>
      <c r="F20" s="279">
        <v>0</v>
      </c>
      <c r="G20" s="280">
        <v>2121</v>
      </c>
      <c r="H20" s="280">
        <v>1589</v>
      </c>
      <c r="I20" s="280">
        <v>910</v>
      </c>
      <c r="J20" s="280">
        <v>382</v>
      </c>
      <c r="K20" s="280">
        <v>145</v>
      </c>
      <c r="L20" s="277">
        <v>5147</v>
      </c>
      <c r="M20" s="282">
        <v>5147</v>
      </c>
      <c r="N20" s="280">
        <v>0</v>
      </c>
      <c r="O20" s="280">
        <v>0</v>
      </c>
      <c r="P20" s="277">
        <v>0</v>
      </c>
      <c r="Q20" s="279">
        <v>0</v>
      </c>
      <c r="R20" s="280">
        <v>92</v>
      </c>
      <c r="S20" s="280">
        <v>53</v>
      </c>
      <c r="T20" s="280">
        <v>282</v>
      </c>
      <c r="U20" s="280">
        <v>144</v>
      </c>
      <c r="V20" s="280">
        <v>115</v>
      </c>
      <c r="W20" s="277">
        <v>686</v>
      </c>
      <c r="X20" s="282">
        <v>686</v>
      </c>
    </row>
    <row r="21" spans="2:24" ht="21" customHeight="1" x14ac:dyDescent="0.2">
      <c r="B21" s="256" t="s">
        <v>19</v>
      </c>
      <c r="C21" s="280">
        <v>0</v>
      </c>
      <c r="D21" s="280">
        <v>0</v>
      </c>
      <c r="E21" s="277">
        <v>0</v>
      </c>
      <c r="F21" s="279">
        <v>0</v>
      </c>
      <c r="G21" s="280">
        <v>968</v>
      </c>
      <c r="H21" s="280">
        <v>860</v>
      </c>
      <c r="I21" s="280">
        <v>512</v>
      </c>
      <c r="J21" s="280">
        <v>279</v>
      </c>
      <c r="K21" s="280">
        <v>128</v>
      </c>
      <c r="L21" s="277">
        <v>2747</v>
      </c>
      <c r="M21" s="282">
        <v>2747</v>
      </c>
      <c r="N21" s="280">
        <v>0</v>
      </c>
      <c r="O21" s="280">
        <v>0</v>
      </c>
      <c r="P21" s="277">
        <v>0</v>
      </c>
      <c r="Q21" s="279">
        <v>0</v>
      </c>
      <c r="R21" s="280">
        <v>104</v>
      </c>
      <c r="S21" s="280">
        <v>159</v>
      </c>
      <c r="T21" s="280">
        <v>213</v>
      </c>
      <c r="U21" s="280">
        <v>6</v>
      </c>
      <c r="V21" s="280">
        <v>27</v>
      </c>
      <c r="W21" s="277">
        <v>509</v>
      </c>
      <c r="X21" s="282">
        <v>509</v>
      </c>
    </row>
    <row r="22" spans="2:24" ht="21" customHeight="1" x14ac:dyDescent="0.2">
      <c r="B22" s="256" t="s">
        <v>20</v>
      </c>
      <c r="C22" s="280">
        <v>0</v>
      </c>
      <c r="D22" s="280">
        <v>0</v>
      </c>
      <c r="E22" s="277">
        <v>0</v>
      </c>
      <c r="F22" s="279">
        <v>0</v>
      </c>
      <c r="G22" s="280">
        <v>1514</v>
      </c>
      <c r="H22" s="280">
        <v>714</v>
      </c>
      <c r="I22" s="280">
        <v>715</v>
      </c>
      <c r="J22" s="280">
        <v>264</v>
      </c>
      <c r="K22" s="280">
        <v>29</v>
      </c>
      <c r="L22" s="277">
        <v>3236</v>
      </c>
      <c r="M22" s="282">
        <v>3236</v>
      </c>
      <c r="N22" s="280">
        <v>0</v>
      </c>
      <c r="O22" s="280">
        <v>0</v>
      </c>
      <c r="P22" s="277">
        <v>0</v>
      </c>
      <c r="Q22" s="279">
        <v>0</v>
      </c>
      <c r="R22" s="280">
        <v>0</v>
      </c>
      <c r="S22" s="280">
        <v>14</v>
      </c>
      <c r="T22" s="280">
        <v>8</v>
      </c>
      <c r="U22" s="280">
        <v>7</v>
      </c>
      <c r="V22" s="280">
        <v>34</v>
      </c>
      <c r="W22" s="277">
        <v>63</v>
      </c>
      <c r="X22" s="282">
        <v>63</v>
      </c>
    </row>
    <row r="23" spans="2:24" ht="21" customHeight="1" x14ac:dyDescent="0.2">
      <c r="B23" s="256" t="s">
        <v>21</v>
      </c>
      <c r="C23" s="280">
        <v>0</v>
      </c>
      <c r="D23" s="280">
        <v>0</v>
      </c>
      <c r="E23" s="277">
        <v>0</v>
      </c>
      <c r="F23" s="279">
        <v>0</v>
      </c>
      <c r="G23" s="280">
        <v>1385</v>
      </c>
      <c r="H23" s="280">
        <v>1413</v>
      </c>
      <c r="I23" s="280">
        <v>671</v>
      </c>
      <c r="J23" s="280">
        <v>309</v>
      </c>
      <c r="K23" s="280">
        <v>97</v>
      </c>
      <c r="L23" s="277">
        <v>3875</v>
      </c>
      <c r="M23" s="282">
        <v>3875</v>
      </c>
      <c r="N23" s="280">
        <v>0</v>
      </c>
      <c r="O23" s="280">
        <v>0</v>
      </c>
      <c r="P23" s="277">
        <v>0</v>
      </c>
      <c r="Q23" s="279">
        <v>0</v>
      </c>
      <c r="R23" s="280">
        <v>0</v>
      </c>
      <c r="S23" s="280">
        <v>0</v>
      </c>
      <c r="T23" s="280">
        <v>0</v>
      </c>
      <c r="U23" s="280">
        <v>8</v>
      </c>
      <c r="V23" s="280">
        <v>0</v>
      </c>
      <c r="W23" s="277">
        <v>8</v>
      </c>
      <c r="X23" s="282">
        <v>8</v>
      </c>
    </row>
    <row r="24" spans="2:24" ht="21" customHeight="1" x14ac:dyDescent="0.2">
      <c r="B24" s="256" t="s">
        <v>22</v>
      </c>
      <c r="C24" s="280">
        <v>0</v>
      </c>
      <c r="D24" s="280">
        <v>0</v>
      </c>
      <c r="E24" s="277">
        <v>0</v>
      </c>
      <c r="F24" s="279">
        <v>0</v>
      </c>
      <c r="G24" s="280">
        <v>1043</v>
      </c>
      <c r="H24" s="280">
        <v>863</v>
      </c>
      <c r="I24" s="280">
        <v>372</v>
      </c>
      <c r="J24" s="280">
        <v>319</v>
      </c>
      <c r="K24" s="280">
        <v>82</v>
      </c>
      <c r="L24" s="277">
        <v>2679</v>
      </c>
      <c r="M24" s="282">
        <v>2679</v>
      </c>
      <c r="N24" s="280">
        <v>0</v>
      </c>
      <c r="O24" s="280">
        <v>0</v>
      </c>
      <c r="P24" s="277">
        <v>0</v>
      </c>
      <c r="Q24" s="279">
        <v>0</v>
      </c>
      <c r="R24" s="280">
        <v>20</v>
      </c>
      <c r="S24" s="280">
        <v>38</v>
      </c>
      <c r="T24" s="280">
        <v>39</v>
      </c>
      <c r="U24" s="280">
        <v>37</v>
      </c>
      <c r="V24" s="280">
        <v>24</v>
      </c>
      <c r="W24" s="277">
        <v>158</v>
      </c>
      <c r="X24" s="282">
        <v>158</v>
      </c>
    </row>
    <row r="25" spans="2:24" ht="21" customHeight="1" x14ac:dyDescent="0.2">
      <c r="B25" s="256" t="s">
        <v>23</v>
      </c>
      <c r="C25" s="280">
        <v>0</v>
      </c>
      <c r="D25" s="280">
        <v>0</v>
      </c>
      <c r="E25" s="277">
        <v>0</v>
      </c>
      <c r="F25" s="279">
        <v>0</v>
      </c>
      <c r="G25" s="280">
        <v>551</v>
      </c>
      <c r="H25" s="280">
        <v>350</v>
      </c>
      <c r="I25" s="280">
        <v>306</v>
      </c>
      <c r="J25" s="280">
        <v>209</v>
      </c>
      <c r="K25" s="280">
        <v>101</v>
      </c>
      <c r="L25" s="277">
        <v>1517</v>
      </c>
      <c r="M25" s="282">
        <v>1517</v>
      </c>
      <c r="N25" s="280">
        <v>0</v>
      </c>
      <c r="O25" s="280">
        <v>0</v>
      </c>
      <c r="P25" s="277">
        <v>0</v>
      </c>
      <c r="Q25" s="279">
        <v>0</v>
      </c>
      <c r="R25" s="280">
        <v>0</v>
      </c>
      <c r="S25" s="280">
        <v>0</v>
      </c>
      <c r="T25" s="280">
        <v>34</v>
      </c>
      <c r="U25" s="280">
        <v>20</v>
      </c>
      <c r="V25" s="280">
        <v>7</v>
      </c>
      <c r="W25" s="277">
        <v>61</v>
      </c>
      <c r="X25" s="282">
        <v>61</v>
      </c>
    </row>
    <row r="26" spans="2:24" ht="21" customHeight="1" x14ac:dyDescent="0.2">
      <c r="B26" s="256" t="s">
        <v>24</v>
      </c>
      <c r="C26" s="280">
        <v>0</v>
      </c>
      <c r="D26" s="280">
        <v>0</v>
      </c>
      <c r="E26" s="277">
        <v>0</v>
      </c>
      <c r="F26" s="279">
        <v>0</v>
      </c>
      <c r="G26" s="280">
        <v>197</v>
      </c>
      <c r="H26" s="280">
        <v>114</v>
      </c>
      <c r="I26" s="280">
        <v>138</v>
      </c>
      <c r="J26" s="280">
        <v>36</v>
      </c>
      <c r="K26" s="280">
        <v>14</v>
      </c>
      <c r="L26" s="277">
        <v>499</v>
      </c>
      <c r="M26" s="282">
        <v>499</v>
      </c>
      <c r="N26" s="280">
        <v>0</v>
      </c>
      <c r="O26" s="280">
        <v>0</v>
      </c>
      <c r="P26" s="277">
        <v>0</v>
      </c>
      <c r="Q26" s="279">
        <v>0</v>
      </c>
      <c r="R26" s="280">
        <v>64</v>
      </c>
      <c r="S26" s="280">
        <v>22</v>
      </c>
      <c r="T26" s="280">
        <v>55</v>
      </c>
      <c r="U26" s="280">
        <v>13</v>
      </c>
      <c r="V26" s="280">
        <v>10</v>
      </c>
      <c r="W26" s="277">
        <v>164</v>
      </c>
      <c r="X26" s="282">
        <v>164</v>
      </c>
    </row>
    <row r="27" spans="2:24" ht="21" customHeight="1" x14ac:dyDescent="0.2">
      <c r="B27" s="256" t="s">
        <v>25</v>
      </c>
      <c r="C27" s="280">
        <v>0</v>
      </c>
      <c r="D27" s="280">
        <v>0</v>
      </c>
      <c r="E27" s="277">
        <v>0</v>
      </c>
      <c r="F27" s="279">
        <v>0</v>
      </c>
      <c r="G27" s="280">
        <v>667</v>
      </c>
      <c r="H27" s="280">
        <v>236</v>
      </c>
      <c r="I27" s="280">
        <v>169</v>
      </c>
      <c r="J27" s="280">
        <v>50</v>
      </c>
      <c r="K27" s="280">
        <v>4</v>
      </c>
      <c r="L27" s="277">
        <v>1126</v>
      </c>
      <c r="M27" s="282">
        <v>1126</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47</v>
      </c>
      <c r="H28" s="280">
        <v>345</v>
      </c>
      <c r="I28" s="280">
        <v>272</v>
      </c>
      <c r="J28" s="280">
        <v>39</v>
      </c>
      <c r="K28" s="280">
        <v>97</v>
      </c>
      <c r="L28" s="277">
        <v>1100</v>
      </c>
      <c r="M28" s="282">
        <v>1100</v>
      </c>
      <c r="N28" s="280">
        <v>0</v>
      </c>
      <c r="O28" s="280">
        <v>0</v>
      </c>
      <c r="P28" s="277">
        <v>0</v>
      </c>
      <c r="Q28" s="279">
        <v>0</v>
      </c>
      <c r="R28" s="280">
        <v>16</v>
      </c>
      <c r="S28" s="280">
        <v>19</v>
      </c>
      <c r="T28" s="280">
        <v>41</v>
      </c>
      <c r="U28" s="280">
        <v>38</v>
      </c>
      <c r="V28" s="280">
        <v>8</v>
      </c>
      <c r="W28" s="277">
        <v>122</v>
      </c>
      <c r="X28" s="282">
        <v>122</v>
      </c>
    </row>
    <row r="29" spans="2:24" ht="21" customHeight="1" x14ac:dyDescent="0.2">
      <c r="B29" s="256" t="s">
        <v>27</v>
      </c>
      <c r="C29" s="280">
        <v>0</v>
      </c>
      <c r="D29" s="280">
        <v>0</v>
      </c>
      <c r="E29" s="277">
        <v>0</v>
      </c>
      <c r="F29" s="279">
        <v>0</v>
      </c>
      <c r="G29" s="280">
        <v>261</v>
      </c>
      <c r="H29" s="280">
        <v>115</v>
      </c>
      <c r="I29" s="280">
        <v>61</v>
      </c>
      <c r="J29" s="280">
        <v>19</v>
      </c>
      <c r="K29" s="280">
        <v>0</v>
      </c>
      <c r="L29" s="277">
        <v>456</v>
      </c>
      <c r="M29" s="282">
        <v>456</v>
      </c>
      <c r="N29" s="280">
        <v>0</v>
      </c>
      <c r="O29" s="280">
        <v>0</v>
      </c>
      <c r="P29" s="277">
        <v>0</v>
      </c>
      <c r="Q29" s="279">
        <v>0</v>
      </c>
      <c r="R29" s="280">
        <v>27</v>
      </c>
      <c r="S29" s="280">
        <v>0</v>
      </c>
      <c r="T29" s="280">
        <v>17</v>
      </c>
      <c r="U29" s="280">
        <v>24</v>
      </c>
      <c r="V29" s="280">
        <v>21</v>
      </c>
      <c r="W29" s="277">
        <v>89</v>
      </c>
      <c r="X29" s="282">
        <v>89</v>
      </c>
    </row>
    <row r="30" spans="2:24" ht="21" customHeight="1" x14ac:dyDescent="0.2">
      <c r="B30" s="256" t="s">
        <v>28</v>
      </c>
      <c r="C30" s="280">
        <v>0</v>
      </c>
      <c r="D30" s="280">
        <v>0</v>
      </c>
      <c r="E30" s="277">
        <v>0</v>
      </c>
      <c r="F30" s="279">
        <v>0</v>
      </c>
      <c r="G30" s="280">
        <v>161</v>
      </c>
      <c r="H30" s="280">
        <v>114</v>
      </c>
      <c r="I30" s="280">
        <v>13</v>
      </c>
      <c r="J30" s="280">
        <v>16</v>
      </c>
      <c r="K30" s="280">
        <v>7</v>
      </c>
      <c r="L30" s="277">
        <v>311</v>
      </c>
      <c r="M30" s="282">
        <v>311</v>
      </c>
      <c r="N30" s="280">
        <v>0</v>
      </c>
      <c r="O30" s="280">
        <v>0</v>
      </c>
      <c r="P30" s="277">
        <v>0</v>
      </c>
      <c r="Q30" s="279">
        <v>0</v>
      </c>
      <c r="R30" s="280">
        <v>12</v>
      </c>
      <c r="S30" s="280">
        <v>4</v>
      </c>
      <c r="T30" s="280">
        <v>20</v>
      </c>
      <c r="U30" s="280">
        <v>0</v>
      </c>
      <c r="V30" s="280">
        <v>0</v>
      </c>
      <c r="W30" s="277">
        <v>36</v>
      </c>
      <c r="X30" s="282">
        <v>36</v>
      </c>
    </row>
    <row r="31" spans="2:24" ht="21" customHeight="1" x14ac:dyDescent="0.2">
      <c r="B31" s="256" t="s">
        <v>29</v>
      </c>
      <c r="C31" s="280">
        <v>0</v>
      </c>
      <c r="D31" s="280">
        <v>0</v>
      </c>
      <c r="E31" s="277">
        <v>0</v>
      </c>
      <c r="F31" s="279">
        <v>0</v>
      </c>
      <c r="G31" s="280">
        <v>155</v>
      </c>
      <c r="H31" s="280">
        <v>149</v>
      </c>
      <c r="I31" s="280">
        <v>30</v>
      </c>
      <c r="J31" s="280">
        <v>37</v>
      </c>
      <c r="K31" s="280">
        <v>0</v>
      </c>
      <c r="L31" s="277">
        <v>371</v>
      </c>
      <c r="M31" s="282">
        <v>371</v>
      </c>
      <c r="N31" s="280">
        <v>0</v>
      </c>
      <c r="O31" s="280">
        <v>0</v>
      </c>
      <c r="P31" s="277">
        <v>0</v>
      </c>
      <c r="Q31" s="279">
        <v>0</v>
      </c>
      <c r="R31" s="280">
        <v>6</v>
      </c>
      <c r="S31" s="280">
        <v>0</v>
      </c>
      <c r="T31" s="280">
        <v>6</v>
      </c>
      <c r="U31" s="280">
        <v>4</v>
      </c>
      <c r="V31" s="280">
        <v>0</v>
      </c>
      <c r="W31" s="277">
        <v>16</v>
      </c>
      <c r="X31" s="282">
        <v>16</v>
      </c>
    </row>
    <row r="32" spans="2:24" ht="21" customHeight="1" x14ac:dyDescent="0.2">
      <c r="B32" s="256" t="s">
        <v>30</v>
      </c>
      <c r="C32" s="280">
        <v>0</v>
      </c>
      <c r="D32" s="280">
        <v>0</v>
      </c>
      <c r="E32" s="277">
        <v>0</v>
      </c>
      <c r="F32" s="279">
        <v>0</v>
      </c>
      <c r="G32" s="280">
        <v>162</v>
      </c>
      <c r="H32" s="280">
        <v>80</v>
      </c>
      <c r="I32" s="280">
        <v>104</v>
      </c>
      <c r="J32" s="280">
        <v>48</v>
      </c>
      <c r="K32" s="280">
        <v>0</v>
      </c>
      <c r="L32" s="277">
        <v>394</v>
      </c>
      <c r="M32" s="282">
        <v>394</v>
      </c>
      <c r="N32" s="280">
        <v>4</v>
      </c>
      <c r="O32" s="280">
        <v>0</v>
      </c>
      <c r="P32" s="277">
        <v>4</v>
      </c>
      <c r="Q32" s="279">
        <v>0</v>
      </c>
      <c r="R32" s="280">
        <v>16</v>
      </c>
      <c r="S32" s="280">
        <v>18</v>
      </c>
      <c r="T32" s="280">
        <v>12</v>
      </c>
      <c r="U32" s="280">
        <v>0</v>
      </c>
      <c r="V32" s="280">
        <v>0</v>
      </c>
      <c r="W32" s="277">
        <v>46</v>
      </c>
      <c r="X32" s="282">
        <v>50</v>
      </c>
    </row>
    <row r="33" spans="2:24" ht="21" customHeight="1" x14ac:dyDescent="0.2">
      <c r="B33" s="256" t="s">
        <v>31</v>
      </c>
      <c r="C33" s="280">
        <v>0</v>
      </c>
      <c r="D33" s="280">
        <v>0</v>
      </c>
      <c r="E33" s="277">
        <v>0</v>
      </c>
      <c r="F33" s="279">
        <v>0</v>
      </c>
      <c r="G33" s="280">
        <v>204</v>
      </c>
      <c r="H33" s="280">
        <v>90</v>
      </c>
      <c r="I33" s="280">
        <v>64</v>
      </c>
      <c r="J33" s="280">
        <v>20</v>
      </c>
      <c r="K33" s="280">
        <v>0</v>
      </c>
      <c r="L33" s="277">
        <v>378</v>
      </c>
      <c r="M33" s="282">
        <v>378</v>
      </c>
      <c r="N33" s="280">
        <v>0</v>
      </c>
      <c r="O33" s="280">
        <v>0</v>
      </c>
      <c r="P33" s="277">
        <v>0</v>
      </c>
      <c r="Q33" s="279">
        <v>0</v>
      </c>
      <c r="R33" s="280">
        <v>0</v>
      </c>
      <c r="S33" s="280">
        <v>0</v>
      </c>
      <c r="T33" s="280">
        <v>0</v>
      </c>
      <c r="U33" s="280">
        <v>16</v>
      </c>
      <c r="V33" s="280">
        <v>16</v>
      </c>
      <c r="W33" s="277">
        <v>32</v>
      </c>
      <c r="X33" s="282">
        <v>32</v>
      </c>
    </row>
    <row r="34" spans="2:24" ht="21" customHeight="1" x14ac:dyDescent="0.2">
      <c r="B34" s="256" t="s">
        <v>32</v>
      </c>
      <c r="C34" s="280">
        <v>0</v>
      </c>
      <c r="D34" s="280">
        <v>0</v>
      </c>
      <c r="E34" s="277">
        <v>0</v>
      </c>
      <c r="F34" s="279">
        <v>0</v>
      </c>
      <c r="G34" s="280">
        <v>246</v>
      </c>
      <c r="H34" s="280">
        <v>271</v>
      </c>
      <c r="I34" s="280">
        <v>138</v>
      </c>
      <c r="J34" s="280">
        <v>45</v>
      </c>
      <c r="K34" s="280">
        <v>22</v>
      </c>
      <c r="L34" s="277">
        <v>722</v>
      </c>
      <c r="M34" s="282">
        <v>722</v>
      </c>
      <c r="N34" s="280">
        <v>0</v>
      </c>
      <c r="O34" s="280">
        <v>0</v>
      </c>
      <c r="P34" s="277">
        <v>0</v>
      </c>
      <c r="Q34" s="279">
        <v>0</v>
      </c>
      <c r="R34" s="280">
        <v>31</v>
      </c>
      <c r="S34" s="280">
        <v>9</v>
      </c>
      <c r="T34" s="280">
        <v>25</v>
      </c>
      <c r="U34" s="280">
        <v>0</v>
      </c>
      <c r="V34" s="280">
        <v>13</v>
      </c>
      <c r="W34" s="277">
        <v>78</v>
      </c>
      <c r="X34" s="282">
        <v>78</v>
      </c>
    </row>
    <row r="35" spans="2:24" ht="21" customHeight="1" x14ac:dyDescent="0.2">
      <c r="B35" s="256" t="s">
        <v>33</v>
      </c>
      <c r="C35" s="280">
        <v>0</v>
      </c>
      <c r="D35" s="280">
        <v>0</v>
      </c>
      <c r="E35" s="277">
        <v>0</v>
      </c>
      <c r="F35" s="279">
        <v>0</v>
      </c>
      <c r="G35" s="280">
        <v>181</v>
      </c>
      <c r="H35" s="280">
        <v>104</v>
      </c>
      <c r="I35" s="280">
        <v>67</v>
      </c>
      <c r="J35" s="280">
        <v>3</v>
      </c>
      <c r="K35" s="280">
        <v>24</v>
      </c>
      <c r="L35" s="277">
        <v>379</v>
      </c>
      <c r="M35" s="282">
        <v>379</v>
      </c>
      <c r="N35" s="280">
        <v>0</v>
      </c>
      <c r="O35" s="280">
        <v>0</v>
      </c>
      <c r="P35" s="277">
        <v>0</v>
      </c>
      <c r="Q35" s="279">
        <v>0</v>
      </c>
      <c r="R35" s="280">
        <v>0</v>
      </c>
      <c r="S35" s="280">
        <v>0</v>
      </c>
      <c r="T35" s="280">
        <v>17</v>
      </c>
      <c r="U35" s="280">
        <v>0</v>
      </c>
      <c r="V35" s="280">
        <v>0</v>
      </c>
      <c r="W35" s="277">
        <v>17</v>
      </c>
      <c r="X35" s="282">
        <v>17</v>
      </c>
    </row>
    <row r="36" spans="2:24" ht="21" customHeight="1" x14ac:dyDescent="0.2">
      <c r="B36" s="256" t="s">
        <v>34</v>
      </c>
      <c r="C36" s="280">
        <v>0</v>
      </c>
      <c r="D36" s="280">
        <v>0</v>
      </c>
      <c r="E36" s="277">
        <v>0</v>
      </c>
      <c r="F36" s="279">
        <v>0</v>
      </c>
      <c r="G36" s="280">
        <v>113</v>
      </c>
      <c r="H36" s="280">
        <v>52</v>
      </c>
      <c r="I36" s="280">
        <v>28</v>
      </c>
      <c r="J36" s="280">
        <v>13</v>
      </c>
      <c r="K36" s="280">
        <v>4</v>
      </c>
      <c r="L36" s="277">
        <v>210</v>
      </c>
      <c r="M36" s="282">
        <v>210</v>
      </c>
      <c r="N36" s="280">
        <v>0</v>
      </c>
      <c r="O36" s="280">
        <v>0</v>
      </c>
      <c r="P36" s="277">
        <v>0</v>
      </c>
      <c r="Q36" s="279">
        <v>0</v>
      </c>
      <c r="R36" s="280">
        <v>0</v>
      </c>
      <c r="S36" s="280">
        <v>0</v>
      </c>
      <c r="T36" s="280">
        <v>0</v>
      </c>
      <c r="U36" s="280">
        <v>0</v>
      </c>
      <c r="V36" s="280">
        <v>7</v>
      </c>
      <c r="W36" s="277">
        <v>7</v>
      </c>
      <c r="X36" s="282">
        <v>7</v>
      </c>
    </row>
    <row r="37" spans="2:24" ht="21" customHeight="1" x14ac:dyDescent="0.2">
      <c r="B37" s="256" t="s">
        <v>35</v>
      </c>
      <c r="C37" s="280">
        <v>0</v>
      </c>
      <c r="D37" s="280">
        <v>0</v>
      </c>
      <c r="E37" s="277">
        <v>0</v>
      </c>
      <c r="F37" s="279">
        <v>0</v>
      </c>
      <c r="G37" s="280">
        <v>184</v>
      </c>
      <c r="H37" s="280">
        <v>295</v>
      </c>
      <c r="I37" s="280">
        <v>115</v>
      </c>
      <c r="J37" s="280">
        <v>150</v>
      </c>
      <c r="K37" s="280">
        <v>121</v>
      </c>
      <c r="L37" s="277">
        <v>865</v>
      </c>
      <c r="M37" s="282">
        <v>865</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28</v>
      </c>
      <c r="H38" s="280">
        <v>458</v>
      </c>
      <c r="I38" s="280">
        <v>442</v>
      </c>
      <c r="J38" s="280">
        <v>346</v>
      </c>
      <c r="K38" s="280">
        <v>204</v>
      </c>
      <c r="L38" s="277">
        <v>1878</v>
      </c>
      <c r="M38" s="282">
        <v>1878</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100</v>
      </c>
      <c r="H39" s="287">
        <v>85</v>
      </c>
      <c r="I39" s="287">
        <v>94</v>
      </c>
      <c r="J39" s="287">
        <v>0</v>
      </c>
      <c r="K39" s="287">
        <v>26</v>
      </c>
      <c r="L39" s="284">
        <v>305</v>
      </c>
      <c r="M39" s="289">
        <v>305</v>
      </c>
      <c r="N39" s="287">
        <v>0</v>
      </c>
      <c r="O39" s="287">
        <v>0</v>
      </c>
      <c r="P39" s="284">
        <v>0</v>
      </c>
      <c r="Q39" s="286">
        <v>0</v>
      </c>
      <c r="R39" s="287">
        <v>4</v>
      </c>
      <c r="S39" s="287">
        <v>0</v>
      </c>
      <c r="T39" s="287">
        <v>0</v>
      </c>
      <c r="U39" s="287">
        <v>18</v>
      </c>
      <c r="V39" s="287">
        <v>16</v>
      </c>
      <c r="W39" s="284">
        <v>38</v>
      </c>
      <c r="X39" s="289">
        <v>38</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2">
        <f>第１表!F2</f>
        <v>5</v>
      </c>
      <c r="I1" s="522"/>
      <c r="J1" s="248">
        <f>第１表!G2</f>
        <v>6</v>
      </c>
      <c r="K1" s="527">
        <f>IF(J1&lt;3,J1+12-2,J1-2)</f>
        <v>4</v>
      </c>
      <c r="L1" s="527"/>
    </row>
    <row r="2" spans="2:24" ht="24" customHeight="1" thickBot="1" x14ac:dyDescent="0.25">
      <c r="B2" s="290" t="s">
        <v>134</v>
      </c>
    </row>
    <row r="3" spans="2:24" ht="21" customHeight="1" x14ac:dyDescent="0.2">
      <c r="B3" s="530"/>
      <c r="C3" s="531" t="s">
        <v>142</v>
      </c>
      <c r="D3" s="531"/>
      <c r="E3" s="531"/>
      <c r="F3" s="531"/>
      <c r="G3" s="531"/>
      <c r="H3" s="531"/>
      <c r="I3" s="531"/>
      <c r="J3" s="531"/>
      <c r="K3" s="531"/>
      <c r="L3" s="531"/>
      <c r="M3" s="563"/>
      <c r="N3" s="531" t="s">
        <v>113</v>
      </c>
      <c r="O3" s="531"/>
      <c r="P3" s="531"/>
      <c r="Q3" s="531"/>
      <c r="R3" s="531"/>
      <c r="S3" s="531"/>
      <c r="T3" s="531"/>
      <c r="U3" s="531"/>
      <c r="V3" s="531"/>
      <c r="W3" s="531"/>
      <c r="X3" s="563"/>
    </row>
    <row r="4" spans="2:24" ht="21" customHeight="1" x14ac:dyDescent="0.2">
      <c r="B4" s="569"/>
      <c r="C4" s="564" t="s">
        <v>61</v>
      </c>
      <c r="D4" s="564"/>
      <c r="E4" s="565"/>
      <c r="F4" s="566" t="s">
        <v>62</v>
      </c>
      <c r="G4" s="564"/>
      <c r="H4" s="564"/>
      <c r="I4" s="564"/>
      <c r="J4" s="564"/>
      <c r="K4" s="564"/>
      <c r="L4" s="567"/>
      <c r="M4" s="568" t="s">
        <v>52</v>
      </c>
      <c r="N4" s="564" t="s">
        <v>61</v>
      </c>
      <c r="O4" s="564"/>
      <c r="P4" s="565"/>
      <c r="Q4" s="566" t="s">
        <v>62</v>
      </c>
      <c r="R4" s="564"/>
      <c r="S4" s="564"/>
      <c r="T4" s="564"/>
      <c r="U4" s="564"/>
      <c r="V4" s="564"/>
      <c r="W4" s="567"/>
      <c r="X4" s="568" t="s">
        <v>52</v>
      </c>
    </row>
    <row r="5" spans="2:24" ht="30" customHeight="1" thickBot="1" x14ac:dyDescent="0.25">
      <c r="B5" s="570"/>
      <c r="C5" s="259" t="s">
        <v>43</v>
      </c>
      <c r="D5" s="259" t="s">
        <v>44</v>
      </c>
      <c r="E5" s="265" t="s">
        <v>45</v>
      </c>
      <c r="F5" s="267" t="s">
        <v>83</v>
      </c>
      <c r="G5" s="259" t="s">
        <v>47</v>
      </c>
      <c r="H5" s="259" t="s">
        <v>48</v>
      </c>
      <c r="I5" s="259" t="s">
        <v>49</v>
      </c>
      <c r="J5" s="259" t="s">
        <v>50</v>
      </c>
      <c r="K5" s="259" t="s">
        <v>51</v>
      </c>
      <c r="L5" s="265" t="s">
        <v>45</v>
      </c>
      <c r="M5" s="529"/>
      <c r="N5" s="259" t="s">
        <v>43</v>
      </c>
      <c r="O5" s="259" t="s">
        <v>44</v>
      </c>
      <c r="P5" s="265" t="s">
        <v>45</v>
      </c>
      <c r="Q5" s="267" t="s">
        <v>83</v>
      </c>
      <c r="R5" s="259" t="s">
        <v>47</v>
      </c>
      <c r="S5" s="259" t="s">
        <v>48</v>
      </c>
      <c r="T5" s="259" t="s">
        <v>49</v>
      </c>
      <c r="U5" s="259" t="s">
        <v>50</v>
      </c>
      <c r="V5" s="259" t="s">
        <v>51</v>
      </c>
      <c r="W5" s="265" t="s">
        <v>45</v>
      </c>
      <c r="X5" s="529"/>
    </row>
    <row r="6" spans="2:24" ht="21" customHeight="1" x14ac:dyDescent="0.2">
      <c r="B6" s="258" t="s">
        <v>4</v>
      </c>
      <c r="C6" s="273">
        <v>0</v>
      </c>
      <c r="D6" s="273">
        <v>0</v>
      </c>
      <c r="E6" s="270">
        <v>0</v>
      </c>
      <c r="F6" s="272">
        <v>0</v>
      </c>
      <c r="G6" s="273">
        <v>6722</v>
      </c>
      <c r="H6" s="273">
        <v>5496</v>
      </c>
      <c r="I6" s="273">
        <v>3364</v>
      </c>
      <c r="J6" s="273">
        <v>1587</v>
      </c>
      <c r="K6" s="273">
        <v>692</v>
      </c>
      <c r="L6" s="270">
        <v>17861</v>
      </c>
      <c r="M6" s="275">
        <v>17861</v>
      </c>
      <c r="N6" s="273">
        <v>4</v>
      </c>
      <c r="O6" s="273">
        <v>0</v>
      </c>
      <c r="P6" s="270">
        <v>4</v>
      </c>
      <c r="Q6" s="272">
        <v>0</v>
      </c>
      <c r="R6" s="273">
        <v>647</v>
      </c>
      <c r="S6" s="273">
        <v>642</v>
      </c>
      <c r="T6" s="273">
        <v>860</v>
      </c>
      <c r="U6" s="273">
        <v>357</v>
      </c>
      <c r="V6" s="273">
        <v>220</v>
      </c>
      <c r="W6" s="270">
        <v>2726</v>
      </c>
      <c r="X6" s="275">
        <v>2730</v>
      </c>
    </row>
    <row r="7" spans="2:24" ht="21" customHeight="1" x14ac:dyDescent="0.2">
      <c r="B7" s="256" t="s">
        <v>5</v>
      </c>
      <c r="C7" s="280">
        <v>0</v>
      </c>
      <c r="D7" s="280">
        <v>0</v>
      </c>
      <c r="E7" s="277">
        <v>0</v>
      </c>
      <c r="F7" s="279">
        <v>0</v>
      </c>
      <c r="G7" s="280">
        <v>2658</v>
      </c>
      <c r="H7" s="280">
        <v>2741</v>
      </c>
      <c r="I7" s="280">
        <v>1513</v>
      </c>
      <c r="J7" s="280">
        <v>802</v>
      </c>
      <c r="K7" s="280">
        <v>436</v>
      </c>
      <c r="L7" s="277">
        <v>8150</v>
      </c>
      <c r="M7" s="282">
        <v>8150</v>
      </c>
      <c r="N7" s="280">
        <v>0</v>
      </c>
      <c r="O7" s="280">
        <v>0</v>
      </c>
      <c r="P7" s="277">
        <v>0</v>
      </c>
      <c r="Q7" s="279">
        <v>0</v>
      </c>
      <c r="R7" s="280">
        <v>322</v>
      </c>
      <c r="S7" s="280">
        <v>285</v>
      </c>
      <c r="T7" s="280">
        <v>639</v>
      </c>
      <c r="U7" s="280">
        <v>175</v>
      </c>
      <c r="V7" s="280">
        <v>103</v>
      </c>
      <c r="W7" s="277">
        <v>1524</v>
      </c>
      <c r="X7" s="282">
        <v>1524</v>
      </c>
    </row>
    <row r="8" spans="2:24" ht="21" customHeight="1" x14ac:dyDescent="0.2">
      <c r="B8" s="256" t="s">
        <v>6</v>
      </c>
      <c r="C8" s="280">
        <v>0</v>
      </c>
      <c r="D8" s="280">
        <v>0</v>
      </c>
      <c r="E8" s="277">
        <v>0</v>
      </c>
      <c r="F8" s="279">
        <v>0</v>
      </c>
      <c r="G8" s="280">
        <v>713</v>
      </c>
      <c r="H8" s="280">
        <v>402</v>
      </c>
      <c r="I8" s="280">
        <v>271</v>
      </c>
      <c r="J8" s="280">
        <v>172</v>
      </c>
      <c r="K8" s="280">
        <v>25</v>
      </c>
      <c r="L8" s="277">
        <v>1583</v>
      </c>
      <c r="M8" s="282">
        <v>1583</v>
      </c>
      <c r="N8" s="280">
        <v>0</v>
      </c>
      <c r="O8" s="280">
        <v>0</v>
      </c>
      <c r="P8" s="277">
        <v>0</v>
      </c>
      <c r="Q8" s="279">
        <v>0</v>
      </c>
      <c r="R8" s="280">
        <v>142</v>
      </c>
      <c r="S8" s="280">
        <v>117</v>
      </c>
      <c r="T8" s="280">
        <v>71</v>
      </c>
      <c r="U8" s="280">
        <v>45</v>
      </c>
      <c r="V8" s="280">
        <v>62</v>
      </c>
      <c r="W8" s="277">
        <v>437</v>
      </c>
      <c r="X8" s="282">
        <v>437</v>
      </c>
    </row>
    <row r="9" spans="2:24" ht="21" customHeight="1" x14ac:dyDescent="0.2">
      <c r="B9" s="256" t="s">
        <v>14</v>
      </c>
      <c r="C9" s="280">
        <v>0</v>
      </c>
      <c r="D9" s="280">
        <v>0</v>
      </c>
      <c r="E9" s="277">
        <v>0</v>
      </c>
      <c r="F9" s="279">
        <v>0</v>
      </c>
      <c r="G9" s="280">
        <v>547</v>
      </c>
      <c r="H9" s="280">
        <v>530</v>
      </c>
      <c r="I9" s="280">
        <v>401</v>
      </c>
      <c r="J9" s="280">
        <v>94</v>
      </c>
      <c r="K9" s="280">
        <v>66</v>
      </c>
      <c r="L9" s="277">
        <v>1638</v>
      </c>
      <c r="M9" s="282">
        <v>1638</v>
      </c>
      <c r="N9" s="280">
        <v>0</v>
      </c>
      <c r="O9" s="280">
        <v>0</v>
      </c>
      <c r="P9" s="277">
        <v>0</v>
      </c>
      <c r="Q9" s="279">
        <v>0</v>
      </c>
      <c r="R9" s="280">
        <v>17</v>
      </c>
      <c r="S9" s="280">
        <v>28</v>
      </c>
      <c r="T9" s="280">
        <v>6</v>
      </c>
      <c r="U9" s="280">
        <v>0</v>
      </c>
      <c r="V9" s="280">
        <v>4</v>
      </c>
      <c r="W9" s="277">
        <v>55</v>
      </c>
      <c r="X9" s="282">
        <v>55</v>
      </c>
    </row>
    <row r="10" spans="2:24" ht="21" customHeight="1" x14ac:dyDescent="0.2">
      <c r="B10" s="256" t="s">
        <v>7</v>
      </c>
      <c r="C10" s="280">
        <v>0</v>
      </c>
      <c r="D10" s="280">
        <v>0</v>
      </c>
      <c r="E10" s="277">
        <v>0</v>
      </c>
      <c r="F10" s="279">
        <v>0</v>
      </c>
      <c r="G10" s="280">
        <v>628</v>
      </c>
      <c r="H10" s="280">
        <v>349</v>
      </c>
      <c r="I10" s="280">
        <v>218</v>
      </c>
      <c r="J10" s="280">
        <v>49</v>
      </c>
      <c r="K10" s="280">
        <v>22</v>
      </c>
      <c r="L10" s="277">
        <v>1266</v>
      </c>
      <c r="M10" s="282">
        <v>1266</v>
      </c>
      <c r="N10" s="280">
        <v>0</v>
      </c>
      <c r="O10" s="280">
        <v>0</v>
      </c>
      <c r="P10" s="277">
        <v>0</v>
      </c>
      <c r="Q10" s="279">
        <v>0</v>
      </c>
      <c r="R10" s="280">
        <v>66</v>
      </c>
      <c r="S10" s="280">
        <v>99</v>
      </c>
      <c r="T10" s="280">
        <v>45</v>
      </c>
      <c r="U10" s="280">
        <v>61</v>
      </c>
      <c r="V10" s="280">
        <v>18</v>
      </c>
      <c r="W10" s="277">
        <v>289</v>
      </c>
      <c r="X10" s="282">
        <v>289</v>
      </c>
    </row>
    <row r="11" spans="2:24" ht="21" customHeight="1" x14ac:dyDescent="0.2">
      <c r="B11" s="256" t="s">
        <v>8</v>
      </c>
      <c r="C11" s="280">
        <v>0</v>
      </c>
      <c r="D11" s="280">
        <v>0</v>
      </c>
      <c r="E11" s="277">
        <v>0</v>
      </c>
      <c r="F11" s="279">
        <v>0</v>
      </c>
      <c r="G11" s="280">
        <v>258</v>
      </c>
      <c r="H11" s="280">
        <v>181</v>
      </c>
      <c r="I11" s="280">
        <v>131</v>
      </c>
      <c r="J11" s="280">
        <v>61</v>
      </c>
      <c r="K11" s="280">
        <v>22</v>
      </c>
      <c r="L11" s="277">
        <v>653</v>
      </c>
      <c r="M11" s="282">
        <v>653</v>
      </c>
      <c r="N11" s="280">
        <v>0</v>
      </c>
      <c r="O11" s="280">
        <v>0</v>
      </c>
      <c r="P11" s="277">
        <v>0</v>
      </c>
      <c r="Q11" s="279">
        <v>0</v>
      </c>
      <c r="R11" s="280">
        <v>8</v>
      </c>
      <c r="S11" s="280">
        <v>0</v>
      </c>
      <c r="T11" s="280">
        <v>0</v>
      </c>
      <c r="U11" s="280">
        <v>0</v>
      </c>
      <c r="V11" s="280">
        <v>7</v>
      </c>
      <c r="W11" s="277">
        <v>15</v>
      </c>
      <c r="X11" s="282">
        <v>15</v>
      </c>
    </row>
    <row r="12" spans="2:24" ht="21" customHeight="1" x14ac:dyDescent="0.2">
      <c r="B12" s="256" t="s">
        <v>9</v>
      </c>
      <c r="C12" s="280">
        <v>0</v>
      </c>
      <c r="D12" s="280">
        <v>0</v>
      </c>
      <c r="E12" s="277">
        <v>0</v>
      </c>
      <c r="F12" s="279">
        <v>0</v>
      </c>
      <c r="G12" s="280">
        <v>367</v>
      </c>
      <c r="H12" s="280">
        <v>148</v>
      </c>
      <c r="I12" s="280">
        <v>170</v>
      </c>
      <c r="J12" s="280">
        <v>54</v>
      </c>
      <c r="K12" s="280">
        <v>29</v>
      </c>
      <c r="L12" s="277">
        <v>768</v>
      </c>
      <c r="M12" s="282">
        <v>768</v>
      </c>
      <c r="N12" s="280">
        <v>0</v>
      </c>
      <c r="O12" s="280">
        <v>0</v>
      </c>
      <c r="P12" s="277">
        <v>0</v>
      </c>
      <c r="Q12" s="279">
        <v>0</v>
      </c>
      <c r="R12" s="280">
        <v>0</v>
      </c>
      <c r="S12" s="280">
        <v>0</v>
      </c>
      <c r="T12" s="280">
        <v>13</v>
      </c>
      <c r="U12" s="280">
        <v>0</v>
      </c>
      <c r="V12" s="280">
        <v>0</v>
      </c>
      <c r="W12" s="277">
        <v>13</v>
      </c>
      <c r="X12" s="282">
        <v>13</v>
      </c>
    </row>
    <row r="13" spans="2:24" ht="21" customHeight="1" x14ac:dyDescent="0.2">
      <c r="B13" s="256" t="s">
        <v>10</v>
      </c>
      <c r="C13" s="280">
        <v>0</v>
      </c>
      <c r="D13" s="280">
        <v>0</v>
      </c>
      <c r="E13" s="277">
        <v>0</v>
      </c>
      <c r="F13" s="279">
        <v>0</v>
      </c>
      <c r="G13" s="280">
        <v>298</v>
      </c>
      <c r="H13" s="280">
        <v>190</v>
      </c>
      <c r="I13" s="280">
        <v>78</v>
      </c>
      <c r="J13" s="280">
        <v>88</v>
      </c>
      <c r="K13" s="280">
        <v>0</v>
      </c>
      <c r="L13" s="277">
        <v>654</v>
      </c>
      <c r="M13" s="282">
        <v>654</v>
      </c>
      <c r="N13" s="280">
        <v>0</v>
      </c>
      <c r="O13" s="280">
        <v>0</v>
      </c>
      <c r="P13" s="277">
        <v>0</v>
      </c>
      <c r="Q13" s="279">
        <v>0</v>
      </c>
      <c r="R13" s="280">
        <v>29</v>
      </c>
      <c r="S13" s="280">
        <v>12</v>
      </c>
      <c r="T13" s="280">
        <v>10</v>
      </c>
      <c r="U13" s="280">
        <v>12</v>
      </c>
      <c r="V13" s="280">
        <v>15</v>
      </c>
      <c r="W13" s="277">
        <v>78</v>
      </c>
      <c r="X13" s="282">
        <v>78</v>
      </c>
    </row>
    <row r="14" spans="2:24" ht="21" customHeight="1" x14ac:dyDescent="0.2">
      <c r="B14" s="256" t="s">
        <v>11</v>
      </c>
      <c r="C14" s="280">
        <v>0</v>
      </c>
      <c r="D14" s="280">
        <v>0</v>
      </c>
      <c r="E14" s="277">
        <v>0</v>
      </c>
      <c r="F14" s="279">
        <v>0</v>
      </c>
      <c r="G14" s="280">
        <v>155</v>
      </c>
      <c r="H14" s="280">
        <v>68</v>
      </c>
      <c r="I14" s="280">
        <v>39</v>
      </c>
      <c r="J14" s="280">
        <v>21</v>
      </c>
      <c r="K14" s="280">
        <v>34</v>
      </c>
      <c r="L14" s="277">
        <v>317</v>
      </c>
      <c r="M14" s="282">
        <v>317</v>
      </c>
      <c r="N14" s="280">
        <v>0</v>
      </c>
      <c r="O14" s="280">
        <v>0</v>
      </c>
      <c r="P14" s="277">
        <v>0</v>
      </c>
      <c r="Q14" s="279">
        <v>0</v>
      </c>
      <c r="R14" s="280">
        <v>0</v>
      </c>
      <c r="S14" s="280">
        <v>32</v>
      </c>
      <c r="T14" s="280">
        <v>16</v>
      </c>
      <c r="U14" s="280">
        <v>4</v>
      </c>
      <c r="V14" s="280">
        <v>0</v>
      </c>
      <c r="W14" s="277">
        <v>52</v>
      </c>
      <c r="X14" s="282">
        <v>52</v>
      </c>
    </row>
    <row r="15" spans="2:24" ht="21" customHeight="1" x14ac:dyDescent="0.2">
      <c r="B15" s="256" t="s">
        <v>12</v>
      </c>
      <c r="C15" s="280">
        <v>0</v>
      </c>
      <c r="D15" s="280">
        <v>0</v>
      </c>
      <c r="E15" s="277">
        <v>0</v>
      </c>
      <c r="F15" s="279">
        <v>0</v>
      </c>
      <c r="G15" s="280">
        <v>228</v>
      </c>
      <c r="H15" s="280">
        <v>147</v>
      </c>
      <c r="I15" s="280">
        <v>84</v>
      </c>
      <c r="J15" s="280">
        <v>83</v>
      </c>
      <c r="K15" s="280">
        <v>8</v>
      </c>
      <c r="L15" s="277">
        <v>550</v>
      </c>
      <c r="M15" s="282">
        <v>550</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77</v>
      </c>
      <c r="H16" s="280">
        <v>79</v>
      </c>
      <c r="I16" s="280">
        <v>82</v>
      </c>
      <c r="J16" s="280">
        <v>38</v>
      </c>
      <c r="K16" s="280">
        <v>16</v>
      </c>
      <c r="L16" s="277">
        <v>292</v>
      </c>
      <c r="M16" s="282">
        <v>292</v>
      </c>
      <c r="N16" s="280">
        <v>0</v>
      </c>
      <c r="O16" s="280">
        <v>0</v>
      </c>
      <c r="P16" s="277">
        <v>0</v>
      </c>
      <c r="Q16" s="279">
        <v>0</v>
      </c>
      <c r="R16" s="280">
        <v>0</v>
      </c>
      <c r="S16" s="280">
        <v>16</v>
      </c>
      <c r="T16" s="280">
        <v>0</v>
      </c>
      <c r="U16" s="280">
        <v>4</v>
      </c>
      <c r="V16" s="280">
        <v>8</v>
      </c>
      <c r="W16" s="277">
        <v>28</v>
      </c>
      <c r="X16" s="282">
        <v>28</v>
      </c>
    </row>
    <row r="17" spans="2:24" ht="21" customHeight="1" x14ac:dyDescent="0.2">
      <c r="B17" s="256" t="s">
        <v>15</v>
      </c>
      <c r="C17" s="280">
        <v>0</v>
      </c>
      <c r="D17" s="280">
        <v>0</v>
      </c>
      <c r="E17" s="277">
        <v>0</v>
      </c>
      <c r="F17" s="279">
        <v>0</v>
      </c>
      <c r="G17" s="280">
        <v>64</v>
      </c>
      <c r="H17" s="280">
        <v>55</v>
      </c>
      <c r="I17" s="280">
        <v>33</v>
      </c>
      <c r="J17" s="280">
        <v>9</v>
      </c>
      <c r="K17" s="280">
        <v>8</v>
      </c>
      <c r="L17" s="277">
        <v>169</v>
      </c>
      <c r="M17" s="282">
        <v>169</v>
      </c>
      <c r="N17" s="280">
        <v>0</v>
      </c>
      <c r="O17" s="280">
        <v>0</v>
      </c>
      <c r="P17" s="277">
        <v>0</v>
      </c>
      <c r="Q17" s="279">
        <v>0</v>
      </c>
      <c r="R17" s="280">
        <v>0</v>
      </c>
      <c r="S17" s="280">
        <v>0</v>
      </c>
      <c r="T17" s="280">
        <v>0</v>
      </c>
      <c r="U17" s="280">
        <v>8</v>
      </c>
      <c r="V17" s="280">
        <v>0</v>
      </c>
      <c r="W17" s="277">
        <v>8</v>
      </c>
      <c r="X17" s="282">
        <v>8</v>
      </c>
    </row>
    <row r="18" spans="2:24" ht="21" customHeight="1" x14ac:dyDescent="0.2">
      <c r="B18" s="256" t="s">
        <v>16</v>
      </c>
      <c r="C18" s="280">
        <v>0</v>
      </c>
      <c r="D18" s="280">
        <v>0</v>
      </c>
      <c r="E18" s="277">
        <v>0</v>
      </c>
      <c r="F18" s="279">
        <v>0</v>
      </c>
      <c r="G18" s="280">
        <v>75</v>
      </c>
      <c r="H18" s="280">
        <v>73</v>
      </c>
      <c r="I18" s="280">
        <v>46</v>
      </c>
      <c r="J18" s="280">
        <v>18</v>
      </c>
      <c r="K18" s="280">
        <v>0</v>
      </c>
      <c r="L18" s="277">
        <v>212</v>
      </c>
      <c r="M18" s="282">
        <v>212</v>
      </c>
      <c r="N18" s="280">
        <v>0</v>
      </c>
      <c r="O18" s="280">
        <v>0</v>
      </c>
      <c r="P18" s="277">
        <v>0</v>
      </c>
      <c r="Q18" s="279">
        <v>0</v>
      </c>
      <c r="R18" s="280">
        <v>0</v>
      </c>
      <c r="S18" s="280">
        <v>0</v>
      </c>
      <c r="T18" s="280">
        <v>9</v>
      </c>
      <c r="U18" s="280">
        <v>0</v>
      </c>
      <c r="V18" s="280">
        <v>0</v>
      </c>
      <c r="W18" s="277">
        <v>9</v>
      </c>
      <c r="X18" s="282">
        <v>9</v>
      </c>
    </row>
    <row r="19" spans="2:24" ht="21" customHeight="1" x14ac:dyDescent="0.2">
      <c r="B19" s="256" t="s">
        <v>17</v>
      </c>
      <c r="C19" s="280">
        <v>0</v>
      </c>
      <c r="D19" s="280">
        <v>0</v>
      </c>
      <c r="E19" s="277">
        <v>0</v>
      </c>
      <c r="F19" s="279">
        <v>0</v>
      </c>
      <c r="G19" s="280">
        <v>112</v>
      </c>
      <c r="H19" s="280">
        <v>123</v>
      </c>
      <c r="I19" s="280">
        <v>93</v>
      </c>
      <c r="J19" s="280">
        <v>16</v>
      </c>
      <c r="K19" s="280">
        <v>8</v>
      </c>
      <c r="L19" s="277">
        <v>352</v>
      </c>
      <c r="M19" s="282">
        <v>352</v>
      </c>
      <c r="N19" s="280">
        <v>0</v>
      </c>
      <c r="O19" s="280">
        <v>0</v>
      </c>
      <c r="P19" s="277">
        <v>0</v>
      </c>
      <c r="Q19" s="279">
        <v>0</v>
      </c>
      <c r="R19" s="280">
        <v>20</v>
      </c>
      <c r="S19" s="280">
        <v>6</v>
      </c>
      <c r="T19" s="280">
        <v>9</v>
      </c>
      <c r="U19" s="280">
        <v>0</v>
      </c>
      <c r="V19" s="280">
        <v>0</v>
      </c>
      <c r="W19" s="277">
        <v>35</v>
      </c>
      <c r="X19" s="282">
        <v>35</v>
      </c>
    </row>
    <row r="20" spans="2:24" ht="21" customHeight="1" x14ac:dyDescent="0.2">
      <c r="B20" s="256" t="s">
        <v>18</v>
      </c>
      <c r="C20" s="280">
        <v>0</v>
      </c>
      <c r="D20" s="280">
        <v>0</v>
      </c>
      <c r="E20" s="277">
        <v>0</v>
      </c>
      <c r="F20" s="279">
        <v>0</v>
      </c>
      <c r="G20" s="280">
        <v>145</v>
      </c>
      <c r="H20" s="280">
        <v>80</v>
      </c>
      <c r="I20" s="280">
        <v>51</v>
      </c>
      <c r="J20" s="280">
        <v>21</v>
      </c>
      <c r="K20" s="280">
        <v>0</v>
      </c>
      <c r="L20" s="277">
        <v>297</v>
      </c>
      <c r="M20" s="282">
        <v>297</v>
      </c>
      <c r="N20" s="280">
        <v>0</v>
      </c>
      <c r="O20" s="280">
        <v>0</v>
      </c>
      <c r="P20" s="277">
        <v>0</v>
      </c>
      <c r="Q20" s="279">
        <v>0</v>
      </c>
      <c r="R20" s="280">
        <v>16</v>
      </c>
      <c r="S20" s="280">
        <v>0</v>
      </c>
      <c r="T20" s="280">
        <v>26</v>
      </c>
      <c r="U20" s="280">
        <v>0</v>
      </c>
      <c r="V20" s="280">
        <v>3</v>
      </c>
      <c r="W20" s="277">
        <v>45</v>
      </c>
      <c r="X20" s="282">
        <v>45</v>
      </c>
    </row>
    <row r="21" spans="2:24" ht="21" customHeight="1" x14ac:dyDescent="0.2">
      <c r="B21" s="256" t="s">
        <v>19</v>
      </c>
      <c r="C21" s="280">
        <v>0</v>
      </c>
      <c r="D21" s="280">
        <v>0</v>
      </c>
      <c r="E21" s="277">
        <v>0</v>
      </c>
      <c r="F21" s="279">
        <v>0</v>
      </c>
      <c r="G21" s="280">
        <v>8</v>
      </c>
      <c r="H21" s="280">
        <v>54</v>
      </c>
      <c r="I21" s="280">
        <v>0</v>
      </c>
      <c r="J21" s="280">
        <v>0</v>
      </c>
      <c r="K21" s="280">
        <v>0</v>
      </c>
      <c r="L21" s="277">
        <v>62</v>
      </c>
      <c r="M21" s="282">
        <v>62</v>
      </c>
      <c r="N21" s="280">
        <v>0</v>
      </c>
      <c r="O21" s="280">
        <v>0</v>
      </c>
      <c r="P21" s="277">
        <v>0</v>
      </c>
      <c r="Q21" s="279">
        <v>0</v>
      </c>
      <c r="R21" s="280">
        <v>7</v>
      </c>
      <c r="S21" s="280">
        <v>35</v>
      </c>
      <c r="T21" s="280">
        <v>0</v>
      </c>
      <c r="U21" s="280">
        <v>0</v>
      </c>
      <c r="V21" s="280">
        <v>0</v>
      </c>
      <c r="W21" s="277">
        <v>42</v>
      </c>
      <c r="X21" s="282">
        <v>42</v>
      </c>
    </row>
    <row r="22" spans="2:24" ht="21" customHeight="1" x14ac:dyDescent="0.2">
      <c r="B22" s="256" t="s">
        <v>20</v>
      </c>
      <c r="C22" s="280">
        <v>0</v>
      </c>
      <c r="D22" s="280">
        <v>0</v>
      </c>
      <c r="E22" s="277">
        <v>0</v>
      </c>
      <c r="F22" s="279">
        <v>0</v>
      </c>
      <c r="G22" s="280">
        <v>89</v>
      </c>
      <c r="H22" s="280">
        <v>34</v>
      </c>
      <c r="I22" s="280">
        <v>69</v>
      </c>
      <c r="J22" s="280">
        <v>22</v>
      </c>
      <c r="K22" s="280">
        <v>13</v>
      </c>
      <c r="L22" s="277">
        <v>227</v>
      </c>
      <c r="M22" s="282">
        <v>227</v>
      </c>
      <c r="N22" s="280">
        <v>0</v>
      </c>
      <c r="O22" s="280">
        <v>0</v>
      </c>
      <c r="P22" s="277">
        <v>0</v>
      </c>
      <c r="Q22" s="279">
        <v>0</v>
      </c>
      <c r="R22" s="280">
        <v>0</v>
      </c>
      <c r="S22" s="280">
        <v>0</v>
      </c>
      <c r="T22" s="280">
        <v>0</v>
      </c>
      <c r="U22" s="280">
        <v>0</v>
      </c>
      <c r="V22" s="280">
        <v>0</v>
      </c>
      <c r="W22" s="277">
        <v>0</v>
      </c>
      <c r="X22" s="282">
        <v>0</v>
      </c>
    </row>
    <row r="23" spans="2:24" ht="21" customHeight="1" x14ac:dyDescent="0.2">
      <c r="B23" s="256" t="s">
        <v>21</v>
      </c>
      <c r="C23" s="280">
        <v>0</v>
      </c>
      <c r="D23" s="280">
        <v>0</v>
      </c>
      <c r="E23" s="277">
        <v>0</v>
      </c>
      <c r="F23" s="279">
        <v>0</v>
      </c>
      <c r="G23" s="280">
        <v>48</v>
      </c>
      <c r="H23" s="280">
        <v>81</v>
      </c>
      <c r="I23" s="280">
        <v>12</v>
      </c>
      <c r="J23" s="280">
        <v>21</v>
      </c>
      <c r="K23" s="280">
        <v>0</v>
      </c>
      <c r="L23" s="277">
        <v>162</v>
      </c>
      <c r="M23" s="282">
        <v>162</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34</v>
      </c>
      <c r="H24" s="280">
        <v>26</v>
      </c>
      <c r="I24" s="280">
        <v>7</v>
      </c>
      <c r="J24" s="280">
        <v>13</v>
      </c>
      <c r="K24" s="280">
        <v>0</v>
      </c>
      <c r="L24" s="277">
        <v>80</v>
      </c>
      <c r="M24" s="282">
        <v>80</v>
      </c>
      <c r="N24" s="280">
        <v>0</v>
      </c>
      <c r="O24" s="280">
        <v>0</v>
      </c>
      <c r="P24" s="277">
        <v>0</v>
      </c>
      <c r="Q24" s="279">
        <v>0</v>
      </c>
      <c r="R24" s="280">
        <v>0</v>
      </c>
      <c r="S24" s="280">
        <v>0</v>
      </c>
      <c r="T24" s="280">
        <v>0</v>
      </c>
      <c r="U24" s="280">
        <v>12</v>
      </c>
      <c r="V24" s="280">
        <v>0</v>
      </c>
      <c r="W24" s="277">
        <v>12</v>
      </c>
      <c r="X24" s="282">
        <v>12</v>
      </c>
    </row>
    <row r="25" spans="2:24" ht="21" customHeight="1" x14ac:dyDescent="0.2">
      <c r="B25" s="256" t="s">
        <v>23</v>
      </c>
      <c r="C25" s="280">
        <v>0</v>
      </c>
      <c r="D25" s="280">
        <v>0</v>
      </c>
      <c r="E25" s="277">
        <v>0</v>
      </c>
      <c r="F25" s="279">
        <v>0</v>
      </c>
      <c r="G25" s="280">
        <v>45</v>
      </c>
      <c r="H25" s="280">
        <v>7</v>
      </c>
      <c r="I25" s="280">
        <v>0</v>
      </c>
      <c r="J25" s="280">
        <v>5</v>
      </c>
      <c r="K25" s="280">
        <v>0</v>
      </c>
      <c r="L25" s="277">
        <v>57</v>
      </c>
      <c r="M25" s="282">
        <v>57</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8</v>
      </c>
      <c r="H26" s="280">
        <v>11</v>
      </c>
      <c r="I26" s="280">
        <v>32</v>
      </c>
      <c r="J26" s="280">
        <v>0</v>
      </c>
      <c r="K26" s="280">
        <v>0</v>
      </c>
      <c r="L26" s="277">
        <v>51</v>
      </c>
      <c r="M26" s="282">
        <v>51</v>
      </c>
      <c r="N26" s="280">
        <v>0</v>
      </c>
      <c r="O26" s="280">
        <v>0</v>
      </c>
      <c r="P26" s="277">
        <v>0</v>
      </c>
      <c r="Q26" s="279">
        <v>0</v>
      </c>
      <c r="R26" s="280">
        <v>7</v>
      </c>
      <c r="S26" s="280">
        <v>0</v>
      </c>
      <c r="T26" s="280">
        <v>12</v>
      </c>
      <c r="U26" s="280">
        <v>0</v>
      </c>
      <c r="V26" s="280">
        <v>0</v>
      </c>
      <c r="W26" s="277">
        <v>19</v>
      </c>
      <c r="X26" s="282">
        <v>19</v>
      </c>
    </row>
    <row r="27" spans="2:24" ht="21" customHeight="1" x14ac:dyDescent="0.2">
      <c r="B27" s="256" t="s">
        <v>25</v>
      </c>
      <c r="C27" s="280">
        <v>0</v>
      </c>
      <c r="D27" s="280">
        <v>0</v>
      </c>
      <c r="E27" s="277">
        <v>0</v>
      </c>
      <c r="F27" s="279">
        <v>0</v>
      </c>
      <c r="G27" s="280">
        <v>31</v>
      </c>
      <c r="H27" s="280">
        <v>8</v>
      </c>
      <c r="I27" s="280">
        <v>0</v>
      </c>
      <c r="J27" s="280">
        <v>0</v>
      </c>
      <c r="K27" s="280">
        <v>0</v>
      </c>
      <c r="L27" s="277">
        <v>39</v>
      </c>
      <c r="M27" s="282">
        <v>39</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26</v>
      </c>
      <c r="H28" s="280">
        <v>51</v>
      </c>
      <c r="I28" s="280">
        <v>8</v>
      </c>
      <c r="J28" s="280">
        <v>0</v>
      </c>
      <c r="K28" s="280">
        <v>1</v>
      </c>
      <c r="L28" s="277">
        <v>86</v>
      </c>
      <c r="M28" s="282">
        <v>86</v>
      </c>
      <c r="N28" s="280">
        <v>0</v>
      </c>
      <c r="O28" s="280">
        <v>0</v>
      </c>
      <c r="P28" s="277">
        <v>0</v>
      </c>
      <c r="Q28" s="279">
        <v>0</v>
      </c>
      <c r="R28" s="280">
        <v>0</v>
      </c>
      <c r="S28" s="280">
        <v>12</v>
      </c>
      <c r="T28" s="280">
        <v>0</v>
      </c>
      <c r="U28" s="280">
        <v>0</v>
      </c>
      <c r="V28" s="280">
        <v>0</v>
      </c>
      <c r="W28" s="277">
        <v>12</v>
      </c>
      <c r="X28" s="282">
        <v>12</v>
      </c>
    </row>
    <row r="29" spans="2:24" ht="21" customHeight="1" x14ac:dyDescent="0.2">
      <c r="B29" s="256" t="s">
        <v>27</v>
      </c>
      <c r="C29" s="280">
        <v>0</v>
      </c>
      <c r="D29" s="280">
        <v>0</v>
      </c>
      <c r="E29" s="277">
        <v>0</v>
      </c>
      <c r="F29" s="279">
        <v>0</v>
      </c>
      <c r="G29" s="280">
        <v>0</v>
      </c>
      <c r="H29" s="280">
        <v>4</v>
      </c>
      <c r="I29" s="280">
        <v>0</v>
      </c>
      <c r="J29" s="280">
        <v>0</v>
      </c>
      <c r="K29" s="280">
        <v>0</v>
      </c>
      <c r="L29" s="277">
        <v>4</v>
      </c>
      <c r="M29" s="282">
        <v>4</v>
      </c>
      <c r="N29" s="280">
        <v>0</v>
      </c>
      <c r="O29" s="280">
        <v>0</v>
      </c>
      <c r="P29" s="277">
        <v>0</v>
      </c>
      <c r="Q29" s="279">
        <v>0</v>
      </c>
      <c r="R29" s="280">
        <v>13</v>
      </c>
      <c r="S29" s="280">
        <v>0</v>
      </c>
      <c r="T29" s="280">
        <v>4</v>
      </c>
      <c r="U29" s="280">
        <v>20</v>
      </c>
      <c r="V29" s="280">
        <v>0</v>
      </c>
      <c r="W29" s="277">
        <v>37</v>
      </c>
      <c r="X29" s="282">
        <v>37</v>
      </c>
    </row>
    <row r="30" spans="2:24" ht="21" customHeight="1" x14ac:dyDescent="0.2">
      <c r="B30" s="256" t="s">
        <v>28</v>
      </c>
      <c r="C30" s="280">
        <v>0</v>
      </c>
      <c r="D30" s="280">
        <v>0</v>
      </c>
      <c r="E30" s="277">
        <v>0</v>
      </c>
      <c r="F30" s="279">
        <v>0</v>
      </c>
      <c r="G30" s="280">
        <v>27</v>
      </c>
      <c r="H30" s="280">
        <v>1</v>
      </c>
      <c r="I30" s="280">
        <v>0</v>
      </c>
      <c r="J30" s="280">
        <v>0</v>
      </c>
      <c r="K30" s="280">
        <v>0</v>
      </c>
      <c r="L30" s="277">
        <v>28</v>
      </c>
      <c r="M30" s="282">
        <v>28</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15</v>
      </c>
      <c r="H31" s="280">
        <v>8</v>
      </c>
      <c r="I31" s="280">
        <v>0</v>
      </c>
      <c r="J31" s="280">
        <v>0</v>
      </c>
      <c r="K31" s="280">
        <v>0</v>
      </c>
      <c r="L31" s="277">
        <v>23</v>
      </c>
      <c r="M31" s="282">
        <v>23</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8</v>
      </c>
      <c r="H32" s="280">
        <v>0</v>
      </c>
      <c r="I32" s="280">
        <v>17</v>
      </c>
      <c r="J32" s="280">
        <v>0</v>
      </c>
      <c r="K32" s="280">
        <v>0</v>
      </c>
      <c r="L32" s="277">
        <v>25</v>
      </c>
      <c r="M32" s="282">
        <v>25</v>
      </c>
      <c r="N32" s="280">
        <v>4</v>
      </c>
      <c r="O32" s="280">
        <v>0</v>
      </c>
      <c r="P32" s="277">
        <v>4</v>
      </c>
      <c r="Q32" s="279">
        <v>0</v>
      </c>
      <c r="R32" s="280">
        <v>0</v>
      </c>
      <c r="S32" s="280">
        <v>0</v>
      </c>
      <c r="T32" s="280">
        <v>0</v>
      </c>
      <c r="U32" s="280">
        <v>0</v>
      </c>
      <c r="V32" s="280">
        <v>0</v>
      </c>
      <c r="W32" s="277">
        <v>0</v>
      </c>
      <c r="X32" s="282">
        <v>4</v>
      </c>
    </row>
    <row r="33" spans="2:24" ht="21" customHeight="1" x14ac:dyDescent="0.2">
      <c r="B33" s="256" t="s">
        <v>31</v>
      </c>
      <c r="C33" s="280">
        <v>0</v>
      </c>
      <c r="D33" s="280">
        <v>0</v>
      </c>
      <c r="E33" s="277">
        <v>0</v>
      </c>
      <c r="F33" s="279">
        <v>0</v>
      </c>
      <c r="G33" s="280">
        <v>2</v>
      </c>
      <c r="H33" s="280">
        <v>8</v>
      </c>
      <c r="I33" s="280">
        <v>0</v>
      </c>
      <c r="J33" s="280">
        <v>0</v>
      </c>
      <c r="K33" s="280">
        <v>0</v>
      </c>
      <c r="L33" s="277">
        <v>10</v>
      </c>
      <c r="M33" s="282">
        <v>10</v>
      </c>
      <c r="N33" s="280">
        <v>0</v>
      </c>
      <c r="O33" s="280">
        <v>0</v>
      </c>
      <c r="P33" s="277">
        <v>0</v>
      </c>
      <c r="Q33" s="279">
        <v>0</v>
      </c>
      <c r="R33" s="280">
        <v>0</v>
      </c>
      <c r="S33" s="280">
        <v>0</v>
      </c>
      <c r="T33" s="280">
        <v>0</v>
      </c>
      <c r="U33" s="280">
        <v>16</v>
      </c>
      <c r="V33" s="280">
        <v>0</v>
      </c>
      <c r="W33" s="277">
        <v>16</v>
      </c>
      <c r="X33" s="282">
        <v>16</v>
      </c>
    </row>
    <row r="34" spans="2:24" ht="21" customHeight="1" x14ac:dyDescent="0.2">
      <c r="B34" s="256" t="s">
        <v>32</v>
      </c>
      <c r="C34" s="280">
        <v>0</v>
      </c>
      <c r="D34" s="280">
        <v>0</v>
      </c>
      <c r="E34" s="277">
        <v>0</v>
      </c>
      <c r="F34" s="279">
        <v>0</v>
      </c>
      <c r="G34" s="280">
        <v>13</v>
      </c>
      <c r="H34" s="280">
        <v>21</v>
      </c>
      <c r="I34" s="280">
        <v>0</v>
      </c>
      <c r="J34" s="280">
        <v>0</v>
      </c>
      <c r="K34" s="280">
        <v>4</v>
      </c>
      <c r="L34" s="277">
        <v>38</v>
      </c>
      <c r="M34" s="282">
        <v>38</v>
      </c>
      <c r="N34" s="280">
        <v>0</v>
      </c>
      <c r="O34" s="280">
        <v>0</v>
      </c>
      <c r="P34" s="277">
        <v>0</v>
      </c>
      <c r="Q34" s="279">
        <v>0</v>
      </c>
      <c r="R34" s="280">
        <v>0</v>
      </c>
      <c r="S34" s="280">
        <v>0</v>
      </c>
      <c r="T34" s="280">
        <v>0</v>
      </c>
      <c r="U34" s="280">
        <v>0</v>
      </c>
      <c r="V34" s="280">
        <v>0</v>
      </c>
      <c r="W34" s="277">
        <v>0</v>
      </c>
      <c r="X34" s="282">
        <v>0</v>
      </c>
    </row>
    <row r="35" spans="2:24" ht="21" customHeight="1" x14ac:dyDescent="0.2">
      <c r="B35" s="256" t="s">
        <v>33</v>
      </c>
      <c r="C35" s="280">
        <v>0</v>
      </c>
      <c r="D35" s="280">
        <v>0</v>
      </c>
      <c r="E35" s="277">
        <v>0</v>
      </c>
      <c r="F35" s="279">
        <v>0</v>
      </c>
      <c r="G35" s="280">
        <v>5</v>
      </c>
      <c r="H35" s="280">
        <v>0</v>
      </c>
      <c r="I35" s="280">
        <v>0</v>
      </c>
      <c r="J35" s="280">
        <v>0</v>
      </c>
      <c r="K35" s="280">
        <v>0</v>
      </c>
      <c r="L35" s="277">
        <v>5</v>
      </c>
      <c r="M35" s="282">
        <v>5</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12</v>
      </c>
      <c r="H36" s="280">
        <v>12</v>
      </c>
      <c r="I36" s="280">
        <v>0</v>
      </c>
      <c r="J36" s="280">
        <v>0</v>
      </c>
      <c r="K36" s="280">
        <v>0</v>
      </c>
      <c r="L36" s="277">
        <v>24</v>
      </c>
      <c r="M36" s="282">
        <v>24</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26</v>
      </c>
      <c r="H38" s="280">
        <v>4</v>
      </c>
      <c r="I38" s="280">
        <v>9</v>
      </c>
      <c r="J38" s="280">
        <v>0</v>
      </c>
      <c r="K38" s="280">
        <v>0</v>
      </c>
      <c r="L38" s="277">
        <v>39</v>
      </c>
      <c r="M38" s="282">
        <v>39</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0</v>
      </c>
      <c r="L39" s="284">
        <v>0</v>
      </c>
      <c r="M39" s="289">
        <v>0</v>
      </c>
      <c r="N39" s="287">
        <v>0</v>
      </c>
      <c r="O39" s="287">
        <v>0</v>
      </c>
      <c r="P39" s="284">
        <v>0</v>
      </c>
      <c r="Q39" s="286">
        <v>0</v>
      </c>
      <c r="R39" s="287">
        <v>0</v>
      </c>
      <c r="S39" s="287">
        <v>0</v>
      </c>
      <c r="T39" s="287">
        <v>0</v>
      </c>
      <c r="U39" s="287">
        <v>0</v>
      </c>
      <c r="V39" s="287">
        <v>0</v>
      </c>
      <c r="W39" s="284">
        <v>0</v>
      </c>
      <c r="X39" s="289">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2">
        <f>第１表!F2</f>
        <v>5</v>
      </c>
      <c r="I1" s="522"/>
      <c r="J1" s="248">
        <f>第１表!G2</f>
        <v>6</v>
      </c>
      <c r="K1" s="527">
        <f>IF(J1&lt;3,J1+12-2,J1-2)</f>
        <v>4</v>
      </c>
      <c r="L1" s="527"/>
    </row>
    <row r="2" spans="2:24" ht="24" customHeight="1" thickBot="1" x14ac:dyDescent="0.25">
      <c r="B2" s="290" t="s">
        <v>154</v>
      </c>
    </row>
    <row r="3" spans="2:24" ht="21" customHeight="1" x14ac:dyDescent="0.2">
      <c r="B3" s="530"/>
      <c r="C3" s="531" t="s">
        <v>141</v>
      </c>
      <c r="D3" s="531"/>
      <c r="E3" s="531"/>
      <c r="F3" s="531"/>
      <c r="G3" s="531"/>
      <c r="H3" s="531"/>
      <c r="I3" s="531"/>
      <c r="J3" s="531"/>
      <c r="K3" s="531"/>
      <c r="L3" s="531"/>
      <c r="M3" s="563"/>
      <c r="N3" s="531" t="s">
        <v>113</v>
      </c>
      <c r="O3" s="531"/>
      <c r="P3" s="531"/>
      <c r="Q3" s="531"/>
      <c r="R3" s="531"/>
      <c r="S3" s="531"/>
      <c r="T3" s="531"/>
      <c r="U3" s="531"/>
      <c r="V3" s="531"/>
      <c r="W3" s="531"/>
      <c r="X3" s="563"/>
    </row>
    <row r="4" spans="2:24" ht="21" customHeight="1" x14ac:dyDescent="0.2">
      <c r="B4" s="569"/>
      <c r="C4" s="564" t="s">
        <v>61</v>
      </c>
      <c r="D4" s="564"/>
      <c r="E4" s="565"/>
      <c r="F4" s="566" t="s">
        <v>62</v>
      </c>
      <c r="G4" s="564"/>
      <c r="H4" s="564"/>
      <c r="I4" s="564"/>
      <c r="J4" s="564"/>
      <c r="K4" s="564"/>
      <c r="L4" s="567"/>
      <c r="M4" s="568" t="s">
        <v>52</v>
      </c>
      <c r="N4" s="564" t="s">
        <v>61</v>
      </c>
      <c r="O4" s="564"/>
      <c r="P4" s="565"/>
      <c r="Q4" s="566" t="s">
        <v>62</v>
      </c>
      <c r="R4" s="564"/>
      <c r="S4" s="564"/>
      <c r="T4" s="564"/>
      <c r="U4" s="564"/>
      <c r="V4" s="564"/>
      <c r="W4" s="567"/>
      <c r="X4" s="568" t="s">
        <v>52</v>
      </c>
    </row>
    <row r="5" spans="2:24" ht="30" customHeight="1" thickBot="1" x14ac:dyDescent="0.25">
      <c r="B5" s="570"/>
      <c r="C5" s="259" t="s">
        <v>43</v>
      </c>
      <c r="D5" s="259" t="s">
        <v>44</v>
      </c>
      <c r="E5" s="265" t="s">
        <v>45</v>
      </c>
      <c r="F5" s="267" t="s">
        <v>83</v>
      </c>
      <c r="G5" s="259" t="s">
        <v>47</v>
      </c>
      <c r="H5" s="259" t="s">
        <v>48</v>
      </c>
      <c r="I5" s="259" t="s">
        <v>49</v>
      </c>
      <c r="J5" s="259" t="s">
        <v>50</v>
      </c>
      <c r="K5" s="259" t="s">
        <v>51</v>
      </c>
      <c r="L5" s="265" t="s">
        <v>45</v>
      </c>
      <c r="M5" s="529"/>
      <c r="N5" s="259" t="s">
        <v>43</v>
      </c>
      <c r="O5" s="259" t="s">
        <v>44</v>
      </c>
      <c r="P5" s="265" t="s">
        <v>45</v>
      </c>
      <c r="Q5" s="267" t="s">
        <v>83</v>
      </c>
      <c r="R5" s="259" t="s">
        <v>47</v>
      </c>
      <c r="S5" s="259" t="s">
        <v>48</v>
      </c>
      <c r="T5" s="259" t="s">
        <v>49</v>
      </c>
      <c r="U5" s="259" t="s">
        <v>50</v>
      </c>
      <c r="V5" s="259" t="s">
        <v>51</v>
      </c>
      <c r="W5" s="265" t="s">
        <v>45</v>
      </c>
      <c r="X5" s="529"/>
    </row>
    <row r="6" spans="2:24" ht="21" customHeight="1" x14ac:dyDescent="0.2">
      <c r="B6" s="258" t="s">
        <v>4</v>
      </c>
      <c r="C6" s="273">
        <v>0</v>
      </c>
      <c r="D6" s="273">
        <v>0</v>
      </c>
      <c r="E6" s="270">
        <v>0</v>
      </c>
      <c r="F6" s="272">
        <v>0</v>
      </c>
      <c r="G6" s="273">
        <v>5169</v>
      </c>
      <c r="H6" s="273">
        <v>4818</v>
      </c>
      <c r="I6" s="273">
        <v>2733</v>
      </c>
      <c r="J6" s="273">
        <v>1336</v>
      </c>
      <c r="K6" s="273">
        <v>551</v>
      </c>
      <c r="L6" s="270">
        <v>14607</v>
      </c>
      <c r="M6" s="275">
        <v>14607</v>
      </c>
      <c r="N6" s="273">
        <v>2</v>
      </c>
      <c r="O6" s="273">
        <v>0</v>
      </c>
      <c r="P6" s="270">
        <v>2</v>
      </c>
      <c r="Q6" s="272">
        <v>0</v>
      </c>
      <c r="R6" s="273">
        <v>364</v>
      </c>
      <c r="S6" s="273">
        <v>556</v>
      </c>
      <c r="T6" s="273">
        <v>752</v>
      </c>
      <c r="U6" s="273">
        <v>310</v>
      </c>
      <c r="V6" s="273">
        <v>237</v>
      </c>
      <c r="W6" s="270">
        <v>2219</v>
      </c>
      <c r="X6" s="275">
        <v>2221</v>
      </c>
    </row>
    <row r="7" spans="2:24" ht="21" customHeight="1" x14ac:dyDescent="0.2">
      <c r="B7" s="256" t="s">
        <v>5</v>
      </c>
      <c r="C7" s="280">
        <v>0</v>
      </c>
      <c r="D7" s="280">
        <v>0</v>
      </c>
      <c r="E7" s="277">
        <v>0</v>
      </c>
      <c r="F7" s="279">
        <v>0</v>
      </c>
      <c r="G7" s="280">
        <v>1866</v>
      </c>
      <c r="H7" s="280">
        <v>2412</v>
      </c>
      <c r="I7" s="280">
        <v>1392</v>
      </c>
      <c r="J7" s="280">
        <v>644</v>
      </c>
      <c r="K7" s="280">
        <v>281</v>
      </c>
      <c r="L7" s="277">
        <v>6595</v>
      </c>
      <c r="M7" s="282">
        <v>6595</v>
      </c>
      <c r="N7" s="280">
        <v>2</v>
      </c>
      <c r="O7" s="280">
        <v>0</v>
      </c>
      <c r="P7" s="277">
        <v>2</v>
      </c>
      <c r="Q7" s="279">
        <v>0</v>
      </c>
      <c r="R7" s="280">
        <v>181</v>
      </c>
      <c r="S7" s="280">
        <v>331</v>
      </c>
      <c r="T7" s="280">
        <v>351</v>
      </c>
      <c r="U7" s="280">
        <v>204</v>
      </c>
      <c r="V7" s="280">
        <v>148</v>
      </c>
      <c r="W7" s="277">
        <v>1215</v>
      </c>
      <c r="X7" s="282">
        <v>1217</v>
      </c>
    </row>
    <row r="8" spans="2:24" ht="21" customHeight="1" x14ac:dyDescent="0.2">
      <c r="B8" s="256" t="s">
        <v>6</v>
      </c>
      <c r="C8" s="280">
        <v>0</v>
      </c>
      <c r="D8" s="280">
        <v>0</v>
      </c>
      <c r="E8" s="277">
        <v>0</v>
      </c>
      <c r="F8" s="279">
        <v>0</v>
      </c>
      <c r="G8" s="280">
        <v>914</v>
      </c>
      <c r="H8" s="280">
        <v>561</v>
      </c>
      <c r="I8" s="280">
        <v>396</v>
      </c>
      <c r="J8" s="280">
        <v>163</v>
      </c>
      <c r="K8" s="280">
        <v>78</v>
      </c>
      <c r="L8" s="277">
        <v>2112</v>
      </c>
      <c r="M8" s="282">
        <v>2112</v>
      </c>
      <c r="N8" s="280">
        <v>0</v>
      </c>
      <c r="O8" s="280">
        <v>0</v>
      </c>
      <c r="P8" s="277">
        <v>0</v>
      </c>
      <c r="Q8" s="279">
        <v>0</v>
      </c>
      <c r="R8" s="280">
        <v>126</v>
      </c>
      <c r="S8" s="280">
        <v>134</v>
      </c>
      <c r="T8" s="280">
        <v>199</v>
      </c>
      <c r="U8" s="280">
        <v>35</v>
      </c>
      <c r="V8" s="280">
        <v>59</v>
      </c>
      <c r="W8" s="277">
        <v>553</v>
      </c>
      <c r="X8" s="282">
        <v>553</v>
      </c>
    </row>
    <row r="9" spans="2:24" ht="21" customHeight="1" x14ac:dyDescent="0.2">
      <c r="B9" s="256" t="s">
        <v>14</v>
      </c>
      <c r="C9" s="280">
        <v>0</v>
      </c>
      <c r="D9" s="280">
        <v>0</v>
      </c>
      <c r="E9" s="277">
        <v>0</v>
      </c>
      <c r="F9" s="279">
        <v>0</v>
      </c>
      <c r="G9" s="280">
        <v>334</v>
      </c>
      <c r="H9" s="280">
        <v>477</v>
      </c>
      <c r="I9" s="280">
        <v>202</v>
      </c>
      <c r="J9" s="280">
        <v>32</v>
      </c>
      <c r="K9" s="280">
        <v>35</v>
      </c>
      <c r="L9" s="277">
        <v>1080</v>
      </c>
      <c r="M9" s="282">
        <v>1080</v>
      </c>
      <c r="N9" s="280">
        <v>0</v>
      </c>
      <c r="O9" s="280">
        <v>0</v>
      </c>
      <c r="P9" s="277">
        <v>0</v>
      </c>
      <c r="Q9" s="279">
        <v>0</v>
      </c>
      <c r="R9" s="280">
        <v>15</v>
      </c>
      <c r="S9" s="280">
        <v>12</v>
      </c>
      <c r="T9" s="280">
        <v>0</v>
      </c>
      <c r="U9" s="280">
        <v>0</v>
      </c>
      <c r="V9" s="280">
        <v>2</v>
      </c>
      <c r="W9" s="277">
        <v>29</v>
      </c>
      <c r="X9" s="282">
        <v>29</v>
      </c>
    </row>
    <row r="10" spans="2:24" ht="21" customHeight="1" x14ac:dyDescent="0.2">
      <c r="B10" s="256" t="s">
        <v>7</v>
      </c>
      <c r="C10" s="280">
        <v>0</v>
      </c>
      <c r="D10" s="280">
        <v>0</v>
      </c>
      <c r="E10" s="277">
        <v>0</v>
      </c>
      <c r="F10" s="279">
        <v>0</v>
      </c>
      <c r="G10" s="280">
        <v>209</v>
      </c>
      <c r="H10" s="280">
        <v>188</v>
      </c>
      <c r="I10" s="280">
        <v>87</v>
      </c>
      <c r="J10" s="280">
        <v>43</v>
      </c>
      <c r="K10" s="280">
        <v>10</v>
      </c>
      <c r="L10" s="277">
        <v>537</v>
      </c>
      <c r="M10" s="282">
        <v>537</v>
      </c>
      <c r="N10" s="280">
        <v>0</v>
      </c>
      <c r="O10" s="280">
        <v>0</v>
      </c>
      <c r="P10" s="277">
        <v>0</v>
      </c>
      <c r="Q10" s="279">
        <v>0</v>
      </c>
      <c r="R10" s="280">
        <v>21</v>
      </c>
      <c r="S10" s="280">
        <v>27</v>
      </c>
      <c r="T10" s="280">
        <v>57</v>
      </c>
      <c r="U10" s="280">
        <v>41</v>
      </c>
      <c r="V10" s="280">
        <v>0</v>
      </c>
      <c r="W10" s="277">
        <v>146</v>
      </c>
      <c r="X10" s="282">
        <v>146</v>
      </c>
    </row>
    <row r="11" spans="2:24" ht="21" customHeight="1" x14ac:dyDescent="0.2">
      <c r="B11" s="256" t="s">
        <v>8</v>
      </c>
      <c r="C11" s="280">
        <v>0</v>
      </c>
      <c r="D11" s="280">
        <v>0</v>
      </c>
      <c r="E11" s="277">
        <v>0</v>
      </c>
      <c r="F11" s="279">
        <v>0</v>
      </c>
      <c r="G11" s="280">
        <v>247</v>
      </c>
      <c r="H11" s="280">
        <v>141</v>
      </c>
      <c r="I11" s="280">
        <v>39</v>
      </c>
      <c r="J11" s="280">
        <v>58</v>
      </c>
      <c r="K11" s="280">
        <v>0</v>
      </c>
      <c r="L11" s="277">
        <v>485</v>
      </c>
      <c r="M11" s="282">
        <v>485</v>
      </c>
      <c r="N11" s="280">
        <v>0</v>
      </c>
      <c r="O11" s="280">
        <v>0</v>
      </c>
      <c r="P11" s="277">
        <v>0</v>
      </c>
      <c r="Q11" s="279">
        <v>0</v>
      </c>
      <c r="R11" s="280">
        <v>0</v>
      </c>
      <c r="S11" s="280">
        <v>-48</v>
      </c>
      <c r="T11" s="280">
        <v>0</v>
      </c>
      <c r="U11" s="280">
        <v>0</v>
      </c>
      <c r="V11" s="280">
        <v>0</v>
      </c>
      <c r="W11" s="277">
        <v>-48</v>
      </c>
      <c r="X11" s="282">
        <v>-48</v>
      </c>
    </row>
    <row r="12" spans="2:24" ht="21" customHeight="1" x14ac:dyDescent="0.2">
      <c r="B12" s="256" t="s">
        <v>9</v>
      </c>
      <c r="C12" s="280">
        <v>0</v>
      </c>
      <c r="D12" s="280">
        <v>0</v>
      </c>
      <c r="E12" s="277">
        <v>0</v>
      </c>
      <c r="F12" s="279">
        <v>0</v>
      </c>
      <c r="G12" s="280">
        <v>263</v>
      </c>
      <c r="H12" s="280">
        <v>167</v>
      </c>
      <c r="I12" s="280">
        <v>133</v>
      </c>
      <c r="J12" s="280">
        <v>85</v>
      </c>
      <c r="K12" s="280">
        <v>30</v>
      </c>
      <c r="L12" s="277">
        <v>678</v>
      </c>
      <c r="M12" s="282">
        <v>678</v>
      </c>
      <c r="N12" s="280">
        <v>0</v>
      </c>
      <c r="O12" s="280">
        <v>0</v>
      </c>
      <c r="P12" s="277">
        <v>0</v>
      </c>
      <c r="Q12" s="279">
        <v>0</v>
      </c>
      <c r="R12" s="280">
        <v>0</v>
      </c>
      <c r="S12" s="280">
        <v>0</v>
      </c>
      <c r="T12" s="280">
        <v>22</v>
      </c>
      <c r="U12" s="280">
        <v>13</v>
      </c>
      <c r="V12" s="280">
        <v>8</v>
      </c>
      <c r="W12" s="277">
        <v>43</v>
      </c>
      <c r="X12" s="282">
        <v>43</v>
      </c>
    </row>
    <row r="13" spans="2:24" ht="21" customHeight="1" x14ac:dyDescent="0.2">
      <c r="B13" s="256" t="s">
        <v>10</v>
      </c>
      <c r="C13" s="280">
        <v>0</v>
      </c>
      <c r="D13" s="280">
        <v>0</v>
      </c>
      <c r="E13" s="277">
        <v>0</v>
      </c>
      <c r="F13" s="279">
        <v>0</v>
      </c>
      <c r="G13" s="280">
        <v>234</v>
      </c>
      <c r="H13" s="280">
        <v>139</v>
      </c>
      <c r="I13" s="280">
        <v>27</v>
      </c>
      <c r="J13" s="280">
        <v>44</v>
      </c>
      <c r="K13" s="280">
        <v>23</v>
      </c>
      <c r="L13" s="277">
        <v>467</v>
      </c>
      <c r="M13" s="282">
        <v>467</v>
      </c>
      <c r="N13" s="280">
        <v>0</v>
      </c>
      <c r="O13" s="280">
        <v>0</v>
      </c>
      <c r="P13" s="277">
        <v>0</v>
      </c>
      <c r="Q13" s="279">
        <v>0</v>
      </c>
      <c r="R13" s="280">
        <v>0</v>
      </c>
      <c r="S13" s="280">
        <v>38</v>
      </c>
      <c r="T13" s="280">
        <v>43</v>
      </c>
      <c r="U13" s="280">
        <v>0</v>
      </c>
      <c r="V13" s="280">
        <v>0</v>
      </c>
      <c r="W13" s="277">
        <v>81</v>
      </c>
      <c r="X13" s="282">
        <v>81</v>
      </c>
    </row>
    <row r="14" spans="2:24" ht="21" customHeight="1" x14ac:dyDescent="0.2">
      <c r="B14" s="256" t="s">
        <v>11</v>
      </c>
      <c r="C14" s="280">
        <v>0</v>
      </c>
      <c r="D14" s="280">
        <v>0</v>
      </c>
      <c r="E14" s="277">
        <v>0</v>
      </c>
      <c r="F14" s="279">
        <v>0</v>
      </c>
      <c r="G14" s="280">
        <v>185</v>
      </c>
      <c r="H14" s="280">
        <v>82</v>
      </c>
      <c r="I14" s="280">
        <v>65</v>
      </c>
      <c r="J14" s="280">
        <v>16</v>
      </c>
      <c r="K14" s="280">
        <v>8</v>
      </c>
      <c r="L14" s="277">
        <v>356</v>
      </c>
      <c r="M14" s="282">
        <v>356</v>
      </c>
      <c r="N14" s="280">
        <v>0</v>
      </c>
      <c r="O14" s="280">
        <v>0</v>
      </c>
      <c r="P14" s="277">
        <v>0</v>
      </c>
      <c r="Q14" s="279">
        <v>0</v>
      </c>
      <c r="R14" s="280">
        <v>4</v>
      </c>
      <c r="S14" s="280">
        <v>0</v>
      </c>
      <c r="T14" s="280">
        <v>0</v>
      </c>
      <c r="U14" s="280">
        <v>0</v>
      </c>
      <c r="V14" s="280">
        <v>0</v>
      </c>
      <c r="W14" s="277">
        <v>4</v>
      </c>
      <c r="X14" s="282">
        <v>4</v>
      </c>
    </row>
    <row r="15" spans="2:24" ht="21" customHeight="1" x14ac:dyDescent="0.2">
      <c r="B15" s="256" t="s">
        <v>12</v>
      </c>
      <c r="C15" s="280">
        <v>0</v>
      </c>
      <c r="D15" s="280">
        <v>0</v>
      </c>
      <c r="E15" s="277">
        <v>0</v>
      </c>
      <c r="F15" s="279">
        <v>0</v>
      </c>
      <c r="G15" s="280">
        <v>133</v>
      </c>
      <c r="H15" s="280">
        <v>103</v>
      </c>
      <c r="I15" s="280">
        <v>50</v>
      </c>
      <c r="J15" s="280">
        <v>80</v>
      </c>
      <c r="K15" s="280">
        <v>14</v>
      </c>
      <c r="L15" s="277">
        <v>380</v>
      </c>
      <c r="M15" s="282">
        <v>380</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82</v>
      </c>
      <c r="H16" s="280">
        <v>103</v>
      </c>
      <c r="I16" s="280">
        <v>59</v>
      </c>
      <c r="J16" s="280">
        <v>17</v>
      </c>
      <c r="K16" s="280">
        <v>0</v>
      </c>
      <c r="L16" s="277">
        <v>261</v>
      </c>
      <c r="M16" s="282">
        <v>261</v>
      </c>
      <c r="N16" s="280">
        <v>0</v>
      </c>
      <c r="O16" s="280">
        <v>0</v>
      </c>
      <c r="P16" s="277">
        <v>0</v>
      </c>
      <c r="Q16" s="279">
        <v>0</v>
      </c>
      <c r="R16" s="280">
        <v>0</v>
      </c>
      <c r="S16" s="280">
        <v>4</v>
      </c>
      <c r="T16" s="280">
        <v>0</v>
      </c>
      <c r="U16" s="280">
        <v>0</v>
      </c>
      <c r="V16" s="280">
        <v>0</v>
      </c>
      <c r="W16" s="277">
        <v>4</v>
      </c>
      <c r="X16" s="282">
        <v>4</v>
      </c>
    </row>
    <row r="17" spans="2:24" ht="21" customHeight="1" x14ac:dyDescent="0.2">
      <c r="B17" s="256" t="s">
        <v>15</v>
      </c>
      <c r="C17" s="280">
        <v>0</v>
      </c>
      <c r="D17" s="280">
        <v>0</v>
      </c>
      <c r="E17" s="277">
        <v>0</v>
      </c>
      <c r="F17" s="279">
        <v>0</v>
      </c>
      <c r="G17" s="280">
        <v>36</v>
      </c>
      <c r="H17" s="280">
        <v>29</v>
      </c>
      <c r="I17" s="280">
        <v>18</v>
      </c>
      <c r="J17" s="280">
        <v>5</v>
      </c>
      <c r="K17" s="280">
        <v>8</v>
      </c>
      <c r="L17" s="277">
        <v>96</v>
      </c>
      <c r="M17" s="282">
        <v>96</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50</v>
      </c>
      <c r="H18" s="280">
        <v>60</v>
      </c>
      <c r="I18" s="280">
        <v>71</v>
      </c>
      <c r="J18" s="280">
        <v>18</v>
      </c>
      <c r="K18" s="280">
        <v>20</v>
      </c>
      <c r="L18" s="277">
        <v>219</v>
      </c>
      <c r="M18" s="282">
        <v>219</v>
      </c>
      <c r="N18" s="280">
        <v>0</v>
      </c>
      <c r="O18" s="280">
        <v>0</v>
      </c>
      <c r="P18" s="277">
        <v>0</v>
      </c>
      <c r="Q18" s="279">
        <v>0</v>
      </c>
      <c r="R18" s="280">
        <v>0</v>
      </c>
      <c r="S18" s="280">
        <v>25</v>
      </c>
      <c r="T18" s="280">
        <v>0</v>
      </c>
      <c r="U18" s="280">
        <v>0</v>
      </c>
      <c r="V18" s="280">
        <v>0</v>
      </c>
      <c r="W18" s="277">
        <v>25</v>
      </c>
      <c r="X18" s="282">
        <v>25</v>
      </c>
    </row>
    <row r="19" spans="2:24" ht="21" customHeight="1" x14ac:dyDescent="0.2">
      <c r="B19" s="256" t="s">
        <v>17</v>
      </c>
      <c r="C19" s="280">
        <v>0</v>
      </c>
      <c r="D19" s="280">
        <v>0</v>
      </c>
      <c r="E19" s="277">
        <v>0</v>
      </c>
      <c r="F19" s="279">
        <v>0</v>
      </c>
      <c r="G19" s="280">
        <v>103</v>
      </c>
      <c r="H19" s="280">
        <v>125</v>
      </c>
      <c r="I19" s="280">
        <v>40</v>
      </c>
      <c r="J19" s="280">
        <v>65</v>
      </c>
      <c r="K19" s="280">
        <v>9</v>
      </c>
      <c r="L19" s="277">
        <v>342</v>
      </c>
      <c r="M19" s="282">
        <v>342</v>
      </c>
      <c r="N19" s="280">
        <v>0</v>
      </c>
      <c r="O19" s="280">
        <v>0</v>
      </c>
      <c r="P19" s="277">
        <v>0</v>
      </c>
      <c r="Q19" s="279">
        <v>0</v>
      </c>
      <c r="R19" s="280">
        <v>0</v>
      </c>
      <c r="S19" s="280">
        <v>0</v>
      </c>
      <c r="T19" s="280">
        <v>14</v>
      </c>
      <c r="U19" s="280">
        <v>0</v>
      </c>
      <c r="V19" s="280">
        <v>0</v>
      </c>
      <c r="W19" s="277">
        <v>14</v>
      </c>
      <c r="X19" s="282">
        <v>14</v>
      </c>
    </row>
    <row r="20" spans="2:24" ht="21" customHeight="1" x14ac:dyDescent="0.2">
      <c r="B20" s="256" t="s">
        <v>18</v>
      </c>
      <c r="C20" s="280">
        <v>0</v>
      </c>
      <c r="D20" s="280">
        <v>0</v>
      </c>
      <c r="E20" s="277">
        <v>0</v>
      </c>
      <c r="F20" s="279">
        <v>0</v>
      </c>
      <c r="G20" s="280">
        <v>140</v>
      </c>
      <c r="H20" s="280">
        <v>70</v>
      </c>
      <c r="I20" s="280">
        <v>68</v>
      </c>
      <c r="J20" s="280">
        <v>12</v>
      </c>
      <c r="K20" s="280">
        <v>0</v>
      </c>
      <c r="L20" s="277">
        <v>290</v>
      </c>
      <c r="M20" s="282">
        <v>290</v>
      </c>
      <c r="N20" s="280">
        <v>0</v>
      </c>
      <c r="O20" s="280">
        <v>0</v>
      </c>
      <c r="P20" s="277">
        <v>0</v>
      </c>
      <c r="Q20" s="279">
        <v>0</v>
      </c>
      <c r="R20" s="280">
        <v>0</v>
      </c>
      <c r="S20" s="280">
        <v>4</v>
      </c>
      <c r="T20" s="280">
        <v>30</v>
      </c>
      <c r="U20" s="280">
        <v>17</v>
      </c>
      <c r="V20" s="280">
        <v>0</v>
      </c>
      <c r="W20" s="277">
        <v>51</v>
      </c>
      <c r="X20" s="282">
        <v>51</v>
      </c>
    </row>
    <row r="21" spans="2:24" ht="21" customHeight="1" x14ac:dyDescent="0.2">
      <c r="B21" s="256" t="s">
        <v>19</v>
      </c>
      <c r="C21" s="280">
        <v>0</v>
      </c>
      <c r="D21" s="280">
        <v>0</v>
      </c>
      <c r="E21" s="277">
        <v>0</v>
      </c>
      <c r="F21" s="279">
        <v>0</v>
      </c>
      <c r="G21" s="280">
        <v>68</v>
      </c>
      <c r="H21" s="280">
        <v>26</v>
      </c>
      <c r="I21" s="280">
        <v>24</v>
      </c>
      <c r="J21" s="280">
        <v>25</v>
      </c>
      <c r="K21" s="280">
        <v>0</v>
      </c>
      <c r="L21" s="277">
        <v>143</v>
      </c>
      <c r="M21" s="282">
        <v>143</v>
      </c>
      <c r="N21" s="280">
        <v>0</v>
      </c>
      <c r="O21" s="280">
        <v>0</v>
      </c>
      <c r="P21" s="277">
        <v>0</v>
      </c>
      <c r="Q21" s="279">
        <v>0</v>
      </c>
      <c r="R21" s="280">
        <v>4</v>
      </c>
      <c r="S21" s="280">
        <v>25</v>
      </c>
      <c r="T21" s="280">
        <v>0</v>
      </c>
      <c r="U21" s="280">
        <v>0</v>
      </c>
      <c r="V21" s="280">
        <v>0</v>
      </c>
      <c r="W21" s="277">
        <v>29</v>
      </c>
      <c r="X21" s="282">
        <v>29</v>
      </c>
    </row>
    <row r="22" spans="2:24" ht="21" customHeight="1" x14ac:dyDescent="0.2">
      <c r="B22" s="256" t="s">
        <v>20</v>
      </c>
      <c r="C22" s="280">
        <v>0</v>
      </c>
      <c r="D22" s="280">
        <v>0</v>
      </c>
      <c r="E22" s="277">
        <v>0</v>
      </c>
      <c r="F22" s="279">
        <v>0</v>
      </c>
      <c r="G22" s="280">
        <v>30</v>
      </c>
      <c r="H22" s="280">
        <v>44</v>
      </c>
      <c r="I22" s="280">
        <v>0</v>
      </c>
      <c r="J22" s="280">
        <v>0</v>
      </c>
      <c r="K22" s="280">
        <v>0</v>
      </c>
      <c r="L22" s="277">
        <v>74</v>
      </c>
      <c r="M22" s="282">
        <v>74</v>
      </c>
      <c r="N22" s="280">
        <v>0</v>
      </c>
      <c r="O22" s="280">
        <v>0</v>
      </c>
      <c r="P22" s="277">
        <v>0</v>
      </c>
      <c r="Q22" s="279">
        <v>0</v>
      </c>
      <c r="R22" s="280">
        <v>0</v>
      </c>
      <c r="S22" s="280">
        <v>0</v>
      </c>
      <c r="T22" s="280">
        <v>0</v>
      </c>
      <c r="U22" s="280">
        <v>0</v>
      </c>
      <c r="V22" s="280">
        <v>10</v>
      </c>
      <c r="W22" s="277">
        <v>10</v>
      </c>
      <c r="X22" s="282">
        <v>10</v>
      </c>
    </row>
    <row r="23" spans="2:24" ht="21" customHeight="1" x14ac:dyDescent="0.2">
      <c r="B23" s="256" t="s">
        <v>21</v>
      </c>
      <c r="C23" s="280">
        <v>0</v>
      </c>
      <c r="D23" s="280">
        <v>0</v>
      </c>
      <c r="E23" s="277">
        <v>0</v>
      </c>
      <c r="F23" s="279">
        <v>0</v>
      </c>
      <c r="G23" s="280">
        <v>77</v>
      </c>
      <c r="H23" s="280">
        <v>27</v>
      </c>
      <c r="I23" s="280">
        <v>21</v>
      </c>
      <c r="J23" s="280">
        <v>12</v>
      </c>
      <c r="K23" s="280">
        <v>0</v>
      </c>
      <c r="L23" s="277">
        <v>137</v>
      </c>
      <c r="M23" s="282">
        <v>137</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55</v>
      </c>
      <c r="H24" s="280">
        <v>13</v>
      </c>
      <c r="I24" s="280">
        <v>0</v>
      </c>
      <c r="J24" s="280">
        <v>0</v>
      </c>
      <c r="K24" s="280">
        <v>0</v>
      </c>
      <c r="L24" s="277">
        <v>68</v>
      </c>
      <c r="M24" s="282">
        <v>68</v>
      </c>
      <c r="N24" s="280">
        <v>0</v>
      </c>
      <c r="O24" s="280">
        <v>0</v>
      </c>
      <c r="P24" s="277">
        <v>0</v>
      </c>
      <c r="Q24" s="279">
        <v>0</v>
      </c>
      <c r="R24" s="280">
        <v>0</v>
      </c>
      <c r="S24" s="280">
        <v>0</v>
      </c>
      <c r="T24" s="280">
        <v>8</v>
      </c>
      <c r="U24" s="280">
        <v>0</v>
      </c>
      <c r="V24" s="280">
        <v>0</v>
      </c>
      <c r="W24" s="277">
        <v>8</v>
      </c>
      <c r="X24" s="282">
        <v>8</v>
      </c>
    </row>
    <row r="25" spans="2:24" ht="21" customHeight="1" x14ac:dyDescent="0.2">
      <c r="B25" s="256" t="s">
        <v>23</v>
      </c>
      <c r="C25" s="280">
        <v>0</v>
      </c>
      <c r="D25" s="280">
        <v>0</v>
      </c>
      <c r="E25" s="277">
        <v>0</v>
      </c>
      <c r="F25" s="279">
        <v>0</v>
      </c>
      <c r="G25" s="280">
        <v>0</v>
      </c>
      <c r="H25" s="280">
        <v>17</v>
      </c>
      <c r="I25" s="280">
        <v>11</v>
      </c>
      <c r="J25" s="280">
        <v>0</v>
      </c>
      <c r="K25" s="280">
        <v>21</v>
      </c>
      <c r="L25" s="277">
        <v>49</v>
      </c>
      <c r="M25" s="282">
        <v>49</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0</v>
      </c>
      <c r="H26" s="280">
        <v>0</v>
      </c>
      <c r="I26" s="280">
        <v>2</v>
      </c>
      <c r="J26" s="280">
        <v>0</v>
      </c>
      <c r="K26" s="280">
        <v>0</v>
      </c>
      <c r="L26" s="277">
        <v>2</v>
      </c>
      <c r="M26" s="282">
        <v>2</v>
      </c>
      <c r="N26" s="280">
        <v>0</v>
      </c>
      <c r="O26" s="280">
        <v>0</v>
      </c>
      <c r="P26" s="277">
        <v>0</v>
      </c>
      <c r="Q26" s="279">
        <v>0</v>
      </c>
      <c r="R26" s="280">
        <v>0</v>
      </c>
      <c r="S26" s="280">
        <v>0</v>
      </c>
      <c r="T26" s="280">
        <v>9</v>
      </c>
      <c r="U26" s="280">
        <v>0</v>
      </c>
      <c r="V26" s="280">
        <v>10</v>
      </c>
      <c r="W26" s="277">
        <v>19</v>
      </c>
      <c r="X26" s="282">
        <v>19</v>
      </c>
    </row>
    <row r="27" spans="2:24" ht="21" customHeight="1" x14ac:dyDescent="0.2">
      <c r="B27" s="256" t="s">
        <v>25</v>
      </c>
      <c r="C27" s="280">
        <v>0</v>
      </c>
      <c r="D27" s="280">
        <v>0</v>
      </c>
      <c r="E27" s="277">
        <v>0</v>
      </c>
      <c r="F27" s="279">
        <v>0</v>
      </c>
      <c r="G27" s="280">
        <v>27</v>
      </c>
      <c r="H27" s="280">
        <v>4</v>
      </c>
      <c r="I27" s="280">
        <v>0</v>
      </c>
      <c r="J27" s="280">
        <v>0</v>
      </c>
      <c r="K27" s="280">
        <v>0</v>
      </c>
      <c r="L27" s="277">
        <v>31</v>
      </c>
      <c r="M27" s="282">
        <v>31</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24</v>
      </c>
      <c r="H28" s="280">
        <v>12</v>
      </c>
      <c r="I28" s="280">
        <v>4</v>
      </c>
      <c r="J28" s="280">
        <v>0</v>
      </c>
      <c r="K28" s="280">
        <v>0</v>
      </c>
      <c r="L28" s="277">
        <v>40</v>
      </c>
      <c r="M28" s="282">
        <v>40</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10</v>
      </c>
      <c r="H29" s="280">
        <v>8</v>
      </c>
      <c r="I29" s="280">
        <v>0</v>
      </c>
      <c r="J29" s="280">
        <v>0</v>
      </c>
      <c r="K29" s="280">
        <v>0</v>
      </c>
      <c r="L29" s="277">
        <v>18</v>
      </c>
      <c r="M29" s="282">
        <v>18</v>
      </c>
      <c r="N29" s="280">
        <v>0</v>
      </c>
      <c r="O29" s="280">
        <v>0</v>
      </c>
      <c r="P29" s="277">
        <v>0</v>
      </c>
      <c r="Q29" s="279">
        <v>0</v>
      </c>
      <c r="R29" s="280">
        <v>2</v>
      </c>
      <c r="S29" s="280">
        <v>0</v>
      </c>
      <c r="T29" s="280">
        <v>13</v>
      </c>
      <c r="U29" s="280">
        <v>0</v>
      </c>
      <c r="V29" s="280">
        <v>0</v>
      </c>
      <c r="W29" s="277">
        <v>15</v>
      </c>
      <c r="X29" s="282">
        <v>15</v>
      </c>
    </row>
    <row r="30" spans="2:24" ht="21" customHeight="1" x14ac:dyDescent="0.2">
      <c r="B30" s="256" t="s">
        <v>28</v>
      </c>
      <c r="C30" s="280">
        <v>0</v>
      </c>
      <c r="D30" s="280">
        <v>0</v>
      </c>
      <c r="E30" s="277">
        <v>0</v>
      </c>
      <c r="F30" s="279">
        <v>0</v>
      </c>
      <c r="G30" s="280">
        <v>37</v>
      </c>
      <c r="H30" s="280">
        <v>6</v>
      </c>
      <c r="I30" s="280">
        <v>0</v>
      </c>
      <c r="J30" s="280">
        <v>0</v>
      </c>
      <c r="K30" s="280">
        <v>0</v>
      </c>
      <c r="L30" s="277">
        <v>43</v>
      </c>
      <c r="M30" s="282">
        <v>43</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3</v>
      </c>
      <c r="H31" s="280">
        <v>0</v>
      </c>
      <c r="I31" s="280">
        <v>0</v>
      </c>
      <c r="J31" s="280">
        <v>0</v>
      </c>
      <c r="K31" s="280">
        <v>0</v>
      </c>
      <c r="L31" s="277">
        <v>3</v>
      </c>
      <c r="M31" s="282">
        <v>3</v>
      </c>
      <c r="N31" s="280">
        <v>0</v>
      </c>
      <c r="O31" s="280">
        <v>0</v>
      </c>
      <c r="P31" s="277">
        <v>0</v>
      </c>
      <c r="Q31" s="279">
        <v>0</v>
      </c>
      <c r="R31" s="280">
        <v>0</v>
      </c>
      <c r="S31" s="280">
        <v>0</v>
      </c>
      <c r="T31" s="280">
        <v>6</v>
      </c>
      <c r="U31" s="280">
        <v>0</v>
      </c>
      <c r="V31" s="280">
        <v>0</v>
      </c>
      <c r="W31" s="277">
        <v>6</v>
      </c>
      <c r="X31" s="282">
        <v>6</v>
      </c>
    </row>
    <row r="32" spans="2:24" ht="21" customHeight="1" x14ac:dyDescent="0.2">
      <c r="B32" s="256" t="s">
        <v>30</v>
      </c>
      <c r="C32" s="280">
        <v>0</v>
      </c>
      <c r="D32" s="280">
        <v>0</v>
      </c>
      <c r="E32" s="277">
        <v>0</v>
      </c>
      <c r="F32" s="279">
        <v>0</v>
      </c>
      <c r="G32" s="280">
        <v>12</v>
      </c>
      <c r="H32" s="280">
        <v>0</v>
      </c>
      <c r="I32" s="280">
        <v>0</v>
      </c>
      <c r="J32" s="280">
        <v>0</v>
      </c>
      <c r="K32" s="280">
        <v>0</v>
      </c>
      <c r="L32" s="277">
        <v>12</v>
      </c>
      <c r="M32" s="282">
        <v>12</v>
      </c>
      <c r="N32" s="280">
        <v>0</v>
      </c>
      <c r="O32" s="280">
        <v>0</v>
      </c>
      <c r="P32" s="277">
        <v>0</v>
      </c>
      <c r="Q32" s="279">
        <v>0</v>
      </c>
      <c r="R32" s="280">
        <v>0</v>
      </c>
      <c r="S32" s="280">
        <v>4</v>
      </c>
      <c r="T32" s="280">
        <v>0</v>
      </c>
      <c r="U32" s="280">
        <v>0</v>
      </c>
      <c r="V32" s="280">
        <v>0</v>
      </c>
      <c r="W32" s="277">
        <v>4</v>
      </c>
      <c r="X32" s="282">
        <v>4</v>
      </c>
    </row>
    <row r="33" spans="2:24" ht="21" customHeight="1" x14ac:dyDescent="0.2">
      <c r="B33" s="256" t="s">
        <v>31</v>
      </c>
      <c r="C33" s="280">
        <v>0</v>
      </c>
      <c r="D33" s="280">
        <v>0</v>
      </c>
      <c r="E33" s="277">
        <v>0</v>
      </c>
      <c r="F33" s="279">
        <v>0</v>
      </c>
      <c r="G33" s="280">
        <v>7</v>
      </c>
      <c r="H33" s="280">
        <v>1</v>
      </c>
      <c r="I33" s="280">
        <v>8</v>
      </c>
      <c r="J33" s="280">
        <v>0</v>
      </c>
      <c r="K33" s="280">
        <v>0</v>
      </c>
      <c r="L33" s="277">
        <v>16</v>
      </c>
      <c r="M33" s="282">
        <v>16</v>
      </c>
      <c r="N33" s="280">
        <v>0</v>
      </c>
      <c r="O33" s="280">
        <v>0</v>
      </c>
      <c r="P33" s="277">
        <v>0</v>
      </c>
      <c r="Q33" s="279">
        <v>0</v>
      </c>
      <c r="R33" s="280">
        <v>0</v>
      </c>
      <c r="S33" s="280">
        <v>0</v>
      </c>
      <c r="T33" s="280">
        <v>0</v>
      </c>
      <c r="U33" s="280">
        <v>0</v>
      </c>
      <c r="V33" s="280">
        <v>0</v>
      </c>
      <c r="W33" s="277">
        <v>0</v>
      </c>
      <c r="X33" s="282">
        <v>0</v>
      </c>
    </row>
    <row r="34" spans="2:24" ht="21" customHeight="1" x14ac:dyDescent="0.2">
      <c r="B34" s="256" t="s">
        <v>32</v>
      </c>
      <c r="C34" s="280">
        <v>0</v>
      </c>
      <c r="D34" s="280">
        <v>0</v>
      </c>
      <c r="E34" s="277">
        <v>0</v>
      </c>
      <c r="F34" s="279">
        <v>0</v>
      </c>
      <c r="G34" s="280">
        <v>3</v>
      </c>
      <c r="H34" s="280">
        <v>3</v>
      </c>
      <c r="I34" s="280">
        <v>4</v>
      </c>
      <c r="J34" s="280">
        <v>0</v>
      </c>
      <c r="K34" s="280">
        <v>0</v>
      </c>
      <c r="L34" s="277">
        <v>10</v>
      </c>
      <c r="M34" s="282">
        <v>10</v>
      </c>
      <c r="N34" s="280">
        <v>0</v>
      </c>
      <c r="O34" s="280">
        <v>0</v>
      </c>
      <c r="P34" s="277">
        <v>0</v>
      </c>
      <c r="Q34" s="279">
        <v>0</v>
      </c>
      <c r="R34" s="280">
        <v>11</v>
      </c>
      <c r="S34" s="280">
        <v>0</v>
      </c>
      <c r="T34" s="280">
        <v>0</v>
      </c>
      <c r="U34" s="280">
        <v>0</v>
      </c>
      <c r="V34" s="280">
        <v>0</v>
      </c>
      <c r="W34" s="277">
        <v>11</v>
      </c>
      <c r="X34" s="282">
        <v>11</v>
      </c>
    </row>
    <row r="35" spans="2:24" ht="21" customHeight="1" x14ac:dyDescent="0.2">
      <c r="B35" s="256" t="s">
        <v>33</v>
      </c>
      <c r="C35" s="280">
        <v>0</v>
      </c>
      <c r="D35" s="280">
        <v>0</v>
      </c>
      <c r="E35" s="277">
        <v>0</v>
      </c>
      <c r="F35" s="279">
        <v>0</v>
      </c>
      <c r="G35" s="280">
        <v>8</v>
      </c>
      <c r="H35" s="280">
        <v>0</v>
      </c>
      <c r="I35" s="280">
        <v>12</v>
      </c>
      <c r="J35" s="280">
        <v>3</v>
      </c>
      <c r="K35" s="280">
        <v>0</v>
      </c>
      <c r="L35" s="277">
        <v>23</v>
      </c>
      <c r="M35" s="282">
        <v>23</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0</v>
      </c>
      <c r="H36" s="280">
        <v>0</v>
      </c>
      <c r="I36" s="280">
        <v>0</v>
      </c>
      <c r="J36" s="280">
        <v>0</v>
      </c>
      <c r="K36" s="280">
        <v>0</v>
      </c>
      <c r="L36" s="277">
        <v>0</v>
      </c>
      <c r="M36" s="282">
        <v>0</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4</v>
      </c>
      <c r="H37" s="280">
        <v>0</v>
      </c>
      <c r="I37" s="280">
        <v>0</v>
      </c>
      <c r="J37" s="280">
        <v>0</v>
      </c>
      <c r="K37" s="280">
        <v>0</v>
      </c>
      <c r="L37" s="277">
        <v>4</v>
      </c>
      <c r="M37" s="282">
        <v>4</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8</v>
      </c>
      <c r="H38" s="280">
        <v>0</v>
      </c>
      <c r="I38" s="280">
        <v>0</v>
      </c>
      <c r="J38" s="280">
        <v>14</v>
      </c>
      <c r="K38" s="280">
        <v>0</v>
      </c>
      <c r="L38" s="277">
        <v>22</v>
      </c>
      <c r="M38" s="282">
        <v>22</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14</v>
      </c>
      <c r="L39" s="284">
        <v>14</v>
      </c>
      <c r="M39" s="289">
        <v>14</v>
      </c>
      <c r="N39" s="287">
        <v>0</v>
      </c>
      <c r="O39" s="287">
        <v>0</v>
      </c>
      <c r="P39" s="284">
        <v>0</v>
      </c>
      <c r="Q39" s="286">
        <v>0</v>
      </c>
      <c r="R39" s="287">
        <v>0</v>
      </c>
      <c r="S39" s="287">
        <v>0</v>
      </c>
      <c r="T39" s="287">
        <v>0</v>
      </c>
      <c r="U39" s="287">
        <v>0</v>
      </c>
      <c r="V39" s="287">
        <v>0</v>
      </c>
      <c r="W39" s="284">
        <v>0</v>
      </c>
      <c r="X39" s="289">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H1" s="522">
        <f>第１表!F2</f>
        <v>5</v>
      </c>
      <c r="I1" s="522"/>
      <c r="J1" s="248">
        <f>第１表!G2</f>
        <v>6</v>
      </c>
      <c r="K1" s="553">
        <f>IF(J1&lt;3,J1-2+12,J1-2)</f>
        <v>4</v>
      </c>
      <c r="L1" s="553"/>
    </row>
    <row r="2" spans="2:133" ht="24" customHeight="1" thickBot="1" x14ac:dyDescent="0.25"/>
    <row r="3" spans="2:133" ht="21" customHeight="1" thickBot="1" x14ac:dyDescent="0.25">
      <c r="B3" s="571"/>
      <c r="C3" s="574" t="s">
        <v>57</v>
      </c>
      <c r="D3" s="575"/>
      <c r="E3" s="575"/>
      <c r="F3" s="575"/>
      <c r="G3" s="575"/>
      <c r="H3" s="575"/>
      <c r="I3" s="575"/>
      <c r="J3" s="575"/>
      <c r="K3" s="575"/>
      <c r="L3" s="575"/>
      <c r="M3" s="575"/>
      <c r="N3" s="575"/>
      <c r="O3" s="575"/>
      <c r="P3" s="575"/>
      <c r="Q3" s="575"/>
      <c r="R3" s="575"/>
      <c r="S3" s="575"/>
      <c r="T3" s="575"/>
      <c r="U3" s="575"/>
      <c r="V3" s="575"/>
      <c r="W3" s="575"/>
      <c r="X3" s="575"/>
      <c r="Y3" s="575"/>
      <c r="Z3" s="575"/>
      <c r="AA3" s="575"/>
      <c r="AB3" s="575"/>
      <c r="AC3" s="575"/>
      <c r="AD3" s="575"/>
      <c r="AE3" s="575"/>
      <c r="AF3" s="576"/>
      <c r="AG3" s="574" t="s">
        <v>58</v>
      </c>
      <c r="AH3" s="577"/>
      <c r="AI3" s="577"/>
      <c r="AJ3" s="577"/>
      <c r="AK3" s="577"/>
      <c r="AL3" s="577"/>
      <c r="AM3" s="577"/>
      <c r="AN3" s="577"/>
      <c r="AO3" s="577"/>
      <c r="AP3" s="577"/>
      <c r="AQ3" s="577"/>
      <c r="AR3" s="577"/>
      <c r="AS3" s="577"/>
      <c r="AT3" s="577"/>
      <c r="AU3" s="577"/>
      <c r="AV3" s="577"/>
      <c r="AW3" s="577"/>
      <c r="AX3" s="577"/>
      <c r="AY3" s="577"/>
      <c r="AZ3" s="577"/>
      <c r="BA3" s="577"/>
      <c r="BB3" s="577"/>
      <c r="BC3" s="577"/>
      <c r="BD3" s="577"/>
      <c r="BE3" s="577"/>
      <c r="BF3" s="577"/>
      <c r="BG3" s="577"/>
      <c r="BH3" s="577"/>
      <c r="BI3" s="577"/>
      <c r="BJ3" s="578"/>
      <c r="BK3" s="574" t="s">
        <v>59</v>
      </c>
      <c r="BL3" s="575"/>
      <c r="BM3" s="575"/>
      <c r="BN3" s="575"/>
      <c r="BO3" s="575"/>
      <c r="BP3" s="575"/>
      <c r="BQ3" s="575"/>
      <c r="BR3" s="575"/>
      <c r="BS3" s="575"/>
      <c r="BT3" s="575"/>
      <c r="BU3" s="575"/>
      <c r="BV3" s="575"/>
      <c r="BW3" s="575"/>
      <c r="BX3" s="575"/>
      <c r="BY3" s="575"/>
      <c r="BZ3" s="575"/>
      <c r="CA3" s="575"/>
      <c r="CB3" s="575"/>
      <c r="CC3" s="575"/>
      <c r="CD3" s="575"/>
      <c r="CE3" s="575"/>
      <c r="CF3" s="575"/>
      <c r="CG3" s="575"/>
      <c r="CH3" s="575"/>
      <c r="CI3" s="575"/>
      <c r="CJ3" s="575"/>
      <c r="CK3" s="575"/>
      <c r="CL3" s="575"/>
      <c r="CM3" s="575"/>
      <c r="CN3" s="576"/>
      <c r="CO3" s="603" t="s">
        <v>150</v>
      </c>
      <c r="CP3" s="575"/>
      <c r="CQ3" s="575"/>
      <c r="CR3" s="575"/>
      <c r="CS3" s="575"/>
      <c r="CT3" s="575"/>
      <c r="CU3" s="575"/>
      <c r="CV3" s="575"/>
      <c r="CW3" s="575"/>
      <c r="CX3" s="575"/>
      <c r="CY3" s="575"/>
      <c r="CZ3" s="575"/>
      <c r="DA3" s="575"/>
      <c r="DB3" s="575"/>
      <c r="DC3" s="575"/>
      <c r="DD3" s="575"/>
      <c r="DE3" s="575"/>
      <c r="DF3" s="575"/>
      <c r="DG3" s="575"/>
      <c r="DH3" s="575"/>
      <c r="DI3" s="575"/>
      <c r="DJ3" s="575"/>
      <c r="DK3" s="575"/>
      <c r="DL3" s="575"/>
      <c r="DM3" s="575"/>
      <c r="DN3" s="575"/>
      <c r="DO3" s="575"/>
      <c r="DP3" s="575"/>
      <c r="DQ3" s="575"/>
      <c r="DR3" s="576"/>
      <c r="DS3" s="597" t="s">
        <v>60</v>
      </c>
      <c r="DT3" s="502"/>
      <c r="DU3" s="502"/>
      <c r="DV3" s="502"/>
      <c r="DW3" s="502"/>
      <c r="DX3" s="502"/>
      <c r="DY3" s="502"/>
      <c r="DZ3" s="502"/>
      <c r="EA3" s="502"/>
      <c r="EB3" s="503"/>
    </row>
    <row r="4" spans="2:133" ht="21" customHeight="1" thickBot="1" x14ac:dyDescent="0.25">
      <c r="B4" s="572"/>
      <c r="C4" s="598"/>
      <c r="D4" s="591"/>
      <c r="E4" s="591"/>
      <c r="F4" s="591"/>
      <c r="G4" s="591"/>
      <c r="H4" s="591"/>
      <c r="I4" s="591"/>
      <c r="J4" s="591"/>
      <c r="K4" s="591"/>
      <c r="L4" s="591"/>
      <c r="M4" s="600" t="s">
        <v>39</v>
      </c>
      <c r="N4" s="601"/>
      <c r="O4" s="601"/>
      <c r="P4" s="601"/>
      <c r="Q4" s="601"/>
      <c r="R4" s="601"/>
      <c r="S4" s="601"/>
      <c r="T4" s="601"/>
      <c r="U4" s="601"/>
      <c r="V4" s="602"/>
      <c r="W4" s="600" t="s">
        <v>40</v>
      </c>
      <c r="X4" s="601"/>
      <c r="Y4" s="601"/>
      <c r="Z4" s="601"/>
      <c r="AA4" s="601"/>
      <c r="AB4" s="601"/>
      <c r="AC4" s="601"/>
      <c r="AD4" s="601"/>
      <c r="AE4" s="601"/>
      <c r="AF4" s="602"/>
      <c r="AG4" s="598"/>
      <c r="AH4" s="591"/>
      <c r="AI4" s="591"/>
      <c r="AJ4" s="591"/>
      <c r="AK4" s="591"/>
      <c r="AL4" s="591"/>
      <c r="AM4" s="591"/>
      <c r="AN4" s="591"/>
      <c r="AO4" s="591"/>
      <c r="AP4" s="591"/>
      <c r="AQ4" s="600" t="s">
        <v>39</v>
      </c>
      <c r="AR4" s="601"/>
      <c r="AS4" s="601"/>
      <c r="AT4" s="601"/>
      <c r="AU4" s="601"/>
      <c r="AV4" s="601"/>
      <c r="AW4" s="601"/>
      <c r="AX4" s="601"/>
      <c r="AY4" s="601"/>
      <c r="AZ4" s="602"/>
      <c r="BA4" s="600" t="s">
        <v>40</v>
      </c>
      <c r="BB4" s="601"/>
      <c r="BC4" s="601"/>
      <c r="BD4" s="601"/>
      <c r="BE4" s="601"/>
      <c r="BF4" s="601"/>
      <c r="BG4" s="601"/>
      <c r="BH4" s="601"/>
      <c r="BI4" s="601"/>
      <c r="BJ4" s="602"/>
      <c r="BK4" s="598"/>
      <c r="BL4" s="591"/>
      <c r="BM4" s="591"/>
      <c r="BN4" s="591"/>
      <c r="BO4" s="591"/>
      <c r="BP4" s="591"/>
      <c r="BQ4" s="591"/>
      <c r="BR4" s="591"/>
      <c r="BS4" s="591"/>
      <c r="BT4" s="591"/>
      <c r="BU4" s="600" t="s">
        <v>39</v>
      </c>
      <c r="BV4" s="601"/>
      <c r="BW4" s="601"/>
      <c r="BX4" s="601"/>
      <c r="BY4" s="601"/>
      <c r="BZ4" s="601"/>
      <c r="CA4" s="601"/>
      <c r="CB4" s="601"/>
      <c r="CC4" s="601"/>
      <c r="CD4" s="602"/>
      <c r="CE4" s="600" t="s">
        <v>40</v>
      </c>
      <c r="CF4" s="601"/>
      <c r="CG4" s="601"/>
      <c r="CH4" s="601"/>
      <c r="CI4" s="601"/>
      <c r="CJ4" s="601"/>
      <c r="CK4" s="601"/>
      <c r="CL4" s="601"/>
      <c r="CM4" s="601"/>
      <c r="CN4" s="602"/>
      <c r="CO4" s="598"/>
      <c r="CP4" s="591"/>
      <c r="CQ4" s="591"/>
      <c r="CR4" s="591"/>
      <c r="CS4" s="591"/>
      <c r="CT4" s="591"/>
      <c r="CU4" s="591"/>
      <c r="CV4" s="591"/>
      <c r="CW4" s="591"/>
      <c r="CX4" s="591"/>
      <c r="CY4" s="600" t="s">
        <v>39</v>
      </c>
      <c r="CZ4" s="601"/>
      <c r="DA4" s="601"/>
      <c r="DB4" s="601"/>
      <c r="DC4" s="601"/>
      <c r="DD4" s="601"/>
      <c r="DE4" s="601"/>
      <c r="DF4" s="601"/>
      <c r="DG4" s="601"/>
      <c r="DH4" s="602"/>
      <c r="DI4" s="600" t="s">
        <v>40</v>
      </c>
      <c r="DJ4" s="601"/>
      <c r="DK4" s="601"/>
      <c r="DL4" s="601"/>
      <c r="DM4" s="601"/>
      <c r="DN4" s="601"/>
      <c r="DO4" s="601"/>
      <c r="DP4" s="601"/>
      <c r="DQ4" s="601"/>
      <c r="DR4" s="602"/>
      <c r="DS4" s="598"/>
      <c r="DT4" s="591"/>
      <c r="DU4" s="591"/>
      <c r="DV4" s="591"/>
      <c r="DW4" s="591"/>
      <c r="DX4" s="591"/>
      <c r="DY4" s="591"/>
      <c r="DZ4" s="591"/>
      <c r="EA4" s="591"/>
      <c r="EB4" s="599"/>
    </row>
    <row r="5" spans="2:133" ht="21" customHeight="1" x14ac:dyDescent="0.2">
      <c r="B5" s="573"/>
      <c r="C5" s="579" t="s">
        <v>61</v>
      </c>
      <c r="D5" s="580"/>
      <c r="E5" s="581"/>
      <c r="F5" s="582" t="s">
        <v>62</v>
      </c>
      <c r="G5" s="583"/>
      <c r="H5" s="583"/>
      <c r="I5" s="583"/>
      <c r="J5" s="583"/>
      <c r="K5" s="584"/>
      <c r="L5" s="595" t="s">
        <v>52</v>
      </c>
      <c r="M5" s="587" t="s">
        <v>61</v>
      </c>
      <c r="N5" s="588"/>
      <c r="O5" s="589"/>
      <c r="P5" s="590" t="s">
        <v>62</v>
      </c>
      <c r="Q5" s="591"/>
      <c r="R5" s="591"/>
      <c r="S5" s="591"/>
      <c r="T5" s="591"/>
      <c r="U5" s="592"/>
      <c r="V5" s="596" t="s">
        <v>52</v>
      </c>
      <c r="W5" s="604" t="s">
        <v>61</v>
      </c>
      <c r="X5" s="588"/>
      <c r="Y5" s="589"/>
      <c r="Z5" s="590" t="s">
        <v>62</v>
      </c>
      <c r="AA5" s="591"/>
      <c r="AB5" s="591"/>
      <c r="AC5" s="591"/>
      <c r="AD5" s="591"/>
      <c r="AE5" s="592"/>
      <c r="AF5" s="596" t="s">
        <v>52</v>
      </c>
      <c r="AG5" s="579" t="s">
        <v>61</v>
      </c>
      <c r="AH5" s="580"/>
      <c r="AI5" s="581"/>
      <c r="AJ5" s="582" t="s">
        <v>62</v>
      </c>
      <c r="AK5" s="583"/>
      <c r="AL5" s="583"/>
      <c r="AM5" s="583"/>
      <c r="AN5" s="583"/>
      <c r="AO5" s="584"/>
      <c r="AP5" s="585" t="s">
        <v>52</v>
      </c>
      <c r="AQ5" s="587" t="s">
        <v>61</v>
      </c>
      <c r="AR5" s="588"/>
      <c r="AS5" s="589"/>
      <c r="AT5" s="590" t="s">
        <v>62</v>
      </c>
      <c r="AU5" s="591"/>
      <c r="AV5" s="591"/>
      <c r="AW5" s="591"/>
      <c r="AX5" s="591"/>
      <c r="AY5" s="592"/>
      <c r="AZ5" s="593" t="s">
        <v>52</v>
      </c>
      <c r="BA5" s="587" t="s">
        <v>61</v>
      </c>
      <c r="BB5" s="588"/>
      <c r="BC5" s="589"/>
      <c r="BD5" s="590" t="s">
        <v>62</v>
      </c>
      <c r="BE5" s="591"/>
      <c r="BF5" s="591"/>
      <c r="BG5" s="591"/>
      <c r="BH5" s="591"/>
      <c r="BI5" s="592"/>
      <c r="BJ5" s="596" t="s">
        <v>52</v>
      </c>
      <c r="BK5" s="579" t="s">
        <v>61</v>
      </c>
      <c r="BL5" s="580"/>
      <c r="BM5" s="581"/>
      <c r="BN5" s="582" t="s">
        <v>62</v>
      </c>
      <c r="BO5" s="583"/>
      <c r="BP5" s="583"/>
      <c r="BQ5" s="583"/>
      <c r="BR5" s="583"/>
      <c r="BS5" s="584"/>
      <c r="BT5" s="595" t="s">
        <v>52</v>
      </c>
      <c r="BU5" s="587" t="s">
        <v>61</v>
      </c>
      <c r="BV5" s="588"/>
      <c r="BW5" s="589"/>
      <c r="BX5" s="590" t="s">
        <v>62</v>
      </c>
      <c r="BY5" s="591"/>
      <c r="BZ5" s="591"/>
      <c r="CA5" s="591"/>
      <c r="CB5" s="591"/>
      <c r="CC5" s="592"/>
      <c r="CD5" s="596" t="s">
        <v>52</v>
      </c>
      <c r="CE5" s="604" t="s">
        <v>61</v>
      </c>
      <c r="CF5" s="588"/>
      <c r="CG5" s="589"/>
      <c r="CH5" s="590" t="s">
        <v>62</v>
      </c>
      <c r="CI5" s="591"/>
      <c r="CJ5" s="591"/>
      <c r="CK5" s="591"/>
      <c r="CL5" s="591"/>
      <c r="CM5" s="592"/>
      <c r="CN5" s="596" t="s">
        <v>52</v>
      </c>
      <c r="CO5" s="579" t="s">
        <v>61</v>
      </c>
      <c r="CP5" s="580"/>
      <c r="CQ5" s="581"/>
      <c r="CR5" s="582" t="s">
        <v>62</v>
      </c>
      <c r="CS5" s="583"/>
      <c r="CT5" s="583"/>
      <c r="CU5" s="583"/>
      <c r="CV5" s="583"/>
      <c r="CW5" s="584"/>
      <c r="CX5" s="595" t="s">
        <v>52</v>
      </c>
      <c r="CY5" s="587" t="s">
        <v>61</v>
      </c>
      <c r="CZ5" s="588"/>
      <c r="DA5" s="589"/>
      <c r="DB5" s="590" t="s">
        <v>62</v>
      </c>
      <c r="DC5" s="591"/>
      <c r="DD5" s="591"/>
      <c r="DE5" s="591"/>
      <c r="DF5" s="591"/>
      <c r="DG5" s="592"/>
      <c r="DH5" s="596" t="s">
        <v>52</v>
      </c>
      <c r="DI5" s="604" t="s">
        <v>61</v>
      </c>
      <c r="DJ5" s="588"/>
      <c r="DK5" s="589"/>
      <c r="DL5" s="590" t="s">
        <v>62</v>
      </c>
      <c r="DM5" s="591"/>
      <c r="DN5" s="591"/>
      <c r="DO5" s="591"/>
      <c r="DP5" s="591"/>
      <c r="DQ5" s="592"/>
      <c r="DR5" s="596" t="s">
        <v>52</v>
      </c>
      <c r="DS5" s="579" t="s">
        <v>61</v>
      </c>
      <c r="DT5" s="580"/>
      <c r="DU5" s="581"/>
      <c r="DV5" s="582" t="s">
        <v>62</v>
      </c>
      <c r="DW5" s="583"/>
      <c r="DX5" s="583"/>
      <c r="DY5" s="583"/>
      <c r="DZ5" s="583"/>
      <c r="EA5" s="584"/>
      <c r="EB5" s="585" t="s">
        <v>52</v>
      </c>
    </row>
    <row r="6" spans="2:133" ht="30" customHeight="1" thickBot="1" x14ac:dyDescent="0.25">
      <c r="B6" s="311" t="s">
        <v>42</v>
      </c>
      <c r="C6" s="31" t="s">
        <v>43</v>
      </c>
      <c r="D6" s="32" t="s">
        <v>44</v>
      </c>
      <c r="E6" s="32" t="s">
        <v>45</v>
      </c>
      <c r="F6" s="33" t="s">
        <v>47</v>
      </c>
      <c r="G6" s="34" t="s">
        <v>48</v>
      </c>
      <c r="H6" s="34" t="s">
        <v>49</v>
      </c>
      <c r="I6" s="35" t="s">
        <v>50</v>
      </c>
      <c r="J6" s="32" t="s">
        <v>51</v>
      </c>
      <c r="K6" s="36" t="s">
        <v>95</v>
      </c>
      <c r="L6" s="594"/>
      <c r="M6" s="31" t="s">
        <v>43</v>
      </c>
      <c r="N6" s="32" t="s">
        <v>44</v>
      </c>
      <c r="O6" s="36" t="s">
        <v>45</v>
      </c>
      <c r="P6" s="33" t="s">
        <v>47</v>
      </c>
      <c r="Q6" s="34" t="s">
        <v>48</v>
      </c>
      <c r="R6" s="34" t="s">
        <v>49</v>
      </c>
      <c r="S6" s="35" t="s">
        <v>50</v>
      </c>
      <c r="T6" s="32" t="s">
        <v>51</v>
      </c>
      <c r="U6" s="36" t="s">
        <v>45</v>
      </c>
      <c r="V6" s="586"/>
      <c r="W6" s="15" t="s">
        <v>43</v>
      </c>
      <c r="X6" s="32" t="s">
        <v>44</v>
      </c>
      <c r="Y6" s="36" t="s">
        <v>45</v>
      </c>
      <c r="Z6" s="15" t="s">
        <v>47</v>
      </c>
      <c r="AA6" s="34" t="s">
        <v>48</v>
      </c>
      <c r="AB6" s="34" t="s">
        <v>49</v>
      </c>
      <c r="AC6" s="35" t="s">
        <v>50</v>
      </c>
      <c r="AD6" s="32" t="s">
        <v>51</v>
      </c>
      <c r="AE6" s="36" t="s">
        <v>45</v>
      </c>
      <c r="AF6" s="586"/>
      <c r="AG6" s="31" t="s">
        <v>43</v>
      </c>
      <c r="AH6" s="32" t="s">
        <v>44</v>
      </c>
      <c r="AI6" s="36" t="s">
        <v>45</v>
      </c>
      <c r="AJ6" s="15" t="s">
        <v>47</v>
      </c>
      <c r="AK6" s="34" t="s">
        <v>48</v>
      </c>
      <c r="AL6" s="34" t="s">
        <v>49</v>
      </c>
      <c r="AM6" s="35" t="s">
        <v>50</v>
      </c>
      <c r="AN6" s="32" t="s">
        <v>51</v>
      </c>
      <c r="AO6" s="36" t="s">
        <v>45</v>
      </c>
      <c r="AP6" s="586"/>
      <c r="AQ6" s="31" t="s">
        <v>43</v>
      </c>
      <c r="AR6" s="32" t="s">
        <v>44</v>
      </c>
      <c r="AS6" s="36" t="s">
        <v>45</v>
      </c>
      <c r="AT6" s="33" t="s">
        <v>47</v>
      </c>
      <c r="AU6" s="34" t="s">
        <v>48</v>
      </c>
      <c r="AV6" s="34" t="s">
        <v>49</v>
      </c>
      <c r="AW6" s="35" t="s">
        <v>50</v>
      </c>
      <c r="AX6" s="32" t="s">
        <v>51</v>
      </c>
      <c r="AY6" s="36" t="s">
        <v>45</v>
      </c>
      <c r="AZ6" s="594"/>
      <c r="BA6" s="31" t="s">
        <v>43</v>
      </c>
      <c r="BB6" s="32" t="s">
        <v>44</v>
      </c>
      <c r="BC6" s="32" t="s">
        <v>45</v>
      </c>
      <c r="BD6" s="33" t="s">
        <v>47</v>
      </c>
      <c r="BE6" s="34" t="s">
        <v>48</v>
      </c>
      <c r="BF6" s="34" t="s">
        <v>49</v>
      </c>
      <c r="BG6" s="35" t="s">
        <v>50</v>
      </c>
      <c r="BH6" s="32" t="s">
        <v>51</v>
      </c>
      <c r="BI6" s="36" t="s">
        <v>45</v>
      </c>
      <c r="BJ6" s="586"/>
      <c r="BK6" s="31" t="s">
        <v>43</v>
      </c>
      <c r="BL6" s="32" t="s">
        <v>44</v>
      </c>
      <c r="BM6" s="32" t="s">
        <v>45</v>
      </c>
      <c r="BN6" s="33" t="s">
        <v>47</v>
      </c>
      <c r="BO6" s="34" t="s">
        <v>48</v>
      </c>
      <c r="BP6" s="34" t="s">
        <v>49</v>
      </c>
      <c r="BQ6" s="35" t="s">
        <v>50</v>
      </c>
      <c r="BR6" s="32" t="s">
        <v>51</v>
      </c>
      <c r="BS6" s="36" t="s">
        <v>45</v>
      </c>
      <c r="BT6" s="594"/>
      <c r="BU6" s="31" t="s">
        <v>43</v>
      </c>
      <c r="BV6" s="32" t="s">
        <v>44</v>
      </c>
      <c r="BW6" s="32" t="s">
        <v>45</v>
      </c>
      <c r="BX6" s="33" t="s">
        <v>47</v>
      </c>
      <c r="BY6" s="34" t="s">
        <v>48</v>
      </c>
      <c r="BZ6" s="34" t="s">
        <v>49</v>
      </c>
      <c r="CA6" s="35" t="s">
        <v>50</v>
      </c>
      <c r="CB6" s="32" t="s">
        <v>51</v>
      </c>
      <c r="CC6" s="36" t="s">
        <v>45</v>
      </c>
      <c r="CD6" s="586"/>
      <c r="CE6" s="15" t="s">
        <v>43</v>
      </c>
      <c r="CF6" s="32" t="s">
        <v>44</v>
      </c>
      <c r="CG6" s="32" t="s">
        <v>45</v>
      </c>
      <c r="CH6" s="33" t="s">
        <v>47</v>
      </c>
      <c r="CI6" s="34" t="s">
        <v>48</v>
      </c>
      <c r="CJ6" s="34" t="s">
        <v>49</v>
      </c>
      <c r="CK6" s="35" t="s">
        <v>50</v>
      </c>
      <c r="CL6" s="32" t="s">
        <v>51</v>
      </c>
      <c r="CM6" s="36" t="s">
        <v>45</v>
      </c>
      <c r="CN6" s="586"/>
      <c r="CO6" s="31" t="s">
        <v>43</v>
      </c>
      <c r="CP6" s="32" t="s">
        <v>44</v>
      </c>
      <c r="CQ6" s="32" t="s">
        <v>45</v>
      </c>
      <c r="CR6" s="33" t="s">
        <v>47</v>
      </c>
      <c r="CS6" s="34" t="s">
        <v>48</v>
      </c>
      <c r="CT6" s="34" t="s">
        <v>49</v>
      </c>
      <c r="CU6" s="35" t="s">
        <v>50</v>
      </c>
      <c r="CV6" s="32" t="s">
        <v>51</v>
      </c>
      <c r="CW6" s="36" t="s">
        <v>45</v>
      </c>
      <c r="CX6" s="594"/>
      <c r="CY6" s="31" t="s">
        <v>43</v>
      </c>
      <c r="CZ6" s="32" t="s">
        <v>44</v>
      </c>
      <c r="DA6" s="32" t="s">
        <v>45</v>
      </c>
      <c r="DB6" s="33" t="s">
        <v>47</v>
      </c>
      <c r="DC6" s="34" t="s">
        <v>48</v>
      </c>
      <c r="DD6" s="34" t="s">
        <v>49</v>
      </c>
      <c r="DE6" s="35" t="s">
        <v>50</v>
      </c>
      <c r="DF6" s="32" t="s">
        <v>51</v>
      </c>
      <c r="DG6" s="36" t="s">
        <v>45</v>
      </c>
      <c r="DH6" s="586"/>
      <c r="DI6" s="15" t="s">
        <v>43</v>
      </c>
      <c r="DJ6" s="32" t="s">
        <v>44</v>
      </c>
      <c r="DK6" s="32" t="s">
        <v>45</v>
      </c>
      <c r="DL6" s="33" t="s">
        <v>47</v>
      </c>
      <c r="DM6" s="34" t="s">
        <v>48</v>
      </c>
      <c r="DN6" s="34" t="s">
        <v>49</v>
      </c>
      <c r="DO6" s="35" t="s">
        <v>50</v>
      </c>
      <c r="DP6" s="32" t="s">
        <v>51</v>
      </c>
      <c r="DQ6" s="36" t="s">
        <v>45</v>
      </c>
      <c r="DR6" s="586"/>
      <c r="DS6" s="31" t="s">
        <v>43</v>
      </c>
      <c r="DT6" s="32" t="s">
        <v>44</v>
      </c>
      <c r="DU6" s="32" t="s">
        <v>45</v>
      </c>
      <c r="DV6" s="33" t="s">
        <v>47</v>
      </c>
      <c r="DW6" s="34" t="s">
        <v>48</v>
      </c>
      <c r="DX6" s="34" t="s">
        <v>49</v>
      </c>
      <c r="DY6" s="35" t="s">
        <v>50</v>
      </c>
      <c r="DZ6" s="32" t="s">
        <v>51</v>
      </c>
      <c r="EA6" s="36" t="s">
        <v>45</v>
      </c>
      <c r="EB6" s="586"/>
    </row>
    <row r="7" spans="2:133" ht="21" customHeight="1" x14ac:dyDescent="0.2">
      <c r="B7" s="310" t="s">
        <v>4</v>
      </c>
      <c r="C7" s="185">
        <v>0</v>
      </c>
      <c r="D7" s="186">
        <v>0</v>
      </c>
      <c r="E7" s="186">
        <v>0</v>
      </c>
      <c r="F7" s="187">
        <v>437</v>
      </c>
      <c r="G7" s="188">
        <v>1503</v>
      </c>
      <c r="H7" s="188">
        <v>9816</v>
      </c>
      <c r="I7" s="188">
        <v>14827</v>
      </c>
      <c r="J7" s="186">
        <v>10401</v>
      </c>
      <c r="K7" s="189">
        <v>36984</v>
      </c>
      <c r="L7" s="190">
        <v>36984</v>
      </c>
      <c r="M7" s="185">
        <v>0</v>
      </c>
      <c r="N7" s="186">
        <v>0</v>
      </c>
      <c r="O7" s="189">
        <v>0</v>
      </c>
      <c r="P7" s="187">
        <v>433</v>
      </c>
      <c r="Q7" s="188">
        <v>1491</v>
      </c>
      <c r="R7" s="188">
        <v>9750</v>
      </c>
      <c r="S7" s="188">
        <v>14693</v>
      </c>
      <c r="T7" s="186">
        <v>10248</v>
      </c>
      <c r="U7" s="189">
        <v>36615</v>
      </c>
      <c r="V7" s="191">
        <v>36615</v>
      </c>
      <c r="W7" s="192">
        <v>0</v>
      </c>
      <c r="X7" s="186">
        <v>0</v>
      </c>
      <c r="Y7" s="189">
        <v>0</v>
      </c>
      <c r="Z7" s="192">
        <v>4</v>
      </c>
      <c r="AA7" s="188">
        <v>12</v>
      </c>
      <c r="AB7" s="188">
        <v>66</v>
      </c>
      <c r="AC7" s="188">
        <v>134</v>
      </c>
      <c r="AD7" s="186">
        <v>153</v>
      </c>
      <c r="AE7" s="189">
        <v>369</v>
      </c>
      <c r="AF7" s="193">
        <v>369</v>
      </c>
      <c r="AG7" s="192">
        <v>0</v>
      </c>
      <c r="AH7" s="186">
        <v>0</v>
      </c>
      <c r="AI7" s="189">
        <v>0</v>
      </c>
      <c r="AJ7" s="192">
        <v>1674</v>
      </c>
      <c r="AK7" s="188">
        <v>3373</v>
      </c>
      <c r="AL7" s="188">
        <v>4702</v>
      </c>
      <c r="AM7" s="188">
        <v>5651</v>
      </c>
      <c r="AN7" s="186">
        <v>2979</v>
      </c>
      <c r="AO7" s="189">
        <v>18379</v>
      </c>
      <c r="AP7" s="193">
        <v>18379</v>
      </c>
      <c r="AQ7" s="192">
        <v>0</v>
      </c>
      <c r="AR7" s="186">
        <v>0</v>
      </c>
      <c r="AS7" s="189">
        <v>0</v>
      </c>
      <c r="AT7" s="187">
        <v>1648</v>
      </c>
      <c r="AU7" s="188">
        <v>3341</v>
      </c>
      <c r="AV7" s="188">
        <v>4617</v>
      </c>
      <c r="AW7" s="188">
        <v>5536</v>
      </c>
      <c r="AX7" s="186">
        <v>2904</v>
      </c>
      <c r="AY7" s="189">
        <v>18046</v>
      </c>
      <c r="AZ7" s="190">
        <v>18046</v>
      </c>
      <c r="BA7" s="185">
        <v>0</v>
      </c>
      <c r="BB7" s="186">
        <v>0</v>
      </c>
      <c r="BC7" s="186">
        <v>0</v>
      </c>
      <c r="BD7" s="187">
        <v>26</v>
      </c>
      <c r="BE7" s="188">
        <v>32</v>
      </c>
      <c r="BF7" s="188">
        <v>85</v>
      </c>
      <c r="BG7" s="188">
        <v>115</v>
      </c>
      <c r="BH7" s="186">
        <v>75</v>
      </c>
      <c r="BI7" s="189">
        <v>333</v>
      </c>
      <c r="BJ7" s="191">
        <v>333</v>
      </c>
      <c r="BK7" s="192">
        <v>0</v>
      </c>
      <c r="BL7" s="186">
        <v>0</v>
      </c>
      <c r="BM7" s="186">
        <v>0</v>
      </c>
      <c r="BN7" s="187">
        <v>0</v>
      </c>
      <c r="BO7" s="188">
        <v>3</v>
      </c>
      <c r="BP7" s="188">
        <v>10</v>
      </c>
      <c r="BQ7" s="188">
        <v>118</v>
      </c>
      <c r="BR7" s="186">
        <v>156</v>
      </c>
      <c r="BS7" s="189">
        <v>287</v>
      </c>
      <c r="BT7" s="190">
        <v>287</v>
      </c>
      <c r="BU7" s="185">
        <v>0</v>
      </c>
      <c r="BV7" s="186">
        <v>0</v>
      </c>
      <c r="BW7" s="186">
        <v>0</v>
      </c>
      <c r="BX7" s="187">
        <v>0</v>
      </c>
      <c r="BY7" s="188">
        <v>3</v>
      </c>
      <c r="BZ7" s="188">
        <v>10</v>
      </c>
      <c r="CA7" s="188">
        <v>117</v>
      </c>
      <c r="CB7" s="186">
        <v>154</v>
      </c>
      <c r="CC7" s="189">
        <v>284</v>
      </c>
      <c r="CD7" s="191">
        <v>284</v>
      </c>
      <c r="CE7" s="192">
        <v>0</v>
      </c>
      <c r="CF7" s="186">
        <v>0</v>
      </c>
      <c r="CG7" s="186">
        <v>0</v>
      </c>
      <c r="CH7" s="187">
        <v>0</v>
      </c>
      <c r="CI7" s="188">
        <v>0</v>
      </c>
      <c r="CJ7" s="188">
        <v>0</v>
      </c>
      <c r="CK7" s="188">
        <v>1</v>
      </c>
      <c r="CL7" s="186">
        <v>2</v>
      </c>
      <c r="CM7" s="189">
        <v>3</v>
      </c>
      <c r="CN7" s="191">
        <v>3</v>
      </c>
      <c r="CO7" s="192">
        <v>0</v>
      </c>
      <c r="CP7" s="186">
        <v>0</v>
      </c>
      <c r="CQ7" s="186">
        <v>0</v>
      </c>
      <c r="CR7" s="187">
        <v>13</v>
      </c>
      <c r="CS7" s="188">
        <v>29</v>
      </c>
      <c r="CT7" s="188">
        <v>65</v>
      </c>
      <c r="CU7" s="188">
        <v>320</v>
      </c>
      <c r="CV7" s="186">
        <v>461</v>
      </c>
      <c r="CW7" s="189">
        <v>888</v>
      </c>
      <c r="CX7" s="190">
        <v>888</v>
      </c>
      <c r="CY7" s="185">
        <v>0</v>
      </c>
      <c r="CZ7" s="186">
        <v>0</v>
      </c>
      <c r="DA7" s="186">
        <v>0</v>
      </c>
      <c r="DB7" s="187">
        <v>12</v>
      </c>
      <c r="DC7" s="188">
        <v>28</v>
      </c>
      <c r="DD7" s="188">
        <v>65</v>
      </c>
      <c r="DE7" s="188">
        <v>314</v>
      </c>
      <c r="DF7" s="186">
        <v>442</v>
      </c>
      <c r="DG7" s="189">
        <v>861</v>
      </c>
      <c r="DH7" s="191">
        <v>861</v>
      </c>
      <c r="DI7" s="192">
        <v>0</v>
      </c>
      <c r="DJ7" s="186">
        <v>0</v>
      </c>
      <c r="DK7" s="186">
        <v>0</v>
      </c>
      <c r="DL7" s="187">
        <v>1</v>
      </c>
      <c r="DM7" s="188">
        <v>1</v>
      </c>
      <c r="DN7" s="188">
        <v>0</v>
      </c>
      <c r="DO7" s="188">
        <v>6</v>
      </c>
      <c r="DP7" s="186">
        <v>19</v>
      </c>
      <c r="DQ7" s="189">
        <v>27</v>
      </c>
      <c r="DR7" s="191">
        <v>27</v>
      </c>
      <c r="DS7" s="192">
        <v>0</v>
      </c>
      <c r="DT7" s="186">
        <v>0</v>
      </c>
      <c r="DU7" s="186">
        <v>0</v>
      </c>
      <c r="DV7" s="187">
        <v>2123</v>
      </c>
      <c r="DW7" s="188">
        <v>4907</v>
      </c>
      <c r="DX7" s="188">
        <v>14570</v>
      </c>
      <c r="DY7" s="188">
        <v>20865</v>
      </c>
      <c r="DZ7" s="186">
        <v>13988</v>
      </c>
      <c r="EA7" s="189">
        <v>56453</v>
      </c>
      <c r="EB7" s="191">
        <v>56453</v>
      </c>
      <c r="EC7" s="37"/>
    </row>
    <row r="8" spans="2:133" ht="21" customHeight="1" x14ac:dyDescent="0.2">
      <c r="B8" s="62" t="s">
        <v>5</v>
      </c>
      <c r="C8" s="194">
        <v>0</v>
      </c>
      <c r="D8" s="195">
        <v>0</v>
      </c>
      <c r="E8" s="195">
        <v>0</v>
      </c>
      <c r="F8" s="196">
        <v>247</v>
      </c>
      <c r="G8" s="197">
        <v>960</v>
      </c>
      <c r="H8" s="197">
        <v>4233</v>
      </c>
      <c r="I8" s="197">
        <v>6119</v>
      </c>
      <c r="J8" s="195">
        <v>4470</v>
      </c>
      <c r="K8" s="198">
        <v>16029</v>
      </c>
      <c r="L8" s="199">
        <v>16029</v>
      </c>
      <c r="M8" s="194">
        <v>0</v>
      </c>
      <c r="N8" s="195">
        <v>0</v>
      </c>
      <c r="O8" s="198">
        <v>0</v>
      </c>
      <c r="P8" s="196">
        <v>245</v>
      </c>
      <c r="Q8" s="197">
        <v>952</v>
      </c>
      <c r="R8" s="197">
        <v>4204</v>
      </c>
      <c r="S8" s="197">
        <v>6058</v>
      </c>
      <c r="T8" s="195">
        <v>4390</v>
      </c>
      <c r="U8" s="198">
        <v>15849</v>
      </c>
      <c r="V8" s="200">
        <v>15849</v>
      </c>
      <c r="W8" s="201">
        <v>0</v>
      </c>
      <c r="X8" s="195">
        <v>0</v>
      </c>
      <c r="Y8" s="198">
        <v>0</v>
      </c>
      <c r="Z8" s="201">
        <v>2</v>
      </c>
      <c r="AA8" s="197">
        <v>8</v>
      </c>
      <c r="AB8" s="197">
        <v>29</v>
      </c>
      <c r="AC8" s="197">
        <v>61</v>
      </c>
      <c r="AD8" s="195">
        <v>80</v>
      </c>
      <c r="AE8" s="198">
        <v>180</v>
      </c>
      <c r="AF8" s="202">
        <v>180</v>
      </c>
      <c r="AG8" s="201">
        <v>0</v>
      </c>
      <c r="AH8" s="195">
        <v>0</v>
      </c>
      <c r="AI8" s="198">
        <v>0</v>
      </c>
      <c r="AJ8" s="201">
        <v>618</v>
      </c>
      <c r="AK8" s="197">
        <v>1495</v>
      </c>
      <c r="AL8" s="197">
        <v>1988</v>
      </c>
      <c r="AM8" s="197">
        <v>2520</v>
      </c>
      <c r="AN8" s="195">
        <v>1437</v>
      </c>
      <c r="AO8" s="198">
        <v>8058</v>
      </c>
      <c r="AP8" s="202">
        <v>8058</v>
      </c>
      <c r="AQ8" s="201">
        <v>0</v>
      </c>
      <c r="AR8" s="195">
        <v>0</v>
      </c>
      <c r="AS8" s="198">
        <v>0</v>
      </c>
      <c r="AT8" s="196">
        <v>615</v>
      </c>
      <c r="AU8" s="197">
        <v>1478</v>
      </c>
      <c r="AV8" s="197">
        <v>1956</v>
      </c>
      <c r="AW8" s="197">
        <v>2473</v>
      </c>
      <c r="AX8" s="195">
        <v>1406</v>
      </c>
      <c r="AY8" s="198">
        <v>7928</v>
      </c>
      <c r="AZ8" s="199">
        <v>7928</v>
      </c>
      <c r="BA8" s="194">
        <v>0</v>
      </c>
      <c r="BB8" s="195">
        <v>0</v>
      </c>
      <c r="BC8" s="195">
        <v>0</v>
      </c>
      <c r="BD8" s="196">
        <v>3</v>
      </c>
      <c r="BE8" s="197">
        <v>17</v>
      </c>
      <c r="BF8" s="197">
        <v>32</v>
      </c>
      <c r="BG8" s="197">
        <v>47</v>
      </c>
      <c r="BH8" s="195">
        <v>31</v>
      </c>
      <c r="BI8" s="198">
        <v>130</v>
      </c>
      <c r="BJ8" s="200">
        <v>130</v>
      </c>
      <c r="BK8" s="201">
        <v>0</v>
      </c>
      <c r="BL8" s="195">
        <v>0</v>
      </c>
      <c r="BM8" s="195">
        <v>0</v>
      </c>
      <c r="BN8" s="196">
        <v>0</v>
      </c>
      <c r="BO8" s="197">
        <v>0</v>
      </c>
      <c r="BP8" s="197">
        <v>3</v>
      </c>
      <c r="BQ8" s="197">
        <v>38</v>
      </c>
      <c r="BR8" s="195">
        <v>51</v>
      </c>
      <c r="BS8" s="198">
        <v>92</v>
      </c>
      <c r="BT8" s="199">
        <v>92</v>
      </c>
      <c r="BU8" s="194">
        <v>0</v>
      </c>
      <c r="BV8" s="195">
        <v>0</v>
      </c>
      <c r="BW8" s="195">
        <v>0</v>
      </c>
      <c r="BX8" s="196">
        <v>0</v>
      </c>
      <c r="BY8" s="197">
        <v>0</v>
      </c>
      <c r="BZ8" s="197">
        <v>3</v>
      </c>
      <c r="CA8" s="197">
        <v>38</v>
      </c>
      <c r="CB8" s="195">
        <v>51</v>
      </c>
      <c r="CC8" s="198">
        <v>92</v>
      </c>
      <c r="CD8" s="200">
        <v>92</v>
      </c>
      <c r="CE8" s="201">
        <v>0</v>
      </c>
      <c r="CF8" s="195">
        <v>0</v>
      </c>
      <c r="CG8" s="195">
        <v>0</v>
      </c>
      <c r="CH8" s="196">
        <v>0</v>
      </c>
      <c r="CI8" s="197">
        <v>0</v>
      </c>
      <c r="CJ8" s="197">
        <v>0</v>
      </c>
      <c r="CK8" s="197">
        <v>0</v>
      </c>
      <c r="CL8" s="195">
        <v>0</v>
      </c>
      <c r="CM8" s="198">
        <v>0</v>
      </c>
      <c r="CN8" s="200">
        <v>0</v>
      </c>
      <c r="CO8" s="201">
        <v>0</v>
      </c>
      <c r="CP8" s="195">
        <v>0</v>
      </c>
      <c r="CQ8" s="195">
        <v>0</v>
      </c>
      <c r="CR8" s="196">
        <v>1</v>
      </c>
      <c r="CS8" s="197">
        <v>6</v>
      </c>
      <c r="CT8" s="197">
        <v>15</v>
      </c>
      <c r="CU8" s="197">
        <v>84</v>
      </c>
      <c r="CV8" s="195">
        <v>110</v>
      </c>
      <c r="CW8" s="198">
        <v>216</v>
      </c>
      <c r="CX8" s="199">
        <v>216</v>
      </c>
      <c r="CY8" s="194">
        <v>0</v>
      </c>
      <c r="CZ8" s="195">
        <v>0</v>
      </c>
      <c r="DA8" s="195">
        <v>0</v>
      </c>
      <c r="DB8" s="196">
        <v>1</v>
      </c>
      <c r="DC8" s="197">
        <v>6</v>
      </c>
      <c r="DD8" s="197">
        <v>15</v>
      </c>
      <c r="DE8" s="197">
        <v>82</v>
      </c>
      <c r="DF8" s="195">
        <v>109</v>
      </c>
      <c r="DG8" s="198">
        <v>213</v>
      </c>
      <c r="DH8" s="200">
        <v>213</v>
      </c>
      <c r="DI8" s="201">
        <v>0</v>
      </c>
      <c r="DJ8" s="195">
        <v>0</v>
      </c>
      <c r="DK8" s="195">
        <v>0</v>
      </c>
      <c r="DL8" s="196">
        <v>0</v>
      </c>
      <c r="DM8" s="197">
        <v>0</v>
      </c>
      <c r="DN8" s="197">
        <v>0</v>
      </c>
      <c r="DO8" s="197">
        <v>2</v>
      </c>
      <c r="DP8" s="195">
        <v>1</v>
      </c>
      <c r="DQ8" s="198">
        <v>3</v>
      </c>
      <c r="DR8" s="200">
        <v>3</v>
      </c>
      <c r="DS8" s="201">
        <v>0</v>
      </c>
      <c r="DT8" s="195">
        <v>0</v>
      </c>
      <c r="DU8" s="195">
        <v>0</v>
      </c>
      <c r="DV8" s="196">
        <v>866</v>
      </c>
      <c r="DW8" s="197">
        <v>2461</v>
      </c>
      <c r="DX8" s="197">
        <v>6239</v>
      </c>
      <c r="DY8" s="197">
        <v>8761</v>
      </c>
      <c r="DZ8" s="195">
        <v>6068</v>
      </c>
      <c r="EA8" s="198">
        <v>24395</v>
      </c>
      <c r="EB8" s="200">
        <v>24395</v>
      </c>
      <c r="EC8" s="37"/>
    </row>
    <row r="9" spans="2:133" ht="21" customHeight="1" x14ac:dyDescent="0.2">
      <c r="B9" s="62" t="s">
        <v>6</v>
      </c>
      <c r="C9" s="194">
        <v>0</v>
      </c>
      <c r="D9" s="195">
        <v>0</v>
      </c>
      <c r="E9" s="195">
        <v>0</v>
      </c>
      <c r="F9" s="196">
        <v>73</v>
      </c>
      <c r="G9" s="197">
        <v>179</v>
      </c>
      <c r="H9" s="197">
        <v>1268</v>
      </c>
      <c r="I9" s="197">
        <v>1845</v>
      </c>
      <c r="J9" s="195">
        <v>1332</v>
      </c>
      <c r="K9" s="198">
        <v>4697</v>
      </c>
      <c r="L9" s="199">
        <v>4697</v>
      </c>
      <c r="M9" s="194">
        <v>0</v>
      </c>
      <c r="N9" s="195">
        <v>0</v>
      </c>
      <c r="O9" s="198">
        <v>0</v>
      </c>
      <c r="P9" s="196">
        <v>73</v>
      </c>
      <c r="Q9" s="197">
        <v>179</v>
      </c>
      <c r="R9" s="197">
        <v>1256</v>
      </c>
      <c r="S9" s="197">
        <v>1826</v>
      </c>
      <c r="T9" s="195">
        <v>1317</v>
      </c>
      <c r="U9" s="198">
        <v>4651</v>
      </c>
      <c r="V9" s="200">
        <v>4651</v>
      </c>
      <c r="W9" s="201">
        <v>0</v>
      </c>
      <c r="X9" s="195">
        <v>0</v>
      </c>
      <c r="Y9" s="198">
        <v>0</v>
      </c>
      <c r="Z9" s="201">
        <v>0</v>
      </c>
      <c r="AA9" s="197">
        <v>0</v>
      </c>
      <c r="AB9" s="197">
        <v>12</v>
      </c>
      <c r="AC9" s="197">
        <v>19</v>
      </c>
      <c r="AD9" s="195">
        <v>15</v>
      </c>
      <c r="AE9" s="198">
        <v>46</v>
      </c>
      <c r="AF9" s="202">
        <v>46</v>
      </c>
      <c r="AG9" s="201">
        <v>0</v>
      </c>
      <c r="AH9" s="195">
        <v>0</v>
      </c>
      <c r="AI9" s="198">
        <v>0</v>
      </c>
      <c r="AJ9" s="201">
        <v>206</v>
      </c>
      <c r="AK9" s="197">
        <v>315</v>
      </c>
      <c r="AL9" s="197">
        <v>469</v>
      </c>
      <c r="AM9" s="197">
        <v>686</v>
      </c>
      <c r="AN9" s="195">
        <v>332</v>
      </c>
      <c r="AO9" s="198">
        <v>2008</v>
      </c>
      <c r="AP9" s="202">
        <v>2008</v>
      </c>
      <c r="AQ9" s="201">
        <v>0</v>
      </c>
      <c r="AR9" s="195">
        <v>0</v>
      </c>
      <c r="AS9" s="198">
        <v>0</v>
      </c>
      <c r="AT9" s="196">
        <v>199</v>
      </c>
      <c r="AU9" s="197">
        <v>313</v>
      </c>
      <c r="AV9" s="197">
        <v>457</v>
      </c>
      <c r="AW9" s="197">
        <v>667</v>
      </c>
      <c r="AX9" s="195">
        <v>319</v>
      </c>
      <c r="AY9" s="198">
        <v>1955</v>
      </c>
      <c r="AZ9" s="199">
        <v>1955</v>
      </c>
      <c r="BA9" s="194">
        <v>0</v>
      </c>
      <c r="BB9" s="195">
        <v>0</v>
      </c>
      <c r="BC9" s="195">
        <v>0</v>
      </c>
      <c r="BD9" s="196">
        <v>7</v>
      </c>
      <c r="BE9" s="197">
        <v>2</v>
      </c>
      <c r="BF9" s="197">
        <v>12</v>
      </c>
      <c r="BG9" s="197">
        <v>19</v>
      </c>
      <c r="BH9" s="195">
        <v>13</v>
      </c>
      <c r="BI9" s="198">
        <v>53</v>
      </c>
      <c r="BJ9" s="200">
        <v>53</v>
      </c>
      <c r="BK9" s="201">
        <v>0</v>
      </c>
      <c r="BL9" s="195">
        <v>0</v>
      </c>
      <c r="BM9" s="195">
        <v>0</v>
      </c>
      <c r="BN9" s="196">
        <v>0</v>
      </c>
      <c r="BO9" s="197">
        <v>2</v>
      </c>
      <c r="BP9" s="197">
        <v>5</v>
      </c>
      <c r="BQ9" s="197">
        <v>44</v>
      </c>
      <c r="BR9" s="195">
        <v>63</v>
      </c>
      <c r="BS9" s="198">
        <v>114</v>
      </c>
      <c r="BT9" s="199">
        <v>114</v>
      </c>
      <c r="BU9" s="194">
        <v>0</v>
      </c>
      <c r="BV9" s="195">
        <v>0</v>
      </c>
      <c r="BW9" s="195">
        <v>0</v>
      </c>
      <c r="BX9" s="196">
        <v>0</v>
      </c>
      <c r="BY9" s="197">
        <v>2</v>
      </c>
      <c r="BZ9" s="197">
        <v>5</v>
      </c>
      <c r="CA9" s="197">
        <v>43</v>
      </c>
      <c r="CB9" s="195">
        <v>61</v>
      </c>
      <c r="CC9" s="198">
        <v>111</v>
      </c>
      <c r="CD9" s="200">
        <v>111</v>
      </c>
      <c r="CE9" s="201">
        <v>0</v>
      </c>
      <c r="CF9" s="195">
        <v>0</v>
      </c>
      <c r="CG9" s="195">
        <v>0</v>
      </c>
      <c r="CH9" s="196">
        <v>0</v>
      </c>
      <c r="CI9" s="197">
        <v>0</v>
      </c>
      <c r="CJ9" s="197">
        <v>0</v>
      </c>
      <c r="CK9" s="197">
        <v>1</v>
      </c>
      <c r="CL9" s="195">
        <v>2</v>
      </c>
      <c r="CM9" s="198">
        <v>3</v>
      </c>
      <c r="CN9" s="200">
        <v>3</v>
      </c>
      <c r="CO9" s="201">
        <v>0</v>
      </c>
      <c r="CP9" s="195">
        <v>0</v>
      </c>
      <c r="CQ9" s="195">
        <v>0</v>
      </c>
      <c r="CR9" s="196">
        <v>1</v>
      </c>
      <c r="CS9" s="197">
        <v>1</v>
      </c>
      <c r="CT9" s="197">
        <v>3</v>
      </c>
      <c r="CU9" s="197">
        <v>42</v>
      </c>
      <c r="CV9" s="195">
        <v>63</v>
      </c>
      <c r="CW9" s="198">
        <v>110</v>
      </c>
      <c r="CX9" s="199">
        <v>110</v>
      </c>
      <c r="CY9" s="194">
        <v>0</v>
      </c>
      <c r="CZ9" s="195">
        <v>0</v>
      </c>
      <c r="DA9" s="195">
        <v>0</v>
      </c>
      <c r="DB9" s="196">
        <v>1</v>
      </c>
      <c r="DC9" s="197">
        <v>1</v>
      </c>
      <c r="DD9" s="197">
        <v>3</v>
      </c>
      <c r="DE9" s="197">
        <v>41</v>
      </c>
      <c r="DF9" s="195">
        <v>61</v>
      </c>
      <c r="DG9" s="198">
        <v>107</v>
      </c>
      <c r="DH9" s="200">
        <v>107</v>
      </c>
      <c r="DI9" s="201">
        <v>0</v>
      </c>
      <c r="DJ9" s="195">
        <v>0</v>
      </c>
      <c r="DK9" s="195">
        <v>0</v>
      </c>
      <c r="DL9" s="196">
        <v>0</v>
      </c>
      <c r="DM9" s="197">
        <v>0</v>
      </c>
      <c r="DN9" s="197">
        <v>0</v>
      </c>
      <c r="DO9" s="197">
        <v>1</v>
      </c>
      <c r="DP9" s="195">
        <v>2</v>
      </c>
      <c r="DQ9" s="198">
        <v>3</v>
      </c>
      <c r="DR9" s="200">
        <v>3</v>
      </c>
      <c r="DS9" s="201">
        <v>0</v>
      </c>
      <c r="DT9" s="195">
        <v>0</v>
      </c>
      <c r="DU9" s="195">
        <v>0</v>
      </c>
      <c r="DV9" s="196">
        <v>280</v>
      </c>
      <c r="DW9" s="197">
        <v>497</v>
      </c>
      <c r="DX9" s="197">
        <v>1745</v>
      </c>
      <c r="DY9" s="197">
        <v>2617</v>
      </c>
      <c r="DZ9" s="195">
        <v>1790</v>
      </c>
      <c r="EA9" s="198">
        <v>6929</v>
      </c>
      <c r="EB9" s="200">
        <v>6929</v>
      </c>
      <c r="EC9" s="37"/>
    </row>
    <row r="10" spans="2:133" ht="21" customHeight="1" x14ac:dyDescent="0.2">
      <c r="B10" s="62" t="s">
        <v>14</v>
      </c>
      <c r="C10" s="194">
        <v>0</v>
      </c>
      <c r="D10" s="195">
        <v>0</v>
      </c>
      <c r="E10" s="195">
        <v>0</v>
      </c>
      <c r="F10" s="196">
        <v>9</v>
      </c>
      <c r="G10" s="197">
        <v>43</v>
      </c>
      <c r="H10" s="197">
        <v>823</v>
      </c>
      <c r="I10" s="197">
        <v>1306</v>
      </c>
      <c r="J10" s="195">
        <v>794</v>
      </c>
      <c r="K10" s="198">
        <v>2975</v>
      </c>
      <c r="L10" s="199">
        <v>2975</v>
      </c>
      <c r="M10" s="194">
        <v>0</v>
      </c>
      <c r="N10" s="195">
        <v>0</v>
      </c>
      <c r="O10" s="198">
        <v>0</v>
      </c>
      <c r="P10" s="196">
        <v>9</v>
      </c>
      <c r="Q10" s="197">
        <v>43</v>
      </c>
      <c r="R10" s="197">
        <v>818</v>
      </c>
      <c r="S10" s="197">
        <v>1296</v>
      </c>
      <c r="T10" s="195">
        <v>784</v>
      </c>
      <c r="U10" s="198">
        <v>2950</v>
      </c>
      <c r="V10" s="200">
        <v>2950</v>
      </c>
      <c r="W10" s="201">
        <v>0</v>
      </c>
      <c r="X10" s="195">
        <v>0</v>
      </c>
      <c r="Y10" s="198">
        <v>0</v>
      </c>
      <c r="Z10" s="201">
        <v>0</v>
      </c>
      <c r="AA10" s="197">
        <v>0</v>
      </c>
      <c r="AB10" s="197">
        <v>5</v>
      </c>
      <c r="AC10" s="197">
        <v>10</v>
      </c>
      <c r="AD10" s="195">
        <v>10</v>
      </c>
      <c r="AE10" s="198">
        <v>25</v>
      </c>
      <c r="AF10" s="202">
        <v>25</v>
      </c>
      <c r="AG10" s="201">
        <v>0</v>
      </c>
      <c r="AH10" s="195">
        <v>0</v>
      </c>
      <c r="AI10" s="198">
        <v>0</v>
      </c>
      <c r="AJ10" s="201">
        <v>73</v>
      </c>
      <c r="AK10" s="197">
        <v>195</v>
      </c>
      <c r="AL10" s="197">
        <v>296</v>
      </c>
      <c r="AM10" s="197">
        <v>386</v>
      </c>
      <c r="AN10" s="195">
        <v>187</v>
      </c>
      <c r="AO10" s="198">
        <v>1137</v>
      </c>
      <c r="AP10" s="202">
        <v>1137</v>
      </c>
      <c r="AQ10" s="201">
        <v>0</v>
      </c>
      <c r="AR10" s="195">
        <v>0</v>
      </c>
      <c r="AS10" s="198">
        <v>0</v>
      </c>
      <c r="AT10" s="196">
        <v>70</v>
      </c>
      <c r="AU10" s="197">
        <v>194</v>
      </c>
      <c r="AV10" s="197">
        <v>289</v>
      </c>
      <c r="AW10" s="197">
        <v>379</v>
      </c>
      <c r="AX10" s="195">
        <v>181</v>
      </c>
      <c r="AY10" s="198">
        <v>1113</v>
      </c>
      <c r="AZ10" s="199">
        <v>1113</v>
      </c>
      <c r="BA10" s="194">
        <v>0</v>
      </c>
      <c r="BB10" s="195">
        <v>0</v>
      </c>
      <c r="BC10" s="195">
        <v>0</v>
      </c>
      <c r="BD10" s="196">
        <v>3</v>
      </c>
      <c r="BE10" s="197">
        <v>1</v>
      </c>
      <c r="BF10" s="197">
        <v>7</v>
      </c>
      <c r="BG10" s="197">
        <v>7</v>
      </c>
      <c r="BH10" s="195">
        <v>6</v>
      </c>
      <c r="BI10" s="198">
        <v>24</v>
      </c>
      <c r="BJ10" s="200">
        <v>24</v>
      </c>
      <c r="BK10" s="201">
        <v>0</v>
      </c>
      <c r="BL10" s="195">
        <v>0</v>
      </c>
      <c r="BM10" s="195">
        <v>0</v>
      </c>
      <c r="BN10" s="196">
        <v>0</v>
      </c>
      <c r="BO10" s="197">
        <v>1</v>
      </c>
      <c r="BP10" s="197">
        <v>1</v>
      </c>
      <c r="BQ10" s="197">
        <v>26</v>
      </c>
      <c r="BR10" s="195">
        <v>21</v>
      </c>
      <c r="BS10" s="198">
        <v>49</v>
      </c>
      <c r="BT10" s="199">
        <v>49</v>
      </c>
      <c r="BU10" s="194">
        <v>0</v>
      </c>
      <c r="BV10" s="195">
        <v>0</v>
      </c>
      <c r="BW10" s="195">
        <v>0</v>
      </c>
      <c r="BX10" s="196">
        <v>0</v>
      </c>
      <c r="BY10" s="197">
        <v>1</v>
      </c>
      <c r="BZ10" s="197">
        <v>1</v>
      </c>
      <c r="CA10" s="197">
        <v>26</v>
      </c>
      <c r="CB10" s="195">
        <v>21</v>
      </c>
      <c r="CC10" s="198">
        <v>49</v>
      </c>
      <c r="CD10" s="200">
        <v>49</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8</v>
      </c>
      <c r="CU10" s="197">
        <v>71</v>
      </c>
      <c r="CV10" s="195">
        <v>82</v>
      </c>
      <c r="CW10" s="198">
        <v>161</v>
      </c>
      <c r="CX10" s="199">
        <v>161</v>
      </c>
      <c r="CY10" s="194">
        <v>0</v>
      </c>
      <c r="CZ10" s="195">
        <v>0</v>
      </c>
      <c r="DA10" s="195">
        <v>0</v>
      </c>
      <c r="DB10" s="196">
        <v>0</v>
      </c>
      <c r="DC10" s="197">
        <v>0</v>
      </c>
      <c r="DD10" s="197">
        <v>8</v>
      </c>
      <c r="DE10" s="197">
        <v>71</v>
      </c>
      <c r="DF10" s="195">
        <v>78</v>
      </c>
      <c r="DG10" s="198">
        <v>157</v>
      </c>
      <c r="DH10" s="200">
        <v>157</v>
      </c>
      <c r="DI10" s="201">
        <v>0</v>
      </c>
      <c r="DJ10" s="195">
        <v>0</v>
      </c>
      <c r="DK10" s="195">
        <v>0</v>
      </c>
      <c r="DL10" s="196">
        <v>0</v>
      </c>
      <c r="DM10" s="197">
        <v>0</v>
      </c>
      <c r="DN10" s="197">
        <v>0</v>
      </c>
      <c r="DO10" s="197">
        <v>0</v>
      </c>
      <c r="DP10" s="195">
        <v>4</v>
      </c>
      <c r="DQ10" s="198">
        <v>4</v>
      </c>
      <c r="DR10" s="200">
        <v>4</v>
      </c>
      <c r="DS10" s="201">
        <v>0</v>
      </c>
      <c r="DT10" s="195">
        <v>0</v>
      </c>
      <c r="DU10" s="195">
        <v>0</v>
      </c>
      <c r="DV10" s="196">
        <v>82</v>
      </c>
      <c r="DW10" s="197">
        <v>239</v>
      </c>
      <c r="DX10" s="197">
        <v>1123</v>
      </c>
      <c r="DY10" s="197">
        <v>1784</v>
      </c>
      <c r="DZ10" s="195">
        <v>1083</v>
      </c>
      <c r="EA10" s="198">
        <v>4311</v>
      </c>
      <c r="EB10" s="200">
        <v>4311</v>
      </c>
      <c r="EC10" s="37"/>
    </row>
    <row r="11" spans="2:133" ht="21" customHeight="1" x14ac:dyDescent="0.2">
      <c r="B11" s="62" t="s">
        <v>7</v>
      </c>
      <c r="C11" s="194">
        <v>0</v>
      </c>
      <c r="D11" s="195">
        <v>0</v>
      </c>
      <c r="E11" s="195">
        <v>0</v>
      </c>
      <c r="F11" s="196">
        <v>20</v>
      </c>
      <c r="G11" s="197">
        <v>41</v>
      </c>
      <c r="H11" s="197">
        <v>550</v>
      </c>
      <c r="I11" s="197">
        <v>950</v>
      </c>
      <c r="J11" s="195">
        <v>569</v>
      </c>
      <c r="K11" s="198">
        <v>2130</v>
      </c>
      <c r="L11" s="199">
        <v>2130</v>
      </c>
      <c r="M11" s="194">
        <v>0</v>
      </c>
      <c r="N11" s="195">
        <v>0</v>
      </c>
      <c r="O11" s="198">
        <v>0</v>
      </c>
      <c r="P11" s="196">
        <v>19</v>
      </c>
      <c r="Q11" s="197">
        <v>40</v>
      </c>
      <c r="R11" s="197">
        <v>548</v>
      </c>
      <c r="S11" s="197">
        <v>938</v>
      </c>
      <c r="T11" s="195">
        <v>561</v>
      </c>
      <c r="U11" s="198">
        <v>2106</v>
      </c>
      <c r="V11" s="200">
        <v>2106</v>
      </c>
      <c r="W11" s="201">
        <v>0</v>
      </c>
      <c r="X11" s="195">
        <v>0</v>
      </c>
      <c r="Y11" s="198">
        <v>0</v>
      </c>
      <c r="Z11" s="201">
        <v>1</v>
      </c>
      <c r="AA11" s="197">
        <v>1</v>
      </c>
      <c r="AB11" s="197">
        <v>2</v>
      </c>
      <c r="AC11" s="197">
        <v>12</v>
      </c>
      <c r="AD11" s="195">
        <v>8</v>
      </c>
      <c r="AE11" s="198">
        <v>24</v>
      </c>
      <c r="AF11" s="202">
        <v>24</v>
      </c>
      <c r="AG11" s="201">
        <v>0</v>
      </c>
      <c r="AH11" s="195">
        <v>0</v>
      </c>
      <c r="AI11" s="198">
        <v>0</v>
      </c>
      <c r="AJ11" s="201">
        <v>153</v>
      </c>
      <c r="AK11" s="197">
        <v>204</v>
      </c>
      <c r="AL11" s="197">
        <v>268</v>
      </c>
      <c r="AM11" s="197">
        <v>282</v>
      </c>
      <c r="AN11" s="195">
        <v>92</v>
      </c>
      <c r="AO11" s="198">
        <v>999</v>
      </c>
      <c r="AP11" s="202">
        <v>999</v>
      </c>
      <c r="AQ11" s="201">
        <v>0</v>
      </c>
      <c r="AR11" s="195">
        <v>0</v>
      </c>
      <c r="AS11" s="198">
        <v>0</v>
      </c>
      <c r="AT11" s="196">
        <v>152</v>
      </c>
      <c r="AU11" s="197">
        <v>203</v>
      </c>
      <c r="AV11" s="197">
        <v>263</v>
      </c>
      <c r="AW11" s="197">
        <v>276</v>
      </c>
      <c r="AX11" s="195">
        <v>89</v>
      </c>
      <c r="AY11" s="198">
        <v>983</v>
      </c>
      <c r="AZ11" s="199">
        <v>983</v>
      </c>
      <c r="BA11" s="194">
        <v>0</v>
      </c>
      <c r="BB11" s="195">
        <v>0</v>
      </c>
      <c r="BC11" s="195">
        <v>0</v>
      </c>
      <c r="BD11" s="196">
        <v>1</v>
      </c>
      <c r="BE11" s="197">
        <v>1</v>
      </c>
      <c r="BF11" s="197">
        <v>5</v>
      </c>
      <c r="BG11" s="197">
        <v>6</v>
      </c>
      <c r="BH11" s="195">
        <v>3</v>
      </c>
      <c r="BI11" s="198">
        <v>16</v>
      </c>
      <c r="BJ11" s="200">
        <v>16</v>
      </c>
      <c r="BK11" s="201">
        <v>0</v>
      </c>
      <c r="BL11" s="195">
        <v>0</v>
      </c>
      <c r="BM11" s="195">
        <v>0</v>
      </c>
      <c r="BN11" s="196">
        <v>0</v>
      </c>
      <c r="BO11" s="197">
        <v>0</v>
      </c>
      <c r="BP11" s="197">
        <v>0</v>
      </c>
      <c r="BQ11" s="197">
        <v>2</v>
      </c>
      <c r="BR11" s="195">
        <v>3</v>
      </c>
      <c r="BS11" s="198">
        <v>5</v>
      </c>
      <c r="BT11" s="199">
        <v>5</v>
      </c>
      <c r="BU11" s="194">
        <v>0</v>
      </c>
      <c r="BV11" s="195">
        <v>0</v>
      </c>
      <c r="BW11" s="195">
        <v>0</v>
      </c>
      <c r="BX11" s="196">
        <v>0</v>
      </c>
      <c r="BY11" s="197">
        <v>0</v>
      </c>
      <c r="BZ11" s="197">
        <v>0</v>
      </c>
      <c r="CA11" s="197">
        <v>2</v>
      </c>
      <c r="CB11" s="195">
        <v>3</v>
      </c>
      <c r="CC11" s="198">
        <v>5</v>
      </c>
      <c r="CD11" s="200">
        <v>5</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2</v>
      </c>
      <c r="CV11" s="195">
        <v>2</v>
      </c>
      <c r="CW11" s="198">
        <v>6</v>
      </c>
      <c r="CX11" s="199">
        <v>6</v>
      </c>
      <c r="CY11" s="194">
        <v>0</v>
      </c>
      <c r="CZ11" s="195">
        <v>0</v>
      </c>
      <c r="DA11" s="195">
        <v>0</v>
      </c>
      <c r="DB11" s="196">
        <v>0</v>
      </c>
      <c r="DC11" s="197">
        <v>0</v>
      </c>
      <c r="DD11" s="197">
        <v>2</v>
      </c>
      <c r="DE11" s="197">
        <v>2</v>
      </c>
      <c r="DF11" s="195">
        <v>2</v>
      </c>
      <c r="DG11" s="198">
        <v>6</v>
      </c>
      <c r="DH11" s="200">
        <v>6</v>
      </c>
      <c r="DI11" s="201">
        <v>0</v>
      </c>
      <c r="DJ11" s="195">
        <v>0</v>
      </c>
      <c r="DK11" s="195">
        <v>0</v>
      </c>
      <c r="DL11" s="196">
        <v>0</v>
      </c>
      <c r="DM11" s="197">
        <v>0</v>
      </c>
      <c r="DN11" s="197">
        <v>0</v>
      </c>
      <c r="DO11" s="197">
        <v>0</v>
      </c>
      <c r="DP11" s="195">
        <v>0</v>
      </c>
      <c r="DQ11" s="198">
        <v>0</v>
      </c>
      <c r="DR11" s="200">
        <v>0</v>
      </c>
      <c r="DS11" s="201">
        <v>0</v>
      </c>
      <c r="DT11" s="195">
        <v>0</v>
      </c>
      <c r="DU11" s="195">
        <v>0</v>
      </c>
      <c r="DV11" s="196">
        <v>173</v>
      </c>
      <c r="DW11" s="197">
        <v>245</v>
      </c>
      <c r="DX11" s="197">
        <v>814</v>
      </c>
      <c r="DY11" s="197">
        <v>1228</v>
      </c>
      <c r="DZ11" s="195">
        <v>665</v>
      </c>
      <c r="EA11" s="198">
        <v>3125</v>
      </c>
      <c r="EB11" s="200">
        <v>3125</v>
      </c>
      <c r="EC11" s="37"/>
    </row>
    <row r="12" spans="2:133" ht="21" customHeight="1" x14ac:dyDescent="0.2">
      <c r="B12" s="62" t="s">
        <v>8</v>
      </c>
      <c r="C12" s="194">
        <v>0</v>
      </c>
      <c r="D12" s="195">
        <v>0</v>
      </c>
      <c r="E12" s="195">
        <v>0</v>
      </c>
      <c r="F12" s="196">
        <v>21</v>
      </c>
      <c r="G12" s="197">
        <v>66</v>
      </c>
      <c r="H12" s="197">
        <v>376</v>
      </c>
      <c r="I12" s="197">
        <v>449</v>
      </c>
      <c r="J12" s="195">
        <v>255</v>
      </c>
      <c r="K12" s="198">
        <v>1167</v>
      </c>
      <c r="L12" s="199">
        <v>1167</v>
      </c>
      <c r="M12" s="194">
        <v>0</v>
      </c>
      <c r="N12" s="195">
        <v>0</v>
      </c>
      <c r="O12" s="198">
        <v>0</v>
      </c>
      <c r="P12" s="196">
        <v>21</v>
      </c>
      <c r="Q12" s="197">
        <v>65</v>
      </c>
      <c r="R12" s="197">
        <v>374</v>
      </c>
      <c r="S12" s="197">
        <v>445</v>
      </c>
      <c r="T12" s="195">
        <v>254</v>
      </c>
      <c r="U12" s="198">
        <v>1159</v>
      </c>
      <c r="V12" s="200">
        <v>1159</v>
      </c>
      <c r="W12" s="201">
        <v>0</v>
      </c>
      <c r="X12" s="195">
        <v>0</v>
      </c>
      <c r="Y12" s="198">
        <v>0</v>
      </c>
      <c r="Z12" s="201">
        <v>0</v>
      </c>
      <c r="AA12" s="197">
        <v>1</v>
      </c>
      <c r="AB12" s="197">
        <v>2</v>
      </c>
      <c r="AC12" s="197">
        <v>4</v>
      </c>
      <c r="AD12" s="195">
        <v>1</v>
      </c>
      <c r="AE12" s="198">
        <v>8</v>
      </c>
      <c r="AF12" s="202">
        <v>8</v>
      </c>
      <c r="AG12" s="201">
        <v>0</v>
      </c>
      <c r="AH12" s="195">
        <v>0</v>
      </c>
      <c r="AI12" s="198">
        <v>0</v>
      </c>
      <c r="AJ12" s="201">
        <v>44</v>
      </c>
      <c r="AK12" s="197">
        <v>99</v>
      </c>
      <c r="AL12" s="197">
        <v>150</v>
      </c>
      <c r="AM12" s="197">
        <v>128</v>
      </c>
      <c r="AN12" s="195">
        <v>72</v>
      </c>
      <c r="AO12" s="198">
        <v>493</v>
      </c>
      <c r="AP12" s="202">
        <v>493</v>
      </c>
      <c r="AQ12" s="201">
        <v>0</v>
      </c>
      <c r="AR12" s="195">
        <v>0</v>
      </c>
      <c r="AS12" s="198">
        <v>0</v>
      </c>
      <c r="AT12" s="196">
        <v>44</v>
      </c>
      <c r="AU12" s="197">
        <v>97</v>
      </c>
      <c r="AV12" s="197">
        <v>148</v>
      </c>
      <c r="AW12" s="197">
        <v>125</v>
      </c>
      <c r="AX12" s="195">
        <v>70</v>
      </c>
      <c r="AY12" s="198">
        <v>484</v>
      </c>
      <c r="AZ12" s="199">
        <v>484</v>
      </c>
      <c r="BA12" s="194">
        <v>0</v>
      </c>
      <c r="BB12" s="195">
        <v>0</v>
      </c>
      <c r="BC12" s="195">
        <v>0</v>
      </c>
      <c r="BD12" s="196">
        <v>0</v>
      </c>
      <c r="BE12" s="197">
        <v>2</v>
      </c>
      <c r="BF12" s="197">
        <v>2</v>
      </c>
      <c r="BG12" s="197">
        <v>3</v>
      </c>
      <c r="BH12" s="195">
        <v>2</v>
      </c>
      <c r="BI12" s="198">
        <v>9</v>
      </c>
      <c r="BJ12" s="200">
        <v>9</v>
      </c>
      <c r="BK12" s="201">
        <v>0</v>
      </c>
      <c r="BL12" s="195">
        <v>0</v>
      </c>
      <c r="BM12" s="195">
        <v>0</v>
      </c>
      <c r="BN12" s="196">
        <v>0</v>
      </c>
      <c r="BO12" s="197">
        <v>0</v>
      </c>
      <c r="BP12" s="197">
        <v>0</v>
      </c>
      <c r="BQ12" s="197">
        <v>0</v>
      </c>
      <c r="BR12" s="195">
        <v>0</v>
      </c>
      <c r="BS12" s="198">
        <v>0</v>
      </c>
      <c r="BT12" s="199">
        <v>0</v>
      </c>
      <c r="BU12" s="194">
        <v>0</v>
      </c>
      <c r="BV12" s="195">
        <v>0</v>
      </c>
      <c r="BW12" s="195">
        <v>0</v>
      </c>
      <c r="BX12" s="196">
        <v>0</v>
      </c>
      <c r="BY12" s="197">
        <v>0</v>
      </c>
      <c r="BZ12" s="197">
        <v>0</v>
      </c>
      <c r="CA12" s="197">
        <v>0</v>
      </c>
      <c r="CB12" s="195">
        <v>0</v>
      </c>
      <c r="CC12" s="198">
        <v>0</v>
      </c>
      <c r="CD12" s="200">
        <v>0</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1</v>
      </c>
      <c r="CT12" s="197">
        <v>3</v>
      </c>
      <c r="CU12" s="197">
        <v>7</v>
      </c>
      <c r="CV12" s="195">
        <v>7</v>
      </c>
      <c r="CW12" s="198">
        <v>19</v>
      </c>
      <c r="CX12" s="199">
        <v>19</v>
      </c>
      <c r="CY12" s="194">
        <v>0</v>
      </c>
      <c r="CZ12" s="195">
        <v>0</v>
      </c>
      <c r="DA12" s="195">
        <v>0</v>
      </c>
      <c r="DB12" s="196">
        <v>1</v>
      </c>
      <c r="DC12" s="197">
        <v>1</v>
      </c>
      <c r="DD12" s="197">
        <v>3</v>
      </c>
      <c r="DE12" s="197">
        <v>6</v>
      </c>
      <c r="DF12" s="195">
        <v>7</v>
      </c>
      <c r="DG12" s="198">
        <v>18</v>
      </c>
      <c r="DH12" s="200">
        <v>18</v>
      </c>
      <c r="DI12" s="201">
        <v>0</v>
      </c>
      <c r="DJ12" s="195">
        <v>0</v>
      </c>
      <c r="DK12" s="195">
        <v>0</v>
      </c>
      <c r="DL12" s="196">
        <v>0</v>
      </c>
      <c r="DM12" s="197">
        <v>0</v>
      </c>
      <c r="DN12" s="197">
        <v>0</v>
      </c>
      <c r="DO12" s="197">
        <v>1</v>
      </c>
      <c r="DP12" s="195">
        <v>0</v>
      </c>
      <c r="DQ12" s="198">
        <v>1</v>
      </c>
      <c r="DR12" s="200">
        <v>1</v>
      </c>
      <c r="DS12" s="201">
        <v>0</v>
      </c>
      <c r="DT12" s="195">
        <v>0</v>
      </c>
      <c r="DU12" s="195">
        <v>0</v>
      </c>
      <c r="DV12" s="196">
        <v>66</v>
      </c>
      <c r="DW12" s="197">
        <v>166</v>
      </c>
      <c r="DX12" s="197">
        <v>529</v>
      </c>
      <c r="DY12" s="197">
        <v>584</v>
      </c>
      <c r="DZ12" s="195">
        <v>334</v>
      </c>
      <c r="EA12" s="198">
        <v>1679</v>
      </c>
      <c r="EB12" s="200">
        <v>1679</v>
      </c>
      <c r="EC12" s="37"/>
    </row>
    <row r="13" spans="2:133" ht="21" customHeight="1" x14ac:dyDescent="0.2">
      <c r="B13" s="62" t="s">
        <v>9</v>
      </c>
      <c r="C13" s="194">
        <v>0</v>
      </c>
      <c r="D13" s="195">
        <v>0</v>
      </c>
      <c r="E13" s="195">
        <v>0</v>
      </c>
      <c r="F13" s="196">
        <v>7</v>
      </c>
      <c r="G13" s="197">
        <v>4</v>
      </c>
      <c r="H13" s="197">
        <v>215</v>
      </c>
      <c r="I13" s="197">
        <v>381</v>
      </c>
      <c r="J13" s="195">
        <v>277</v>
      </c>
      <c r="K13" s="198">
        <v>884</v>
      </c>
      <c r="L13" s="199">
        <v>884</v>
      </c>
      <c r="M13" s="194">
        <v>0</v>
      </c>
      <c r="N13" s="195">
        <v>0</v>
      </c>
      <c r="O13" s="198">
        <v>0</v>
      </c>
      <c r="P13" s="196">
        <v>7</v>
      </c>
      <c r="Q13" s="197">
        <v>4</v>
      </c>
      <c r="R13" s="197">
        <v>213</v>
      </c>
      <c r="S13" s="197">
        <v>377</v>
      </c>
      <c r="T13" s="195">
        <v>276</v>
      </c>
      <c r="U13" s="198">
        <v>877</v>
      </c>
      <c r="V13" s="200">
        <v>877</v>
      </c>
      <c r="W13" s="201">
        <v>0</v>
      </c>
      <c r="X13" s="195">
        <v>0</v>
      </c>
      <c r="Y13" s="198">
        <v>0</v>
      </c>
      <c r="Z13" s="201">
        <v>0</v>
      </c>
      <c r="AA13" s="197">
        <v>0</v>
      </c>
      <c r="AB13" s="197">
        <v>2</v>
      </c>
      <c r="AC13" s="197">
        <v>4</v>
      </c>
      <c r="AD13" s="195">
        <v>1</v>
      </c>
      <c r="AE13" s="198">
        <v>7</v>
      </c>
      <c r="AF13" s="202">
        <v>7</v>
      </c>
      <c r="AG13" s="201">
        <v>0</v>
      </c>
      <c r="AH13" s="195">
        <v>0</v>
      </c>
      <c r="AI13" s="198">
        <v>0</v>
      </c>
      <c r="AJ13" s="201">
        <v>29</v>
      </c>
      <c r="AK13" s="197">
        <v>62</v>
      </c>
      <c r="AL13" s="197">
        <v>103</v>
      </c>
      <c r="AM13" s="197">
        <v>122</v>
      </c>
      <c r="AN13" s="195">
        <v>64</v>
      </c>
      <c r="AO13" s="198">
        <v>380</v>
      </c>
      <c r="AP13" s="202">
        <v>380</v>
      </c>
      <c r="AQ13" s="201">
        <v>0</v>
      </c>
      <c r="AR13" s="195">
        <v>0</v>
      </c>
      <c r="AS13" s="198">
        <v>0</v>
      </c>
      <c r="AT13" s="196">
        <v>29</v>
      </c>
      <c r="AU13" s="197">
        <v>62</v>
      </c>
      <c r="AV13" s="197">
        <v>100</v>
      </c>
      <c r="AW13" s="197">
        <v>120</v>
      </c>
      <c r="AX13" s="195">
        <v>63</v>
      </c>
      <c r="AY13" s="198">
        <v>374</v>
      </c>
      <c r="AZ13" s="199">
        <v>374</v>
      </c>
      <c r="BA13" s="194">
        <v>0</v>
      </c>
      <c r="BB13" s="195">
        <v>0</v>
      </c>
      <c r="BC13" s="195">
        <v>0</v>
      </c>
      <c r="BD13" s="196">
        <v>0</v>
      </c>
      <c r="BE13" s="197">
        <v>0</v>
      </c>
      <c r="BF13" s="197">
        <v>3</v>
      </c>
      <c r="BG13" s="197">
        <v>2</v>
      </c>
      <c r="BH13" s="195">
        <v>1</v>
      </c>
      <c r="BI13" s="198">
        <v>6</v>
      </c>
      <c r="BJ13" s="200">
        <v>6</v>
      </c>
      <c r="BK13" s="201">
        <v>0</v>
      </c>
      <c r="BL13" s="195">
        <v>0</v>
      </c>
      <c r="BM13" s="195">
        <v>0</v>
      </c>
      <c r="BN13" s="196">
        <v>0</v>
      </c>
      <c r="BO13" s="197">
        <v>0</v>
      </c>
      <c r="BP13" s="197">
        <v>0</v>
      </c>
      <c r="BQ13" s="197">
        <v>0</v>
      </c>
      <c r="BR13" s="195">
        <v>0</v>
      </c>
      <c r="BS13" s="198">
        <v>0</v>
      </c>
      <c r="BT13" s="199">
        <v>0</v>
      </c>
      <c r="BU13" s="194">
        <v>0</v>
      </c>
      <c r="BV13" s="195">
        <v>0</v>
      </c>
      <c r="BW13" s="195">
        <v>0</v>
      </c>
      <c r="BX13" s="196">
        <v>0</v>
      </c>
      <c r="BY13" s="197">
        <v>0</v>
      </c>
      <c r="BZ13" s="197">
        <v>0</v>
      </c>
      <c r="CA13" s="197">
        <v>0</v>
      </c>
      <c r="CB13" s="195">
        <v>0</v>
      </c>
      <c r="CC13" s="198">
        <v>0</v>
      </c>
      <c r="CD13" s="200">
        <v>0</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0</v>
      </c>
      <c r="CT13" s="197">
        <v>1</v>
      </c>
      <c r="CU13" s="197">
        <v>3</v>
      </c>
      <c r="CV13" s="195">
        <v>6</v>
      </c>
      <c r="CW13" s="198">
        <v>10</v>
      </c>
      <c r="CX13" s="199">
        <v>10</v>
      </c>
      <c r="CY13" s="194">
        <v>0</v>
      </c>
      <c r="CZ13" s="195">
        <v>0</v>
      </c>
      <c r="DA13" s="195">
        <v>0</v>
      </c>
      <c r="DB13" s="196">
        <v>0</v>
      </c>
      <c r="DC13" s="197">
        <v>0</v>
      </c>
      <c r="DD13" s="197">
        <v>1</v>
      </c>
      <c r="DE13" s="197">
        <v>3</v>
      </c>
      <c r="DF13" s="195">
        <v>6</v>
      </c>
      <c r="DG13" s="198">
        <v>10</v>
      </c>
      <c r="DH13" s="200">
        <v>10</v>
      </c>
      <c r="DI13" s="201">
        <v>0</v>
      </c>
      <c r="DJ13" s="195">
        <v>0</v>
      </c>
      <c r="DK13" s="195">
        <v>0</v>
      </c>
      <c r="DL13" s="196">
        <v>0</v>
      </c>
      <c r="DM13" s="197">
        <v>0</v>
      </c>
      <c r="DN13" s="197">
        <v>0</v>
      </c>
      <c r="DO13" s="197">
        <v>0</v>
      </c>
      <c r="DP13" s="195">
        <v>0</v>
      </c>
      <c r="DQ13" s="198">
        <v>0</v>
      </c>
      <c r="DR13" s="200">
        <v>0</v>
      </c>
      <c r="DS13" s="201">
        <v>0</v>
      </c>
      <c r="DT13" s="195">
        <v>0</v>
      </c>
      <c r="DU13" s="195">
        <v>0</v>
      </c>
      <c r="DV13" s="196">
        <v>36</v>
      </c>
      <c r="DW13" s="197">
        <v>66</v>
      </c>
      <c r="DX13" s="197">
        <v>319</v>
      </c>
      <c r="DY13" s="197">
        <v>500</v>
      </c>
      <c r="DZ13" s="195">
        <v>347</v>
      </c>
      <c r="EA13" s="198">
        <v>1268</v>
      </c>
      <c r="EB13" s="200">
        <v>1268</v>
      </c>
      <c r="EC13" s="37"/>
    </row>
    <row r="14" spans="2:133" ht="21" customHeight="1" x14ac:dyDescent="0.2">
      <c r="B14" s="62" t="s">
        <v>10</v>
      </c>
      <c r="C14" s="194">
        <v>0</v>
      </c>
      <c r="D14" s="195">
        <v>0</v>
      </c>
      <c r="E14" s="195">
        <v>0</v>
      </c>
      <c r="F14" s="196">
        <v>18</v>
      </c>
      <c r="G14" s="197">
        <v>39</v>
      </c>
      <c r="H14" s="197">
        <v>311</v>
      </c>
      <c r="I14" s="197">
        <v>524</v>
      </c>
      <c r="J14" s="195">
        <v>471</v>
      </c>
      <c r="K14" s="198">
        <v>1363</v>
      </c>
      <c r="L14" s="199">
        <v>1363</v>
      </c>
      <c r="M14" s="194">
        <v>0</v>
      </c>
      <c r="N14" s="195">
        <v>0</v>
      </c>
      <c r="O14" s="198">
        <v>0</v>
      </c>
      <c r="P14" s="196">
        <v>18</v>
      </c>
      <c r="Q14" s="197">
        <v>38</v>
      </c>
      <c r="R14" s="197">
        <v>307</v>
      </c>
      <c r="S14" s="197">
        <v>520</v>
      </c>
      <c r="T14" s="195">
        <v>466</v>
      </c>
      <c r="U14" s="198">
        <v>1349</v>
      </c>
      <c r="V14" s="200">
        <v>1349</v>
      </c>
      <c r="W14" s="201">
        <v>0</v>
      </c>
      <c r="X14" s="195">
        <v>0</v>
      </c>
      <c r="Y14" s="198">
        <v>0</v>
      </c>
      <c r="Z14" s="201">
        <v>0</v>
      </c>
      <c r="AA14" s="197">
        <v>1</v>
      </c>
      <c r="AB14" s="197">
        <v>4</v>
      </c>
      <c r="AC14" s="197">
        <v>4</v>
      </c>
      <c r="AD14" s="195">
        <v>5</v>
      </c>
      <c r="AE14" s="198">
        <v>14</v>
      </c>
      <c r="AF14" s="202">
        <v>14</v>
      </c>
      <c r="AG14" s="201">
        <v>0</v>
      </c>
      <c r="AH14" s="195">
        <v>0</v>
      </c>
      <c r="AI14" s="198">
        <v>0</v>
      </c>
      <c r="AJ14" s="201">
        <v>95</v>
      </c>
      <c r="AK14" s="197">
        <v>119</v>
      </c>
      <c r="AL14" s="197">
        <v>177</v>
      </c>
      <c r="AM14" s="197">
        <v>174</v>
      </c>
      <c r="AN14" s="195">
        <v>102</v>
      </c>
      <c r="AO14" s="198">
        <v>667</v>
      </c>
      <c r="AP14" s="202">
        <v>667</v>
      </c>
      <c r="AQ14" s="201">
        <v>0</v>
      </c>
      <c r="AR14" s="195">
        <v>0</v>
      </c>
      <c r="AS14" s="198">
        <v>0</v>
      </c>
      <c r="AT14" s="196">
        <v>90</v>
      </c>
      <c r="AU14" s="197">
        <v>117</v>
      </c>
      <c r="AV14" s="197">
        <v>175</v>
      </c>
      <c r="AW14" s="197">
        <v>170</v>
      </c>
      <c r="AX14" s="195">
        <v>96</v>
      </c>
      <c r="AY14" s="198">
        <v>648</v>
      </c>
      <c r="AZ14" s="199">
        <v>648</v>
      </c>
      <c r="BA14" s="194">
        <v>0</v>
      </c>
      <c r="BB14" s="195">
        <v>0</v>
      </c>
      <c r="BC14" s="195">
        <v>0</v>
      </c>
      <c r="BD14" s="196">
        <v>5</v>
      </c>
      <c r="BE14" s="197">
        <v>2</v>
      </c>
      <c r="BF14" s="197">
        <v>2</v>
      </c>
      <c r="BG14" s="197">
        <v>4</v>
      </c>
      <c r="BH14" s="195">
        <v>6</v>
      </c>
      <c r="BI14" s="198">
        <v>19</v>
      </c>
      <c r="BJ14" s="200">
        <v>19</v>
      </c>
      <c r="BK14" s="201">
        <v>0</v>
      </c>
      <c r="BL14" s="195">
        <v>0</v>
      </c>
      <c r="BM14" s="195">
        <v>0</v>
      </c>
      <c r="BN14" s="196">
        <v>0</v>
      </c>
      <c r="BO14" s="197">
        <v>0</v>
      </c>
      <c r="BP14" s="197">
        <v>0</v>
      </c>
      <c r="BQ14" s="197">
        <v>0</v>
      </c>
      <c r="BR14" s="195">
        <v>2</v>
      </c>
      <c r="BS14" s="198">
        <v>2</v>
      </c>
      <c r="BT14" s="199">
        <v>2</v>
      </c>
      <c r="BU14" s="194">
        <v>0</v>
      </c>
      <c r="BV14" s="195">
        <v>0</v>
      </c>
      <c r="BW14" s="195">
        <v>0</v>
      </c>
      <c r="BX14" s="196">
        <v>0</v>
      </c>
      <c r="BY14" s="197">
        <v>0</v>
      </c>
      <c r="BZ14" s="197">
        <v>0</v>
      </c>
      <c r="CA14" s="197">
        <v>0</v>
      </c>
      <c r="CB14" s="195">
        <v>2</v>
      </c>
      <c r="CC14" s="198">
        <v>2</v>
      </c>
      <c r="CD14" s="200">
        <v>2</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0</v>
      </c>
      <c r="CT14" s="197">
        <v>0</v>
      </c>
      <c r="CU14" s="197">
        <v>4</v>
      </c>
      <c r="CV14" s="195">
        <v>31</v>
      </c>
      <c r="CW14" s="198">
        <v>36</v>
      </c>
      <c r="CX14" s="199">
        <v>36</v>
      </c>
      <c r="CY14" s="194">
        <v>0</v>
      </c>
      <c r="CZ14" s="195">
        <v>0</v>
      </c>
      <c r="DA14" s="195">
        <v>0</v>
      </c>
      <c r="DB14" s="196">
        <v>1</v>
      </c>
      <c r="DC14" s="197">
        <v>0</v>
      </c>
      <c r="DD14" s="197">
        <v>0</v>
      </c>
      <c r="DE14" s="197">
        <v>4</v>
      </c>
      <c r="DF14" s="195">
        <v>31</v>
      </c>
      <c r="DG14" s="198">
        <v>36</v>
      </c>
      <c r="DH14" s="200">
        <v>36</v>
      </c>
      <c r="DI14" s="201">
        <v>0</v>
      </c>
      <c r="DJ14" s="195">
        <v>0</v>
      </c>
      <c r="DK14" s="195">
        <v>0</v>
      </c>
      <c r="DL14" s="196">
        <v>0</v>
      </c>
      <c r="DM14" s="197">
        <v>0</v>
      </c>
      <c r="DN14" s="197">
        <v>0</v>
      </c>
      <c r="DO14" s="197">
        <v>0</v>
      </c>
      <c r="DP14" s="195">
        <v>0</v>
      </c>
      <c r="DQ14" s="198">
        <v>0</v>
      </c>
      <c r="DR14" s="200">
        <v>0</v>
      </c>
      <c r="DS14" s="201">
        <v>0</v>
      </c>
      <c r="DT14" s="195">
        <v>0</v>
      </c>
      <c r="DU14" s="195">
        <v>0</v>
      </c>
      <c r="DV14" s="196">
        <v>114</v>
      </c>
      <c r="DW14" s="197">
        <v>158</v>
      </c>
      <c r="DX14" s="197">
        <v>488</v>
      </c>
      <c r="DY14" s="197">
        <v>696</v>
      </c>
      <c r="DZ14" s="195">
        <v>606</v>
      </c>
      <c r="EA14" s="198">
        <v>2062</v>
      </c>
      <c r="EB14" s="200">
        <v>2062</v>
      </c>
      <c r="EC14" s="37"/>
    </row>
    <row r="15" spans="2:133" ht="21" customHeight="1" x14ac:dyDescent="0.2">
      <c r="B15" s="62" t="s">
        <v>11</v>
      </c>
      <c r="C15" s="194">
        <v>0</v>
      </c>
      <c r="D15" s="195">
        <v>0</v>
      </c>
      <c r="E15" s="195">
        <v>0</v>
      </c>
      <c r="F15" s="196">
        <v>2</v>
      </c>
      <c r="G15" s="197">
        <v>7</v>
      </c>
      <c r="H15" s="197">
        <v>166</v>
      </c>
      <c r="I15" s="197">
        <v>325</v>
      </c>
      <c r="J15" s="195">
        <v>183</v>
      </c>
      <c r="K15" s="198">
        <v>683</v>
      </c>
      <c r="L15" s="199">
        <v>683</v>
      </c>
      <c r="M15" s="194">
        <v>0</v>
      </c>
      <c r="N15" s="195">
        <v>0</v>
      </c>
      <c r="O15" s="198">
        <v>0</v>
      </c>
      <c r="P15" s="196">
        <v>2</v>
      </c>
      <c r="Q15" s="197">
        <v>7</v>
      </c>
      <c r="R15" s="197">
        <v>166</v>
      </c>
      <c r="S15" s="197">
        <v>323</v>
      </c>
      <c r="T15" s="195">
        <v>183</v>
      </c>
      <c r="U15" s="198">
        <v>681</v>
      </c>
      <c r="V15" s="200">
        <v>681</v>
      </c>
      <c r="W15" s="201">
        <v>0</v>
      </c>
      <c r="X15" s="195">
        <v>0</v>
      </c>
      <c r="Y15" s="198">
        <v>0</v>
      </c>
      <c r="Z15" s="201">
        <v>0</v>
      </c>
      <c r="AA15" s="197">
        <v>0</v>
      </c>
      <c r="AB15" s="197">
        <v>0</v>
      </c>
      <c r="AC15" s="197">
        <v>2</v>
      </c>
      <c r="AD15" s="195">
        <v>0</v>
      </c>
      <c r="AE15" s="198">
        <v>2</v>
      </c>
      <c r="AF15" s="202">
        <v>2</v>
      </c>
      <c r="AG15" s="201">
        <v>0</v>
      </c>
      <c r="AH15" s="195">
        <v>0</v>
      </c>
      <c r="AI15" s="198">
        <v>0</v>
      </c>
      <c r="AJ15" s="201">
        <v>66</v>
      </c>
      <c r="AK15" s="197">
        <v>86</v>
      </c>
      <c r="AL15" s="197">
        <v>137</v>
      </c>
      <c r="AM15" s="197">
        <v>139</v>
      </c>
      <c r="AN15" s="195">
        <v>83</v>
      </c>
      <c r="AO15" s="198">
        <v>511</v>
      </c>
      <c r="AP15" s="202">
        <v>511</v>
      </c>
      <c r="AQ15" s="201">
        <v>0</v>
      </c>
      <c r="AR15" s="195">
        <v>0</v>
      </c>
      <c r="AS15" s="198">
        <v>0</v>
      </c>
      <c r="AT15" s="196">
        <v>64</v>
      </c>
      <c r="AU15" s="197">
        <v>86</v>
      </c>
      <c r="AV15" s="197">
        <v>135</v>
      </c>
      <c r="AW15" s="197">
        <v>138</v>
      </c>
      <c r="AX15" s="195">
        <v>83</v>
      </c>
      <c r="AY15" s="198">
        <v>506</v>
      </c>
      <c r="AZ15" s="199">
        <v>506</v>
      </c>
      <c r="BA15" s="194">
        <v>0</v>
      </c>
      <c r="BB15" s="195">
        <v>0</v>
      </c>
      <c r="BC15" s="195">
        <v>0</v>
      </c>
      <c r="BD15" s="196">
        <v>2</v>
      </c>
      <c r="BE15" s="197">
        <v>0</v>
      </c>
      <c r="BF15" s="197">
        <v>2</v>
      </c>
      <c r="BG15" s="197">
        <v>1</v>
      </c>
      <c r="BH15" s="195">
        <v>0</v>
      </c>
      <c r="BI15" s="198">
        <v>5</v>
      </c>
      <c r="BJ15" s="200">
        <v>5</v>
      </c>
      <c r="BK15" s="201">
        <v>0</v>
      </c>
      <c r="BL15" s="195">
        <v>0</v>
      </c>
      <c r="BM15" s="195">
        <v>0</v>
      </c>
      <c r="BN15" s="196">
        <v>0</v>
      </c>
      <c r="BO15" s="197">
        <v>0</v>
      </c>
      <c r="BP15" s="197">
        <v>0</v>
      </c>
      <c r="BQ15" s="197">
        <v>0</v>
      </c>
      <c r="BR15" s="195">
        <v>0</v>
      </c>
      <c r="BS15" s="198">
        <v>0</v>
      </c>
      <c r="BT15" s="199">
        <v>0</v>
      </c>
      <c r="BU15" s="194">
        <v>0</v>
      </c>
      <c r="BV15" s="195">
        <v>0</v>
      </c>
      <c r="BW15" s="195">
        <v>0</v>
      </c>
      <c r="BX15" s="196">
        <v>0</v>
      </c>
      <c r="BY15" s="197">
        <v>0</v>
      </c>
      <c r="BZ15" s="197">
        <v>0</v>
      </c>
      <c r="CA15" s="197">
        <v>0</v>
      </c>
      <c r="CB15" s="195">
        <v>0</v>
      </c>
      <c r="CC15" s="198">
        <v>0</v>
      </c>
      <c r="CD15" s="200">
        <v>0</v>
      </c>
      <c r="CE15" s="201">
        <v>0</v>
      </c>
      <c r="CF15" s="195">
        <v>0</v>
      </c>
      <c r="CG15" s="195">
        <v>0</v>
      </c>
      <c r="CH15" s="196">
        <v>0</v>
      </c>
      <c r="CI15" s="197">
        <v>0</v>
      </c>
      <c r="CJ15" s="197">
        <v>0</v>
      </c>
      <c r="CK15" s="197">
        <v>0</v>
      </c>
      <c r="CL15" s="195">
        <v>0</v>
      </c>
      <c r="CM15" s="198">
        <v>0</v>
      </c>
      <c r="CN15" s="200">
        <v>0</v>
      </c>
      <c r="CO15" s="201">
        <v>0</v>
      </c>
      <c r="CP15" s="195">
        <v>0</v>
      </c>
      <c r="CQ15" s="195">
        <v>0</v>
      </c>
      <c r="CR15" s="196">
        <v>2</v>
      </c>
      <c r="CS15" s="197">
        <v>7</v>
      </c>
      <c r="CT15" s="197">
        <v>10</v>
      </c>
      <c r="CU15" s="197">
        <v>14</v>
      </c>
      <c r="CV15" s="195">
        <v>31</v>
      </c>
      <c r="CW15" s="198">
        <v>64</v>
      </c>
      <c r="CX15" s="199">
        <v>64</v>
      </c>
      <c r="CY15" s="194">
        <v>0</v>
      </c>
      <c r="CZ15" s="195">
        <v>0</v>
      </c>
      <c r="DA15" s="195">
        <v>0</v>
      </c>
      <c r="DB15" s="196">
        <v>1</v>
      </c>
      <c r="DC15" s="197">
        <v>7</v>
      </c>
      <c r="DD15" s="197">
        <v>10</v>
      </c>
      <c r="DE15" s="197">
        <v>14</v>
      </c>
      <c r="DF15" s="195">
        <v>27</v>
      </c>
      <c r="DG15" s="198">
        <v>59</v>
      </c>
      <c r="DH15" s="200">
        <v>59</v>
      </c>
      <c r="DI15" s="201">
        <v>0</v>
      </c>
      <c r="DJ15" s="195">
        <v>0</v>
      </c>
      <c r="DK15" s="195">
        <v>0</v>
      </c>
      <c r="DL15" s="196">
        <v>1</v>
      </c>
      <c r="DM15" s="197">
        <v>0</v>
      </c>
      <c r="DN15" s="197">
        <v>0</v>
      </c>
      <c r="DO15" s="197">
        <v>0</v>
      </c>
      <c r="DP15" s="195">
        <v>4</v>
      </c>
      <c r="DQ15" s="198">
        <v>5</v>
      </c>
      <c r="DR15" s="200">
        <v>5</v>
      </c>
      <c r="DS15" s="201">
        <v>0</v>
      </c>
      <c r="DT15" s="195">
        <v>0</v>
      </c>
      <c r="DU15" s="195">
        <v>0</v>
      </c>
      <c r="DV15" s="196">
        <v>70</v>
      </c>
      <c r="DW15" s="197">
        <v>100</v>
      </c>
      <c r="DX15" s="197">
        <v>310</v>
      </c>
      <c r="DY15" s="197">
        <v>476</v>
      </c>
      <c r="DZ15" s="195">
        <v>296</v>
      </c>
      <c r="EA15" s="198">
        <v>1252</v>
      </c>
      <c r="EB15" s="200">
        <v>1252</v>
      </c>
      <c r="EC15" s="37"/>
    </row>
    <row r="16" spans="2:133" ht="21" customHeight="1" x14ac:dyDescent="0.2">
      <c r="B16" s="62" t="s">
        <v>12</v>
      </c>
      <c r="C16" s="194">
        <v>0</v>
      </c>
      <c r="D16" s="195">
        <v>0</v>
      </c>
      <c r="E16" s="195">
        <v>0</v>
      </c>
      <c r="F16" s="196">
        <v>0</v>
      </c>
      <c r="G16" s="197">
        <v>18</v>
      </c>
      <c r="H16" s="197">
        <v>186</v>
      </c>
      <c r="I16" s="197">
        <v>295</v>
      </c>
      <c r="J16" s="195">
        <v>242</v>
      </c>
      <c r="K16" s="198">
        <v>741</v>
      </c>
      <c r="L16" s="199">
        <v>741</v>
      </c>
      <c r="M16" s="194">
        <v>0</v>
      </c>
      <c r="N16" s="195">
        <v>0</v>
      </c>
      <c r="O16" s="198">
        <v>0</v>
      </c>
      <c r="P16" s="196">
        <v>0</v>
      </c>
      <c r="Q16" s="197">
        <v>18</v>
      </c>
      <c r="R16" s="197">
        <v>186</v>
      </c>
      <c r="S16" s="197">
        <v>295</v>
      </c>
      <c r="T16" s="195">
        <v>238</v>
      </c>
      <c r="U16" s="198">
        <v>737</v>
      </c>
      <c r="V16" s="200">
        <v>737</v>
      </c>
      <c r="W16" s="201">
        <v>0</v>
      </c>
      <c r="X16" s="195">
        <v>0</v>
      </c>
      <c r="Y16" s="198">
        <v>0</v>
      </c>
      <c r="Z16" s="201">
        <v>0</v>
      </c>
      <c r="AA16" s="197">
        <v>0</v>
      </c>
      <c r="AB16" s="197">
        <v>0</v>
      </c>
      <c r="AC16" s="197">
        <v>0</v>
      </c>
      <c r="AD16" s="195">
        <v>4</v>
      </c>
      <c r="AE16" s="198">
        <v>4</v>
      </c>
      <c r="AF16" s="202">
        <v>4</v>
      </c>
      <c r="AG16" s="201">
        <v>0</v>
      </c>
      <c r="AH16" s="195">
        <v>0</v>
      </c>
      <c r="AI16" s="198">
        <v>0</v>
      </c>
      <c r="AJ16" s="201">
        <v>41</v>
      </c>
      <c r="AK16" s="197">
        <v>97</v>
      </c>
      <c r="AL16" s="197">
        <v>158</v>
      </c>
      <c r="AM16" s="197">
        <v>177</v>
      </c>
      <c r="AN16" s="195">
        <v>78</v>
      </c>
      <c r="AO16" s="198">
        <v>551</v>
      </c>
      <c r="AP16" s="202">
        <v>551</v>
      </c>
      <c r="AQ16" s="201">
        <v>0</v>
      </c>
      <c r="AR16" s="195">
        <v>0</v>
      </c>
      <c r="AS16" s="198">
        <v>0</v>
      </c>
      <c r="AT16" s="196">
        <v>40</v>
      </c>
      <c r="AU16" s="197">
        <v>97</v>
      </c>
      <c r="AV16" s="197">
        <v>155</v>
      </c>
      <c r="AW16" s="197">
        <v>174</v>
      </c>
      <c r="AX16" s="195">
        <v>77</v>
      </c>
      <c r="AY16" s="198">
        <v>543</v>
      </c>
      <c r="AZ16" s="199">
        <v>543</v>
      </c>
      <c r="BA16" s="194">
        <v>0</v>
      </c>
      <c r="BB16" s="195">
        <v>0</v>
      </c>
      <c r="BC16" s="195">
        <v>0</v>
      </c>
      <c r="BD16" s="196">
        <v>1</v>
      </c>
      <c r="BE16" s="197">
        <v>0</v>
      </c>
      <c r="BF16" s="197">
        <v>3</v>
      </c>
      <c r="BG16" s="197">
        <v>3</v>
      </c>
      <c r="BH16" s="195">
        <v>1</v>
      </c>
      <c r="BI16" s="198">
        <v>8</v>
      </c>
      <c r="BJ16" s="200">
        <v>8</v>
      </c>
      <c r="BK16" s="201">
        <v>0</v>
      </c>
      <c r="BL16" s="195">
        <v>0</v>
      </c>
      <c r="BM16" s="195">
        <v>0</v>
      </c>
      <c r="BN16" s="196">
        <v>0</v>
      </c>
      <c r="BO16" s="197">
        <v>0</v>
      </c>
      <c r="BP16" s="197">
        <v>0</v>
      </c>
      <c r="BQ16" s="197">
        <v>0</v>
      </c>
      <c r="BR16" s="195">
        <v>1</v>
      </c>
      <c r="BS16" s="198">
        <v>1</v>
      </c>
      <c r="BT16" s="199">
        <v>1</v>
      </c>
      <c r="BU16" s="194">
        <v>0</v>
      </c>
      <c r="BV16" s="195">
        <v>0</v>
      </c>
      <c r="BW16" s="195">
        <v>0</v>
      </c>
      <c r="BX16" s="196">
        <v>0</v>
      </c>
      <c r="BY16" s="197">
        <v>0</v>
      </c>
      <c r="BZ16" s="197">
        <v>0</v>
      </c>
      <c r="CA16" s="197">
        <v>0</v>
      </c>
      <c r="CB16" s="195">
        <v>1</v>
      </c>
      <c r="CC16" s="198">
        <v>1</v>
      </c>
      <c r="CD16" s="200">
        <v>1</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2</v>
      </c>
      <c r="CT16" s="197">
        <v>2</v>
      </c>
      <c r="CU16" s="197">
        <v>13</v>
      </c>
      <c r="CV16" s="195">
        <v>12</v>
      </c>
      <c r="CW16" s="198">
        <v>29</v>
      </c>
      <c r="CX16" s="199">
        <v>29</v>
      </c>
      <c r="CY16" s="194">
        <v>0</v>
      </c>
      <c r="CZ16" s="195">
        <v>0</v>
      </c>
      <c r="DA16" s="195">
        <v>0</v>
      </c>
      <c r="DB16" s="196">
        <v>0</v>
      </c>
      <c r="DC16" s="197">
        <v>2</v>
      </c>
      <c r="DD16" s="197">
        <v>2</v>
      </c>
      <c r="DE16" s="197">
        <v>13</v>
      </c>
      <c r="DF16" s="195">
        <v>12</v>
      </c>
      <c r="DG16" s="198">
        <v>29</v>
      </c>
      <c r="DH16" s="200">
        <v>29</v>
      </c>
      <c r="DI16" s="201">
        <v>0</v>
      </c>
      <c r="DJ16" s="195">
        <v>0</v>
      </c>
      <c r="DK16" s="195">
        <v>0</v>
      </c>
      <c r="DL16" s="196">
        <v>0</v>
      </c>
      <c r="DM16" s="197">
        <v>0</v>
      </c>
      <c r="DN16" s="197">
        <v>0</v>
      </c>
      <c r="DO16" s="197">
        <v>0</v>
      </c>
      <c r="DP16" s="195">
        <v>0</v>
      </c>
      <c r="DQ16" s="198">
        <v>0</v>
      </c>
      <c r="DR16" s="200">
        <v>0</v>
      </c>
      <c r="DS16" s="201">
        <v>0</v>
      </c>
      <c r="DT16" s="195">
        <v>0</v>
      </c>
      <c r="DU16" s="195">
        <v>0</v>
      </c>
      <c r="DV16" s="196">
        <v>41</v>
      </c>
      <c r="DW16" s="197">
        <v>117</v>
      </c>
      <c r="DX16" s="197">
        <v>346</v>
      </c>
      <c r="DY16" s="197">
        <v>482</v>
      </c>
      <c r="DZ16" s="195">
        <v>332</v>
      </c>
      <c r="EA16" s="198">
        <v>1318</v>
      </c>
      <c r="EB16" s="200">
        <v>1318</v>
      </c>
      <c r="EC16" s="37"/>
    </row>
    <row r="17" spans="2:133" ht="21" customHeight="1" x14ac:dyDescent="0.2">
      <c r="B17" s="62" t="s">
        <v>13</v>
      </c>
      <c r="C17" s="194">
        <v>0</v>
      </c>
      <c r="D17" s="195">
        <v>0</v>
      </c>
      <c r="E17" s="195">
        <v>0</v>
      </c>
      <c r="F17" s="196">
        <v>2</v>
      </c>
      <c r="G17" s="197">
        <v>3</v>
      </c>
      <c r="H17" s="197">
        <v>67</v>
      </c>
      <c r="I17" s="197">
        <v>161</v>
      </c>
      <c r="J17" s="195">
        <v>118</v>
      </c>
      <c r="K17" s="198">
        <v>351</v>
      </c>
      <c r="L17" s="199">
        <v>351</v>
      </c>
      <c r="M17" s="194">
        <v>0</v>
      </c>
      <c r="N17" s="195">
        <v>0</v>
      </c>
      <c r="O17" s="198">
        <v>0</v>
      </c>
      <c r="P17" s="196">
        <v>2</v>
      </c>
      <c r="Q17" s="197">
        <v>3</v>
      </c>
      <c r="R17" s="197">
        <v>67</v>
      </c>
      <c r="S17" s="197">
        <v>161</v>
      </c>
      <c r="T17" s="195">
        <v>117</v>
      </c>
      <c r="U17" s="198">
        <v>350</v>
      </c>
      <c r="V17" s="200">
        <v>350</v>
      </c>
      <c r="W17" s="201">
        <v>0</v>
      </c>
      <c r="X17" s="195">
        <v>0</v>
      </c>
      <c r="Y17" s="198">
        <v>0</v>
      </c>
      <c r="Z17" s="201">
        <v>0</v>
      </c>
      <c r="AA17" s="197">
        <v>0</v>
      </c>
      <c r="AB17" s="197">
        <v>0</v>
      </c>
      <c r="AC17" s="197">
        <v>0</v>
      </c>
      <c r="AD17" s="195">
        <v>1</v>
      </c>
      <c r="AE17" s="198">
        <v>1</v>
      </c>
      <c r="AF17" s="202">
        <v>1</v>
      </c>
      <c r="AG17" s="201">
        <v>0</v>
      </c>
      <c r="AH17" s="195">
        <v>0</v>
      </c>
      <c r="AI17" s="198">
        <v>0</v>
      </c>
      <c r="AJ17" s="201">
        <v>9</v>
      </c>
      <c r="AK17" s="197">
        <v>27</v>
      </c>
      <c r="AL17" s="197">
        <v>40</v>
      </c>
      <c r="AM17" s="197">
        <v>32</v>
      </c>
      <c r="AN17" s="195">
        <v>25</v>
      </c>
      <c r="AO17" s="198">
        <v>133</v>
      </c>
      <c r="AP17" s="202">
        <v>133</v>
      </c>
      <c r="AQ17" s="201">
        <v>0</v>
      </c>
      <c r="AR17" s="195">
        <v>0</v>
      </c>
      <c r="AS17" s="198">
        <v>0</v>
      </c>
      <c r="AT17" s="196">
        <v>9</v>
      </c>
      <c r="AU17" s="197">
        <v>27</v>
      </c>
      <c r="AV17" s="197">
        <v>39</v>
      </c>
      <c r="AW17" s="197">
        <v>31</v>
      </c>
      <c r="AX17" s="195">
        <v>24</v>
      </c>
      <c r="AY17" s="198">
        <v>130</v>
      </c>
      <c r="AZ17" s="199">
        <v>130</v>
      </c>
      <c r="BA17" s="194">
        <v>0</v>
      </c>
      <c r="BB17" s="195">
        <v>0</v>
      </c>
      <c r="BC17" s="195">
        <v>0</v>
      </c>
      <c r="BD17" s="196">
        <v>0</v>
      </c>
      <c r="BE17" s="197">
        <v>0</v>
      </c>
      <c r="BF17" s="197">
        <v>1</v>
      </c>
      <c r="BG17" s="197">
        <v>1</v>
      </c>
      <c r="BH17" s="195">
        <v>1</v>
      </c>
      <c r="BI17" s="198">
        <v>3</v>
      </c>
      <c r="BJ17" s="200">
        <v>3</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1</v>
      </c>
      <c r="CW17" s="198">
        <v>1</v>
      </c>
      <c r="CX17" s="199">
        <v>1</v>
      </c>
      <c r="CY17" s="194">
        <v>0</v>
      </c>
      <c r="CZ17" s="195">
        <v>0</v>
      </c>
      <c r="DA17" s="195">
        <v>0</v>
      </c>
      <c r="DB17" s="196">
        <v>0</v>
      </c>
      <c r="DC17" s="197">
        <v>0</v>
      </c>
      <c r="DD17" s="197">
        <v>0</v>
      </c>
      <c r="DE17" s="197">
        <v>0</v>
      </c>
      <c r="DF17" s="195">
        <v>1</v>
      </c>
      <c r="DG17" s="198">
        <v>1</v>
      </c>
      <c r="DH17" s="200">
        <v>1</v>
      </c>
      <c r="DI17" s="201">
        <v>0</v>
      </c>
      <c r="DJ17" s="195">
        <v>0</v>
      </c>
      <c r="DK17" s="195">
        <v>0</v>
      </c>
      <c r="DL17" s="196">
        <v>0</v>
      </c>
      <c r="DM17" s="197">
        <v>0</v>
      </c>
      <c r="DN17" s="197">
        <v>0</v>
      </c>
      <c r="DO17" s="197">
        <v>0</v>
      </c>
      <c r="DP17" s="195">
        <v>0</v>
      </c>
      <c r="DQ17" s="198">
        <v>0</v>
      </c>
      <c r="DR17" s="200">
        <v>0</v>
      </c>
      <c r="DS17" s="201">
        <v>0</v>
      </c>
      <c r="DT17" s="195">
        <v>0</v>
      </c>
      <c r="DU17" s="195">
        <v>0</v>
      </c>
      <c r="DV17" s="196">
        <v>11</v>
      </c>
      <c r="DW17" s="197">
        <v>30</v>
      </c>
      <c r="DX17" s="197">
        <v>107</v>
      </c>
      <c r="DY17" s="197">
        <v>193</v>
      </c>
      <c r="DZ17" s="195">
        <v>144</v>
      </c>
      <c r="EA17" s="198">
        <v>485</v>
      </c>
      <c r="EB17" s="200">
        <v>485</v>
      </c>
      <c r="EC17" s="37"/>
    </row>
    <row r="18" spans="2:133" ht="21" customHeight="1" x14ac:dyDescent="0.2">
      <c r="B18" s="62" t="s">
        <v>15</v>
      </c>
      <c r="C18" s="194">
        <v>0</v>
      </c>
      <c r="D18" s="195">
        <v>0</v>
      </c>
      <c r="E18" s="195">
        <v>0</v>
      </c>
      <c r="F18" s="196">
        <v>1</v>
      </c>
      <c r="G18" s="197">
        <v>1</v>
      </c>
      <c r="H18" s="197">
        <v>85</v>
      </c>
      <c r="I18" s="197">
        <v>140</v>
      </c>
      <c r="J18" s="195">
        <v>86</v>
      </c>
      <c r="K18" s="198">
        <v>313</v>
      </c>
      <c r="L18" s="199">
        <v>313</v>
      </c>
      <c r="M18" s="194">
        <v>0</v>
      </c>
      <c r="N18" s="195">
        <v>0</v>
      </c>
      <c r="O18" s="198">
        <v>0</v>
      </c>
      <c r="P18" s="196">
        <v>1</v>
      </c>
      <c r="Q18" s="197">
        <v>1</v>
      </c>
      <c r="R18" s="197">
        <v>85</v>
      </c>
      <c r="S18" s="197">
        <v>139</v>
      </c>
      <c r="T18" s="195">
        <v>84</v>
      </c>
      <c r="U18" s="198">
        <v>310</v>
      </c>
      <c r="V18" s="200">
        <v>310</v>
      </c>
      <c r="W18" s="201">
        <v>0</v>
      </c>
      <c r="X18" s="195">
        <v>0</v>
      </c>
      <c r="Y18" s="198">
        <v>0</v>
      </c>
      <c r="Z18" s="201">
        <v>0</v>
      </c>
      <c r="AA18" s="197">
        <v>0</v>
      </c>
      <c r="AB18" s="197">
        <v>0</v>
      </c>
      <c r="AC18" s="197">
        <v>1</v>
      </c>
      <c r="AD18" s="195">
        <v>2</v>
      </c>
      <c r="AE18" s="198">
        <v>3</v>
      </c>
      <c r="AF18" s="202">
        <v>3</v>
      </c>
      <c r="AG18" s="201">
        <v>0</v>
      </c>
      <c r="AH18" s="195">
        <v>0</v>
      </c>
      <c r="AI18" s="198">
        <v>0</v>
      </c>
      <c r="AJ18" s="201">
        <v>20</v>
      </c>
      <c r="AK18" s="197">
        <v>35</v>
      </c>
      <c r="AL18" s="197">
        <v>53</v>
      </c>
      <c r="AM18" s="197">
        <v>52</v>
      </c>
      <c r="AN18" s="195">
        <v>27</v>
      </c>
      <c r="AO18" s="198">
        <v>187</v>
      </c>
      <c r="AP18" s="202">
        <v>187</v>
      </c>
      <c r="AQ18" s="201">
        <v>0</v>
      </c>
      <c r="AR18" s="195">
        <v>0</v>
      </c>
      <c r="AS18" s="198">
        <v>0</v>
      </c>
      <c r="AT18" s="196">
        <v>19</v>
      </c>
      <c r="AU18" s="197">
        <v>35</v>
      </c>
      <c r="AV18" s="197">
        <v>53</v>
      </c>
      <c r="AW18" s="197">
        <v>50</v>
      </c>
      <c r="AX18" s="195">
        <v>26</v>
      </c>
      <c r="AY18" s="198">
        <v>183</v>
      </c>
      <c r="AZ18" s="199">
        <v>183</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0</v>
      </c>
      <c r="BS18" s="198">
        <v>0</v>
      </c>
      <c r="BT18" s="199">
        <v>0</v>
      </c>
      <c r="BU18" s="194">
        <v>0</v>
      </c>
      <c r="BV18" s="195">
        <v>0</v>
      </c>
      <c r="BW18" s="195">
        <v>0</v>
      </c>
      <c r="BX18" s="196">
        <v>0</v>
      </c>
      <c r="BY18" s="197">
        <v>0</v>
      </c>
      <c r="BZ18" s="197">
        <v>0</v>
      </c>
      <c r="CA18" s="197">
        <v>0</v>
      </c>
      <c r="CB18" s="195">
        <v>0</v>
      </c>
      <c r="CC18" s="198">
        <v>0</v>
      </c>
      <c r="CD18" s="200">
        <v>0</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1</v>
      </c>
      <c r="DW18" s="197">
        <v>36</v>
      </c>
      <c r="DX18" s="197">
        <v>137</v>
      </c>
      <c r="DY18" s="197">
        <v>192</v>
      </c>
      <c r="DZ18" s="195">
        <v>113</v>
      </c>
      <c r="EA18" s="198">
        <v>499</v>
      </c>
      <c r="EB18" s="200">
        <v>499</v>
      </c>
      <c r="EC18" s="37"/>
    </row>
    <row r="19" spans="2:133" ht="21" customHeight="1" x14ac:dyDescent="0.2">
      <c r="B19" s="62" t="s">
        <v>16</v>
      </c>
      <c r="C19" s="194">
        <v>0</v>
      </c>
      <c r="D19" s="195">
        <v>0</v>
      </c>
      <c r="E19" s="195">
        <v>0</v>
      </c>
      <c r="F19" s="196">
        <v>7</v>
      </c>
      <c r="G19" s="197">
        <v>17</v>
      </c>
      <c r="H19" s="197">
        <v>202</v>
      </c>
      <c r="I19" s="197">
        <v>307</v>
      </c>
      <c r="J19" s="195">
        <v>198</v>
      </c>
      <c r="K19" s="198">
        <v>731</v>
      </c>
      <c r="L19" s="199">
        <v>731</v>
      </c>
      <c r="M19" s="194">
        <v>0</v>
      </c>
      <c r="N19" s="195">
        <v>0</v>
      </c>
      <c r="O19" s="198">
        <v>0</v>
      </c>
      <c r="P19" s="196">
        <v>7</v>
      </c>
      <c r="Q19" s="197">
        <v>16</v>
      </c>
      <c r="R19" s="197">
        <v>202</v>
      </c>
      <c r="S19" s="197">
        <v>305</v>
      </c>
      <c r="T19" s="195">
        <v>194</v>
      </c>
      <c r="U19" s="198">
        <v>724</v>
      </c>
      <c r="V19" s="200">
        <v>724</v>
      </c>
      <c r="W19" s="201">
        <v>0</v>
      </c>
      <c r="X19" s="195">
        <v>0</v>
      </c>
      <c r="Y19" s="198">
        <v>0</v>
      </c>
      <c r="Z19" s="201">
        <v>0</v>
      </c>
      <c r="AA19" s="197">
        <v>1</v>
      </c>
      <c r="AB19" s="197">
        <v>0</v>
      </c>
      <c r="AC19" s="197">
        <v>2</v>
      </c>
      <c r="AD19" s="195">
        <v>4</v>
      </c>
      <c r="AE19" s="198">
        <v>7</v>
      </c>
      <c r="AF19" s="202">
        <v>7</v>
      </c>
      <c r="AG19" s="201">
        <v>0</v>
      </c>
      <c r="AH19" s="195">
        <v>0</v>
      </c>
      <c r="AI19" s="198">
        <v>0</v>
      </c>
      <c r="AJ19" s="201">
        <v>44</v>
      </c>
      <c r="AK19" s="197">
        <v>95</v>
      </c>
      <c r="AL19" s="197">
        <v>144</v>
      </c>
      <c r="AM19" s="197">
        <v>135</v>
      </c>
      <c r="AN19" s="195">
        <v>60</v>
      </c>
      <c r="AO19" s="198">
        <v>478</v>
      </c>
      <c r="AP19" s="202">
        <v>478</v>
      </c>
      <c r="AQ19" s="201">
        <v>0</v>
      </c>
      <c r="AR19" s="195">
        <v>0</v>
      </c>
      <c r="AS19" s="198">
        <v>0</v>
      </c>
      <c r="AT19" s="196">
        <v>44</v>
      </c>
      <c r="AU19" s="197">
        <v>95</v>
      </c>
      <c r="AV19" s="197">
        <v>144</v>
      </c>
      <c r="AW19" s="197">
        <v>135</v>
      </c>
      <c r="AX19" s="195">
        <v>59</v>
      </c>
      <c r="AY19" s="198">
        <v>477</v>
      </c>
      <c r="AZ19" s="199">
        <v>477</v>
      </c>
      <c r="BA19" s="194">
        <v>0</v>
      </c>
      <c r="BB19" s="195">
        <v>0</v>
      </c>
      <c r="BC19" s="195">
        <v>0</v>
      </c>
      <c r="BD19" s="196">
        <v>0</v>
      </c>
      <c r="BE19" s="197">
        <v>0</v>
      </c>
      <c r="BF19" s="197">
        <v>0</v>
      </c>
      <c r="BG19" s="197">
        <v>0</v>
      </c>
      <c r="BH19" s="195">
        <v>1</v>
      </c>
      <c r="BI19" s="198">
        <v>1</v>
      </c>
      <c r="BJ19" s="200">
        <v>1</v>
      </c>
      <c r="BK19" s="201">
        <v>0</v>
      </c>
      <c r="BL19" s="195">
        <v>0</v>
      </c>
      <c r="BM19" s="195">
        <v>0</v>
      </c>
      <c r="BN19" s="196">
        <v>0</v>
      </c>
      <c r="BO19" s="197">
        <v>0</v>
      </c>
      <c r="BP19" s="197">
        <v>0</v>
      </c>
      <c r="BQ19" s="197">
        <v>0</v>
      </c>
      <c r="BR19" s="195">
        <v>1</v>
      </c>
      <c r="BS19" s="198">
        <v>1</v>
      </c>
      <c r="BT19" s="199">
        <v>1</v>
      </c>
      <c r="BU19" s="194">
        <v>0</v>
      </c>
      <c r="BV19" s="195">
        <v>0</v>
      </c>
      <c r="BW19" s="195">
        <v>0</v>
      </c>
      <c r="BX19" s="196">
        <v>0</v>
      </c>
      <c r="BY19" s="197">
        <v>0</v>
      </c>
      <c r="BZ19" s="197">
        <v>0</v>
      </c>
      <c r="CA19" s="197">
        <v>0</v>
      </c>
      <c r="CB19" s="195">
        <v>1</v>
      </c>
      <c r="CC19" s="198">
        <v>1</v>
      </c>
      <c r="CD19" s="200">
        <v>1</v>
      </c>
      <c r="CE19" s="201">
        <v>0</v>
      </c>
      <c r="CF19" s="195">
        <v>0</v>
      </c>
      <c r="CG19" s="195">
        <v>0</v>
      </c>
      <c r="CH19" s="196">
        <v>0</v>
      </c>
      <c r="CI19" s="197">
        <v>0</v>
      </c>
      <c r="CJ19" s="197">
        <v>0</v>
      </c>
      <c r="CK19" s="197">
        <v>0</v>
      </c>
      <c r="CL19" s="195">
        <v>0</v>
      </c>
      <c r="CM19" s="198">
        <v>0</v>
      </c>
      <c r="CN19" s="200">
        <v>0</v>
      </c>
      <c r="CO19" s="201">
        <v>0</v>
      </c>
      <c r="CP19" s="195">
        <v>0</v>
      </c>
      <c r="CQ19" s="195">
        <v>0</v>
      </c>
      <c r="CR19" s="196">
        <v>0</v>
      </c>
      <c r="CS19" s="197">
        <v>0</v>
      </c>
      <c r="CT19" s="197">
        <v>3</v>
      </c>
      <c r="CU19" s="197">
        <v>10</v>
      </c>
      <c r="CV19" s="195">
        <v>21</v>
      </c>
      <c r="CW19" s="198">
        <v>34</v>
      </c>
      <c r="CX19" s="199">
        <v>34</v>
      </c>
      <c r="CY19" s="194">
        <v>0</v>
      </c>
      <c r="CZ19" s="195">
        <v>0</v>
      </c>
      <c r="DA19" s="195">
        <v>0</v>
      </c>
      <c r="DB19" s="196">
        <v>0</v>
      </c>
      <c r="DC19" s="197">
        <v>0</v>
      </c>
      <c r="DD19" s="197">
        <v>3</v>
      </c>
      <c r="DE19" s="197">
        <v>10</v>
      </c>
      <c r="DF19" s="195">
        <v>21</v>
      </c>
      <c r="DG19" s="198">
        <v>34</v>
      </c>
      <c r="DH19" s="200">
        <v>34</v>
      </c>
      <c r="DI19" s="201">
        <v>0</v>
      </c>
      <c r="DJ19" s="195">
        <v>0</v>
      </c>
      <c r="DK19" s="195">
        <v>0</v>
      </c>
      <c r="DL19" s="196">
        <v>0</v>
      </c>
      <c r="DM19" s="197">
        <v>0</v>
      </c>
      <c r="DN19" s="197">
        <v>0</v>
      </c>
      <c r="DO19" s="197">
        <v>0</v>
      </c>
      <c r="DP19" s="195">
        <v>0</v>
      </c>
      <c r="DQ19" s="198">
        <v>0</v>
      </c>
      <c r="DR19" s="200">
        <v>0</v>
      </c>
      <c r="DS19" s="201">
        <v>0</v>
      </c>
      <c r="DT19" s="195">
        <v>0</v>
      </c>
      <c r="DU19" s="195">
        <v>0</v>
      </c>
      <c r="DV19" s="196">
        <v>51</v>
      </c>
      <c r="DW19" s="197">
        <v>112</v>
      </c>
      <c r="DX19" s="197">
        <v>347</v>
      </c>
      <c r="DY19" s="197">
        <v>446</v>
      </c>
      <c r="DZ19" s="195">
        <v>280</v>
      </c>
      <c r="EA19" s="198">
        <v>1236</v>
      </c>
      <c r="EB19" s="200">
        <v>1236</v>
      </c>
      <c r="EC19" s="37"/>
    </row>
    <row r="20" spans="2:133" ht="21" customHeight="1" x14ac:dyDescent="0.2">
      <c r="B20" s="62" t="s">
        <v>17</v>
      </c>
      <c r="C20" s="194">
        <v>0</v>
      </c>
      <c r="D20" s="195">
        <v>0</v>
      </c>
      <c r="E20" s="195">
        <v>0</v>
      </c>
      <c r="F20" s="196">
        <v>3</v>
      </c>
      <c r="G20" s="197">
        <v>18</v>
      </c>
      <c r="H20" s="197">
        <v>205</v>
      </c>
      <c r="I20" s="197">
        <v>288</v>
      </c>
      <c r="J20" s="195">
        <v>228</v>
      </c>
      <c r="K20" s="198">
        <v>742</v>
      </c>
      <c r="L20" s="199">
        <v>742</v>
      </c>
      <c r="M20" s="194">
        <v>0</v>
      </c>
      <c r="N20" s="195">
        <v>0</v>
      </c>
      <c r="O20" s="198">
        <v>0</v>
      </c>
      <c r="P20" s="196">
        <v>3</v>
      </c>
      <c r="Q20" s="197">
        <v>18</v>
      </c>
      <c r="R20" s="197">
        <v>205</v>
      </c>
      <c r="S20" s="197">
        <v>286</v>
      </c>
      <c r="T20" s="195">
        <v>224</v>
      </c>
      <c r="U20" s="198">
        <v>736</v>
      </c>
      <c r="V20" s="200">
        <v>736</v>
      </c>
      <c r="W20" s="201">
        <v>0</v>
      </c>
      <c r="X20" s="195">
        <v>0</v>
      </c>
      <c r="Y20" s="198">
        <v>0</v>
      </c>
      <c r="Z20" s="201">
        <v>0</v>
      </c>
      <c r="AA20" s="197">
        <v>0</v>
      </c>
      <c r="AB20" s="197">
        <v>0</v>
      </c>
      <c r="AC20" s="197">
        <v>2</v>
      </c>
      <c r="AD20" s="195">
        <v>4</v>
      </c>
      <c r="AE20" s="198">
        <v>6</v>
      </c>
      <c r="AF20" s="202">
        <v>6</v>
      </c>
      <c r="AG20" s="201">
        <v>0</v>
      </c>
      <c r="AH20" s="195">
        <v>0</v>
      </c>
      <c r="AI20" s="198">
        <v>0</v>
      </c>
      <c r="AJ20" s="201">
        <v>45</v>
      </c>
      <c r="AK20" s="197">
        <v>115</v>
      </c>
      <c r="AL20" s="197">
        <v>153</v>
      </c>
      <c r="AM20" s="197">
        <v>139</v>
      </c>
      <c r="AN20" s="195">
        <v>80</v>
      </c>
      <c r="AO20" s="198">
        <v>532</v>
      </c>
      <c r="AP20" s="202">
        <v>532</v>
      </c>
      <c r="AQ20" s="201">
        <v>0</v>
      </c>
      <c r="AR20" s="195">
        <v>0</v>
      </c>
      <c r="AS20" s="198">
        <v>0</v>
      </c>
      <c r="AT20" s="196">
        <v>43</v>
      </c>
      <c r="AU20" s="197">
        <v>113</v>
      </c>
      <c r="AV20" s="197">
        <v>147</v>
      </c>
      <c r="AW20" s="197">
        <v>137</v>
      </c>
      <c r="AX20" s="195">
        <v>80</v>
      </c>
      <c r="AY20" s="198">
        <v>520</v>
      </c>
      <c r="AZ20" s="199">
        <v>520</v>
      </c>
      <c r="BA20" s="194">
        <v>0</v>
      </c>
      <c r="BB20" s="195">
        <v>0</v>
      </c>
      <c r="BC20" s="195">
        <v>0</v>
      </c>
      <c r="BD20" s="196">
        <v>2</v>
      </c>
      <c r="BE20" s="197">
        <v>2</v>
      </c>
      <c r="BF20" s="197">
        <v>6</v>
      </c>
      <c r="BG20" s="197">
        <v>2</v>
      </c>
      <c r="BH20" s="195">
        <v>0</v>
      </c>
      <c r="BI20" s="198">
        <v>12</v>
      </c>
      <c r="BJ20" s="200">
        <v>12</v>
      </c>
      <c r="BK20" s="201">
        <v>0</v>
      </c>
      <c r="BL20" s="195">
        <v>0</v>
      </c>
      <c r="BM20" s="195">
        <v>0</v>
      </c>
      <c r="BN20" s="196">
        <v>0</v>
      </c>
      <c r="BO20" s="197">
        <v>0</v>
      </c>
      <c r="BP20" s="197">
        <v>0</v>
      </c>
      <c r="BQ20" s="197">
        <v>0</v>
      </c>
      <c r="BR20" s="195">
        <v>5</v>
      </c>
      <c r="BS20" s="198">
        <v>5</v>
      </c>
      <c r="BT20" s="199">
        <v>5</v>
      </c>
      <c r="BU20" s="194">
        <v>0</v>
      </c>
      <c r="BV20" s="195">
        <v>0</v>
      </c>
      <c r="BW20" s="195">
        <v>0</v>
      </c>
      <c r="BX20" s="196">
        <v>0</v>
      </c>
      <c r="BY20" s="197">
        <v>0</v>
      </c>
      <c r="BZ20" s="197">
        <v>0</v>
      </c>
      <c r="CA20" s="197">
        <v>0</v>
      </c>
      <c r="CB20" s="195">
        <v>5</v>
      </c>
      <c r="CC20" s="198">
        <v>5</v>
      </c>
      <c r="CD20" s="200">
        <v>5</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3</v>
      </c>
      <c r="CV20" s="195">
        <v>10</v>
      </c>
      <c r="CW20" s="198">
        <v>14</v>
      </c>
      <c r="CX20" s="199">
        <v>14</v>
      </c>
      <c r="CY20" s="194">
        <v>0</v>
      </c>
      <c r="CZ20" s="195">
        <v>0</v>
      </c>
      <c r="DA20" s="195">
        <v>0</v>
      </c>
      <c r="DB20" s="196">
        <v>0</v>
      </c>
      <c r="DC20" s="197">
        <v>0</v>
      </c>
      <c r="DD20" s="197">
        <v>1</v>
      </c>
      <c r="DE20" s="197">
        <v>3</v>
      </c>
      <c r="DF20" s="195">
        <v>9</v>
      </c>
      <c r="DG20" s="198">
        <v>13</v>
      </c>
      <c r="DH20" s="200">
        <v>13</v>
      </c>
      <c r="DI20" s="201">
        <v>0</v>
      </c>
      <c r="DJ20" s="195">
        <v>0</v>
      </c>
      <c r="DK20" s="195">
        <v>0</v>
      </c>
      <c r="DL20" s="196">
        <v>0</v>
      </c>
      <c r="DM20" s="197">
        <v>0</v>
      </c>
      <c r="DN20" s="197">
        <v>0</v>
      </c>
      <c r="DO20" s="197">
        <v>0</v>
      </c>
      <c r="DP20" s="195">
        <v>1</v>
      </c>
      <c r="DQ20" s="198">
        <v>1</v>
      </c>
      <c r="DR20" s="200">
        <v>1</v>
      </c>
      <c r="DS20" s="201">
        <v>0</v>
      </c>
      <c r="DT20" s="195">
        <v>0</v>
      </c>
      <c r="DU20" s="195">
        <v>0</v>
      </c>
      <c r="DV20" s="196">
        <v>48</v>
      </c>
      <c r="DW20" s="197">
        <v>133</v>
      </c>
      <c r="DX20" s="197">
        <v>359</v>
      </c>
      <c r="DY20" s="197">
        <v>430</v>
      </c>
      <c r="DZ20" s="195">
        <v>323</v>
      </c>
      <c r="EA20" s="198">
        <v>1293</v>
      </c>
      <c r="EB20" s="200">
        <v>1293</v>
      </c>
      <c r="EC20" s="37"/>
    </row>
    <row r="21" spans="2:133" ht="21" customHeight="1" x14ac:dyDescent="0.2">
      <c r="B21" s="62" t="s">
        <v>18</v>
      </c>
      <c r="C21" s="194">
        <v>0</v>
      </c>
      <c r="D21" s="195">
        <v>0</v>
      </c>
      <c r="E21" s="195">
        <v>0</v>
      </c>
      <c r="F21" s="196">
        <v>6</v>
      </c>
      <c r="G21" s="197">
        <v>12</v>
      </c>
      <c r="H21" s="197">
        <v>180</v>
      </c>
      <c r="I21" s="197">
        <v>405</v>
      </c>
      <c r="J21" s="195">
        <v>260</v>
      </c>
      <c r="K21" s="198">
        <v>863</v>
      </c>
      <c r="L21" s="199">
        <v>863</v>
      </c>
      <c r="M21" s="194">
        <v>0</v>
      </c>
      <c r="N21" s="195">
        <v>0</v>
      </c>
      <c r="O21" s="198">
        <v>0</v>
      </c>
      <c r="P21" s="196">
        <v>6</v>
      </c>
      <c r="Q21" s="197">
        <v>12</v>
      </c>
      <c r="R21" s="197">
        <v>177</v>
      </c>
      <c r="S21" s="197">
        <v>402</v>
      </c>
      <c r="T21" s="195">
        <v>256</v>
      </c>
      <c r="U21" s="198">
        <v>853</v>
      </c>
      <c r="V21" s="200">
        <v>853</v>
      </c>
      <c r="W21" s="201">
        <v>0</v>
      </c>
      <c r="X21" s="195">
        <v>0</v>
      </c>
      <c r="Y21" s="198">
        <v>0</v>
      </c>
      <c r="Z21" s="201">
        <v>0</v>
      </c>
      <c r="AA21" s="197">
        <v>0</v>
      </c>
      <c r="AB21" s="197">
        <v>3</v>
      </c>
      <c r="AC21" s="197">
        <v>3</v>
      </c>
      <c r="AD21" s="195">
        <v>4</v>
      </c>
      <c r="AE21" s="198">
        <v>10</v>
      </c>
      <c r="AF21" s="202">
        <v>10</v>
      </c>
      <c r="AG21" s="201">
        <v>0</v>
      </c>
      <c r="AH21" s="195">
        <v>0</v>
      </c>
      <c r="AI21" s="198">
        <v>0</v>
      </c>
      <c r="AJ21" s="201">
        <v>36</v>
      </c>
      <c r="AK21" s="197">
        <v>75</v>
      </c>
      <c r="AL21" s="197">
        <v>114</v>
      </c>
      <c r="AM21" s="197">
        <v>129</v>
      </c>
      <c r="AN21" s="195">
        <v>71</v>
      </c>
      <c r="AO21" s="198">
        <v>425</v>
      </c>
      <c r="AP21" s="202">
        <v>425</v>
      </c>
      <c r="AQ21" s="201">
        <v>0</v>
      </c>
      <c r="AR21" s="195">
        <v>0</v>
      </c>
      <c r="AS21" s="198">
        <v>0</v>
      </c>
      <c r="AT21" s="196">
        <v>36</v>
      </c>
      <c r="AU21" s="197">
        <v>72</v>
      </c>
      <c r="AV21" s="197">
        <v>111</v>
      </c>
      <c r="AW21" s="197">
        <v>127</v>
      </c>
      <c r="AX21" s="195">
        <v>68</v>
      </c>
      <c r="AY21" s="198">
        <v>414</v>
      </c>
      <c r="AZ21" s="199">
        <v>414</v>
      </c>
      <c r="BA21" s="194">
        <v>0</v>
      </c>
      <c r="BB21" s="195">
        <v>0</v>
      </c>
      <c r="BC21" s="195">
        <v>0</v>
      </c>
      <c r="BD21" s="196">
        <v>0</v>
      </c>
      <c r="BE21" s="197">
        <v>3</v>
      </c>
      <c r="BF21" s="197">
        <v>3</v>
      </c>
      <c r="BG21" s="197">
        <v>2</v>
      </c>
      <c r="BH21" s="195">
        <v>3</v>
      </c>
      <c r="BI21" s="198">
        <v>11</v>
      </c>
      <c r="BJ21" s="200">
        <v>11</v>
      </c>
      <c r="BK21" s="201">
        <v>0</v>
      </c>
      <c r="BL21" s="195">
        <v>0</v>
      </c>
      <c r="BM21" s="195">
        <v>0</v>
      </c>
      <c r="BN21" s="196">
        <v>0</v>
      </c>
      <c r="BO21" s="197">
        <v>0</v>
      </c>
      <c r="BP21" s="197">
        <v>0</v>
      </c>
      <c r="BQ21" s="197">
        <v>1</v>
      </c>
      <c r="BR21" s="195">
        <v>4</v>
      </c>
      <c r="BS21" s="198">
        <v>5</v>
      </c>
      <c r="BT21" s="199">
        <v>5</v>
      </c>
      <c r="BU21" s="194">
        <v>0</v>
      </c>
      <c r="BV21" s="195">
        <v>0</v>
      </c>
      <c r="BW21" s="195">
        <v>0</v>
      </c>
      <c r="BX21" s="196">
        <v>0</v>
      </c>
      <c r="BY21" s="197">
        <v>0</v>
      </c>
      <c r="BZ21" s="197">
        <v>0</v>
      </c>
      <c r="CA21" s="197">
        <v>1</v>
      </c>
      <c r="CB21" s="195">
        <v>4</v>
      </c>
      <c r="CC21" s="198">
        <v>5</v>
      </c>
      <c r="CD21" s="200">
        <v>5</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11</v>
      </c>
      <c r="CV21" s="195">
        <v>21</v>
      </c>
      <c r="CW21" s="198">
        <v>33</v>
      </c>
      <c r="CX21" s="199">
        <v>33</v>
      </c>
      <c r="CY21" s="194">
        <v>0</v>
      </c>
      <c r="CZ21" s="195">
        <v>0</v>
      </c>
      <c r="DA21" s="195">
        <v>0</v>
      </c>
      <c r="DB21" s="196">
        <v>0</v>
      </c>
      <c r="DC21" s="197">
        <v>0</v>
      </c>
      <c r="DD21" s="197">
        <v>1</v>
      </c>
      <c r="DE21" s="197">
        <v>11</v>
      </c>
      <c r="DF21" s="195">
        <v>20</v>
      </c>
      <c r="DG21" s="198">
        <v>32</v>
      </c>
      <c r="DH21" s="200">
        <v>32</v>
      </c>
      <c r="DI21" s="201">
        <v>0</v>
      </c>
      <c r="DJ21" s="195">
        <v>0</v>
      </c>
      <c r="DK21" s="195">
        <v>0</v>
      </c>
      <c r="DL21" s="196">
        <v>0</v>
      </c>
      <c r="DM21" s="197">
        <v>0</v>
      </c>
      <c r="DN21" s="197">
        <v>0</v>
      </c>
      <c r="DO21" s="197">
        <v>0</v>
      </c>
      <c r="DP21" s="195">
        <v>1</v>
      </c>
      <c r="DQ21" s="198">
        <v>1</v>
      </c>
      <c r="DR21" s="200">
        <v>1</v>
      </c>
      <c r="DS21" s="201">
        <v>0</v>
      </c>
      <c r="DT21" s="195">
        <v>0</v>
      </c>
      <c r="DU21" s="195">
        <v>0</v>
      </c>
      <c r="DV21" s="196">
        <v>42</v>
      </c>
      <c r="DW21" s="197">
        <v>87</v>
      </c>
      <c r="DX21" s="197">
        <v>293</v>
      </c>
      <c r="DY21" s="197">
        <v>544</v>
      </c>
      <c r="DZ21" s="195">
        <v>355</v>
      </c>
      <c r="EA21" s="198">
        <v>1321</v>
      </c>
      <c r="EB21" s="200">
        <v>1321</v>
      </c>
      <c r="EC21" s="37"/>
    </row>
    <row r="22" spans="2:133" ht="21" customHeight="1" x14ac:dyDescent="0.2">
      <c r="B22" s="62" t="s">
        <v>19</v>
      </c>
      <c r="C22" s="194">
        <v>0</v>
      </c>
      <c r="D22" s="195">
        <v>0</v>
      </c>
      <c r="E22" s="195">
        <v>0</v>
      </c>
      <c r="F22" s="196">
        <v>0</v>
      </c>
      <c r="G22" s="197">
        <v>7</v>
      </c>
      <c r="H22" s="197">
        <v>122</v>
      </c>
      <c r="I22" s="197">
        <v>131</v>
      </c>
      <c r="J22" s="195">
        <v>100</v>
      </c>
      <c r="K22" s="198">
        <v>360</v>
      </c>
      <c r="L22" s="199">
        <v>360</v>
      </c>
      <c r="M22" s="194">
        <v>0</v>
      </c>
      <c r="N22" s="195">
        <v>0</v>
      </c>
      <c r="O22" s="198">
        <v>0</v>
      </c>
      <c r="P22" s="196">
        <v>0</v>
      </c>
      <c r="Q22" s="197">
        <v>7</v>
      </c>
      <c r="R22" s="197">
        <v>121</v>
      </c>
      <c r="S22" s="197">
        <v>131</v>
      </c>
      <c r="T22" s="195">
        <v>100</v>
      </c>
      <c r="U22" s="198">
        <v>359</v>
      </c>
      <c r="V22" s="200">
        <v>359</v>
      </c>
      <c r="W22" s="201">
        <v>0</v>
      </c>
      <c r="X22" s="195">
        <v>0</v>
      </c>
      <c r="Y22" s="198">
        <v>0</v>
      </c>
      <c r="Z22" s="201">
        <v>0</v>
      </c>
      <c r="AA22" s="197">
        <v>0</v>
      </c>
      <c r="AB22" s="197">
        <v>1</v>
      </c>
      <c r="AC22" s="197">
        <v>0</v>
      </c>
      <c r="AD22" s="195">
        <v>0</v>
      </c>
      <c r="AE22" s="198">
        <v>1</v>
      </c>
      <c r="AF22" s="202">
        <v>1</v>
      </c>
      <c r="AG22" s="201">
        <v>0</v>
      </c>
      <c r="AH22" s="195">
        <v>0</v>
      </c>
      <c r="AI22" s="198">
        <v>0</v>
      </c>
      <c r="AJ22" s="201">
        <v>20</v>
      </c>
      <c r="AK22" s="197">
        <v>47</v>
      </c>
      <c r="AL22" s="197">
        <v>82</v>
      </c>
      <c r="AM22" s="197">
        <v>61</v>
      </c>
      <c r="AN22" s="195">
        <v>33</v>
      </c>
      <c r="AO22" s="198">
        <v>243</v>
      </c>
      <c r="AP22" s="202">
        <v>243</v>
      </c>
      <c r="AQ22" s="201">
        <v>0</v>
      </c>
      <c r="AR22" s="195">
        <v>0</v>
      </c>
      <c r="AS22" s="198">
        <v>0</v>
      </c>
      <c r="AT22" s="196">
        <v>20</v>
      </c>
      <c r="AU22" s="197">
        <v>47</v>
      </c>
      <c r="AV22" s="197">
        <v>80</v>
      </c>
      <c r="AW22" s="197">
        <v>58</v>
      </c>
      <c r="AX22" s="195">
        <v>33</v>
      </c>
      <c r="AY22" s="198">
        <v>238</v>
      </c>
      <c r="AZ22" s="199">
        <v>238</v>
      </c>
      <c r="BA22" s="194">
        <v>0</v>
      </c>
      <c r="BB22" s="195">
        <v>0</v>
      </c>
      <c r="BC22" s="195">
        <v>0</v>
      </c>
      <c r="BD22" s="196">
        <v>0</v>
      </c>
      <c r="BE22" s="197">
        <v>0</v>
      </c>
      <c r="BF22" s="197">
        <v>2</v>
      </c>
      <c r="BG22" s="197">
        <v>3</v>
      </c>
      <c r="BH22" s="195">
        <v>0</v>
      </c>
      <c r="BI22" s="198">
        <v>5</v>
      </c>
      <c r="BJ22" s="200">
        <v>5</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3</v>
      </c>
      <c r="CV22" s="195">
        <v>7</v>
      </c>
      <c r="CW22" s="198">
        <v>10</v>
      </c>
      <c r="CX22" s="199">
        <v>10</v>
      </c>
      <c r="CY22" s="194">
        <v>0</v>
      </c>
      <c r="CZ22" s="195">
        <v>0</v>
      </c>
      <c r="DA22" s="195">
        <v>0</v>
      </c>
      <c r="DB22" s="196">
        <v>0</v>
      </c>
      <c r="DC22" s="197">
        <v>0</v>
      </c>
      <c r="DD22" s="197">
        <v>0</v>
      </c>
      <c r="DE22" s="197">
        <v>3</v>
      </c>
      <c r="DF22" s="195">
        <v>6</v>
      </c>
      <c r="DG22" s="198">
        <v>9</v>
      </c>
      <c r="DH22" s="200">
        <v>9</v>
      </c>
      <c r="DI22" s="201">
        <v>0</v>
      </c>
      <c r="DJ22" s="195">
        <v>0</v>
      </c>
      <c r="DK22" s="195">
        <v>0</v>
      </c>
      <c r="DL22" s="196">
        <v>0</v>
      </c>
      <c r="DM22" s="197">
        <v>0</v>
      </c>
      <c r="DN22" s="197">
        <v>0</v>
      </c>
      <c r="DO22" s="197">
        <v>0</v>
      </c>
      <c r="DP22" s="195">
        <v>1</v>
      </c>
      <c r="DQ22" s="198">
        <v>1</v>
      </c>
      <c r="DR22" s="200">
        <v>1</v>
      </c>
      <c r="DS22" s="201">
        <v>0</v>
      </c>
      <c r="DT22" s="195">
        <v>0</v>
      </c>
      <c r="DU22" s="195">
        <v>0</v>
      </c>
      <c r="DV22" s="196">
        <v>20</v>
      </c>
      <c r="DW22" s="197">
        <v>54</v>
      </c>
      <c r="DX22" s="197">
        <v>202</v>
      </c>
      <c r="DY22" s="197">
        <v>193</v>
      </c>
      <c r="DZ22" s="195">
        <v>139</v>
      </c>
      <c r="EA22" s="198">
        <v>608</v>
      </c>
      <c r="EB22" s="200">
        <v>608</v>
      </c>
      <c r="EC22" s="37"/>
    </row>
    <row r="23" spans="2:133" ht="21" customHeight="1" x14ac:dyDescent="0.2">
      <c r="B23" s="62" t="s">
        <v>20</v>
      </c>
      <c r="C23" s="194">
        <v>0</v>
      </c>
      <c r="D23" s="195">
        <v>0</v>
      </c>
      <c r="E23" s="195">
        <v>0</v>
      </c>
      <c r="F23" s="196">
        <v>4</v>
      </c>
      <c r="G23" s="197">
        <v>26</v>
      </c>
      <c r="H23" s="197">
        <v>129</v>
      </c>
      <c r="I23" s="197">
        <v>204</v>
      </c>
      <c r="J23" s="195">
        <v>102</v>
      </c>
      <c r="K23" s="198">
        <v>465</v>
      </c>
      <c r="L23" s="199">
        <v>465</v>
      </c>
      <c r="M23" s="194">
        <v>0</v>
      </c>
      <c r="N23" s="195">
        <v>0</v>
      </c>
      <c r="O23" s="198">
        <v>0</v>
      </c>
      <c r="P23" s="196">
        <v>4</v>
      </c>
      <c r="Q23" s="197">
        <v>26</v>
      </c>
      <c r="R23" s="197">
        <v>128</v>
      </c>
      <c r="S23" s="197">
        <v>202</v>
      </c>
      <c r="T23" s="195">
        <v>100</v>
      </c>
      <c r="U23" s="198">
        <v>460</v>
      </c>
      <c r="V23" s="200">
        <v>460</v>
      </c>
      <c r="W23" s="201">
        <v>0</v>
      </c>
      <c r="X23" s="195">
        <v>0</v>
      </c>
      <c r="Y23" s="198">
        <v>0</v>
      </c>
      <c r="Z23" s="201">
        <v>0</v>
      </c>
      <c r="AA23" s="197">
        <v>0</v>
      </c>
      <c r="AB23" s="197">
        <v>1</v>
      </c>
      <c r="AC23" s="197">
        <v>2</v>
      </c>
      <c r="AD23" s="195">
        <v>2</v>
      </c>
      <c r="AE23" s="198">
        <v>5</v>
      </c>
      <c r="AF23" s="202">
        <v>5</v>
      </c>
      <c r="AG23" s="201">
        <v>0</v>
      </c>
      <c r="AH23" s="195">
        <v>0</v>
      </c>
      <c r="AI23" s="198">
        <v>0</v>
      </c>
      <c r="AJ23" s="201">
        <v>17</v>
      </c>
      <c r="AK23" s="197">
        <v>43</v>
      </c>
      <c r="AL23" s="197">
        <v>39</v>
      </c>
      <c r="AM23" s="197">
        <v>56</v>
      </c>
      <c r="AN23" s="195">
        <v>23</v>
      </c>
      <c r="AO23" s="198">
        <v>178</v>
      </c>
      <c r="AP23" s="202">
        <v>178</v>
      </c>
      <c r="AQ23" s="201">
        <v>0</v>
      </c>
      <c r="AR23" s="195">
        <v>0</v>
      </c>
      <c r="AS23" s="198">
        <v>0</v>
      </c>
      <c r="AT23" s="196">
        <v>16</v>
      </c>
      <c r="AU23" s="197">
        <v>43</v>
      </c>
      <c r="AV23" s="197">
        <v>39</v>
      </c>
      <c r="AW23" s="197">
        <v>55</v>
      </c>
      <c r="AX23" s="195">
        <v>23</v>
      </c>
      <c r="AY23" s="198">
        <v>176</v>
      </c>
      <c r="AZ23" s="199">
        <v>176</v>
      </c>
      <c r="BA23" s="194">
        <v>0</v>
      </c>
      <c r="BB23" s="195">
        <v>0</v>
      </c>
      <c r="BC23" s="195">
        <v>0</v>
      </c>
      <c r="BD23" s="196">
        <v>1</v>
      </c>
      <c r="BE23" s="197">
        <v>0</v>
      </c>
      <c r="BF23" s="197">
        <v>0</v>
      </c>
      <c r="BG23" s="197">
        <v>1</v>
      </c>
      <c r="BH23" s="195">
        <v>0</v>
      </c>
      <c r="BI23" s="198">
        <v>2</v>
      </c>
      <c r="BJ23" s="200">
        <v>2</v>
      </c>
      <c r="BK23" s="201">
        <v>0</v>
      </c>
      <c r="BL23" s="195">
        <v>0</v>
      </c>
      <c r="BM23" s="195">
        <v>0</v>
      </c>
      <c r="BN23" s="196">
        <v>0</v>
      </c>
      <c r="BO23" s="197">
        <v>0</v>
      </c>
      <c r="BP23" s="197">
        <v>0</v>
      </c>
      <c r="BQ23" s="197">
        <v>1</v>
      </c>
      <c r="BR23" s="195">
        <v>0</v>
      </c>
      <c r="BS23" s="198">
        <v>1</v>
      </c>
      <c r="BT23" s="199">
        <v>1</v>
      </c>
      <c r="BU23" s="194">
        <v>0</v>
      </c>
      <c r="BV23" s="195">
        <v>0</v>
      </c>
      <c r="BW23" s="195">
        <v>0</v>
      </c>
      <c r="BX23" s="196">
        <v>0</v>
      </c>
      <c r="BY23" s="197">
        <v>0</v>
      </c>
      <c r="BZ23" s="197">
        <v>0</v>
      </c>
      <c r="CA23" s="197">
        <v>1</v>
      </c>
      <c r="CB23" s="195">
        <v>0</v>
      </c>
      <c r="CC23" s="198">
        <v>1</v>
      </c>
      <c r="CD23" s="200">
        <v>1</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0</v>
      </c>
      <c r="CU23" s="197">
        <v>3</v>
      </c>
      <c r="CV23" s="195">
        <v>4</v>
      </c>
      <c r="CW23" s="198">
        <v>7</v>
      </c>
      <c r="CX23" s="199">
        <v>7</v>
      </c>
      <c r="CY23" s="194">
        <v>0</v>
      </c>
      <c r="CZ23" s="195">
        <v>0</v>
      </c>
      <c r="DA23" s="195">
        <v>0</v>
      </c>
      <c r="DB23" s="196">
        <v>0</v>
      </c>
      <c r="DC23" s="197">
        <v>0</v>
      </c>
      <c r="DD23" s="197">
        <v>0</v>
      </c>
      <c r="DE23" s="197">
        <v>3</v>
      </c>
      <c r="DF23" s="195">
        <v>4</v>
      </c>
      <c r="DG23" s="198">
        <v>7</v>
      </c>
      <c r="DH23" s="200">
        <v>7</v>
      </c>
      <c r="DI23" s="201">
        <v>0</v>
      </c>
      <c r="DJ23" s="195">
        <v>0</v>
      </c>
      <c r="DK23" s="195">
        <v>0</v>
      </c>
      <c r="DL23" s="196">
        <v>0</v>
      </c>
      <c r="DM23" s="197">
        <v>0</v>
      </c>
      <c r="DN23" s="197">
        <v>0</v>
      </c>
      <c r="DO23" s="197">
        <v>0</v>
      </c>
      <c r="DP23" s="195">
        <v>0</v>
      </c>
      <c r="DQ23" s="198">
        <v>0</v>
      </c>
      <c r="DR23" s="200">
        <v>0</v>
      </c>
      <c r="DS23" s="201">
        <v>0</v>
      </c>
      <c r="DT23" s="195">
        <v>0</v>
      </c>
      <c r="DU23" s="195">
        <v>0</v>
      </c>
      <c r="DV23" s="196">
        <v>21</v>
      </c>
      <c r="DW23" s="197">
        <v>69</v>
      </c>
      <c r="DX23" s="197">
        <v>168</v>
      </c>
      <c r="DY23" s="197">
        <v>262</v>
      </c>
      <c r="DZ23" s="195">
        <v>129</v>
      </c>
      <c r="EA23" s="198">
        <v>649</v>
      </c>
      <c r="EB23" s="200">
        <v>649</v>
      </c>
      <c r="EC23" s="37"/>
    </row>
    <row r="24" spans="2:133" ht="21" customHeight="1" x14ac:dyDescent="0.2">
      <c r="B24" s="62" t="s">
        <v>21</v>
      </c>
      <c r="C24" s="194">
        <v>0</v>
      </c>
      <c r="D24" s="195">
        <v>0</v>
      </c>
      <c r="E24" s="195">
        <v>0</v>
      </c>
      <c r="F24" s="196">
        <v>6</v>
      </c>
      <c r="G24" s="197">
        <v>14</v>
      </c>
      <c r="H24" s="197">
        <v>170</v>
      </c>
      <c r="I24" s="197">
        <v>195</v>
      </c>
      <c r="J24" s="195">
        <v>147</v>
      </c>
      <c r="K24" s="198">
        <v>532</v>
      </c>
      <c r="L24" s="199">
        <v>532</v>
      </c>
      <c r="M24" s="194">
        <v>0</v>
      </c>
      <c r="N24" s="195">
        <v>0</v>
      </c>
      <c r="O24" s="198">
        <v>0</v>
      </c>
      <c r="P24" s="196">
        <v>5</v>
      </c>
      <c r="Q24" s="197">
        <v>14</v>
      </c>
      <c r="R24" s="197">
        <v>169</v>
      </c>
      <c r="S24" s="197">
        <v>195</v>
      </c>
      <c r="T24" s="195">
        <v>145</v>
      </c>
      <c r="U24" s="198">
        <v>528</v>
      </c>
      <c r="V24" s="200">
        <v>528</v>
      </c>
      <c r="W24" s="201">
        <v>0</v>
      </c>
      <c r="X24" s="195">
        <v>0</v>
      </c>
      <c r="Y24" s="198">
        <v>0</v>
      </c>
      <c r="Z24" s="201">
        <v>1</v>
      </c>
      <c r="AA24" s="197">
        <v>0</v>
      </c>
      <c r="AB24" s="197">
        <v>1</v>
      </c>
      <c r="AC24" s="197">
        <v>0</v>
      </c>
      <c r="AD24" s="195">
        <v>2</v>
      </c>
      <c r="AE24" s="198">
        <v>4</v>
      </c>
      <c r="AF24" s="202">
        <v>4</v>
      </c>
      <c r="AG24" s="201">
        <v>0</v>
      </c>
      <c r="AH24" s="195">
        <v>0</v>
      </c>
      <c r="AI24" s="198">
        <v>0</v>
      </c>
      <c r="AJ24" s="201">
        <v>18</v>
      </c>
      <c r="AK24" s="197">
        <v>28</v>
      </c>
      <c r="AL24" s="197">
        <v>37</v>
      </c>
      <c r="AM24" s="197">
        <v>47</v>
      </c>
      <c r="AN24" s="195">
        <v>27</v>
      </c>
      <c r="AO24" s="198">
        <v>157</v>
      </c>
      <c r="AP24" s="202">
        <v>157</v>
      </c>
      <c r="AQ24" s="201">
        <v>0</v>
      </c>
      <c r="AR24" s="195">
        <v>0</v>
      </c>
      <c r="AS24" s="198">
        <v>0</v>
      </c>
      <c r="AT24" s="196">
        <v>18</v>
      </c>
      <c r="AU24" s="197">
        <v>28</v>
      </c>
      <c r="AV24" s="197">
        <v>36</v>
      </c>
      <c r="AW24" s="197">
        <v>43</v>
      </c>
      <c r="AX24" s="195">
        <v>26</v>
      </c>
      <c r="AY24" s="198">
        <v>151</v>
      </c>
      <c r="AZ24" s="199">
        <v>151</v>
      </c>
      <c r="BA24" s="194">
        <v>0</v>
      </c>
      <c r="BB24" s="195">
        <v>0</v>
      </c>
      <c r="BC24" s="195">
        <v>0</v>
      </c>
      <c r="BD24" s="196">
        <v>0</v>
      </c>
      <c r="BE24" s="197">
        <v>0</v>
      </c>
      <c r="BF24" s="197">
        <v>1</v>
      </c>
      <c r="BG24" s="197">
        <v>4</v>
      </c>
      <c r="BH24" s="195">
        <v>1</v>
      </c>
      <c r="BI24" s="198">
        <v>6</v>
      </c>
      <c r="BJ24" s="200">
        <v>6</v>
      </c>
      <c r="BK24" s="201">
        <v>0</v>
      </c>
      <c r="BL24" s="195">
        <v>0</v>
      </c>
      <c r="BM24" s="195">
        <v>0</v>
      </c>
      <c r="BN24" s="196">
        <v>0</v>
      </c>
      <c r="BO24" s="197">
        <v>0</v>
      </c>
      <c r="BP24" s="197">
        <v>1</v>
      </c>
      <c r="BQ24" s="197">
        <v>2</v>
      </c>
      <c r="BR24" s="195">
        <v>2</v>
      </c>
      <c r="BS24" s="198">
        <v>5</v>
      </c>
      <c r="BT24" s="199">
        <v>5</v>
      </c>
      <c r="BU24" s="194">
        <v>0</v>
      </c>
      <c r="BV24" s="195">
        <v>0</v>
      </c>
      <c r="BW24" s="195">
        <v>0</v>
      </c>
      <c r="BX24" s="196">
        <v>0</v>
      </c>
      <c r="BY24" s="197">
        <v>0</v>
      </c>
      <c r="BZ24" s="197">
        <v>1</v>
      </c>
      <c r="CA24" s="197">
        <v>2</v>
      </c>
      <c r="CB24" s="195">
        <v>2</v>
      </c>
      <c r="CC24" s="198">
        <v>5</v>
      </c>
      <c r="CD24" s="200">
        <v>5</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10</v>
      </c>
      <c r="CV24" s="195">
        <v>15</v>
      </c>
      <c r="CW24" s="198">
        <v>26</v>
      </c>
      <c r="CX24" s="199">
        <v>26</v>
      </c>
      <c r="CY24" s="194">
        <v>0</v>
      </c>
      <c r="CZ24" s="195">
        <v>0</v>
      </c>
      <c r="DA24" s="195">
        <v>0</v>
      </c>
      <c r="DB24" s="196">
        <v>0</v>
      </c>
      <c r="DC24" s="197">
        <v>0</v>
      </c>
      <c r="DD24" s="197">
        <v>1</v>
      </c>
      <c r="DE24" s="197">
        <v>10</v>
      </c>
      <c r="DF24" s="195">
        <v>14</v>
      </c>
      <c r="DG24" s="198">
        <v>25</v>
      </c>
      <c r="DH24" s="200">
        <v>25</v>
      </c>
      <c r="DI24" s="201">
        <v>0</v>
      </c>
      <c r="DJ24" s="195">
        <v>0</v>
      </c>
      <c r="DK24" s="195">
        <v>0</v>
      </c>
      <c r="DL24" s="196">
        <v>0</v>
      </c>
      <c r="DM24" s="197">
        <v>0</v>
      </c>
      <c r="DN24" s="197">
        <v>0</v>
      </c>
      <c r="DO24" s="197">
        <v>0</v>
      </c>
      <c r="DP24" s="195">
        <v>1</v>
      </c>
      <c r="DQ24" s="198">
        <v>1</v>
      </c>
      <c r="DR24" s="200">
        <v>1</v>
      </c>
      <c r="DS24" s="201">
        <v>0</v>
      </c>
      <c r="DT24" s="195">
        <v>0</v>
      </c>
      <c r="DU24" s="195">
        <v>0</v>
      </c>
      <c r="DV24" s="196">
        <v>24</v>
      </c>
      <c r="DW24" s="197">
        <v>42</v>
      </c>
      <c r="DX24" s="197">
        <v>209</v>
      </c>
      <c r="DY24" s="197">
        <v>254</v>
      </c>
      <c r="DZ24" s="195">
        <v>191</v>
      </c>
      <c r="EA24" s="198">
        <v>720</v>
      </c>
      <c r="EB24" s="200">
        <v>720</v>
      </c>
      <c r="EC24" s="37"/>
    </row>
    <row r="25" spans="2:133" ht="21" customHeight="1" x14ac:dyDescent="0.2">
      <c r="B25" s="62" t="s">
        <v>22</v>
      </c>
      <c r="C25" s="194">
        <v>0</v>
      </c>
      <c r="D25" s="195">
        <v>0</v>
      </c>
      <c r="E25" s="195">
        <v>0</v>
      </c>
      <c r="F25" s="196">
        <v>2</v>
      </c>
      <c r="G25" s="197">
        <v>1</v>
      </c>
      <c r="H25" s="197">
        <v>53</v>
      </c>
      <c r="I25" s="197">
        <v>63</v>
      </c>
      <c r="J25" s="195">
        <v>37</v>
      </c>
      <c r="K25" s="198">
        <v>156</v>
      </c>
      <c r="L25" s="199">
        <v>156</v>
      </c>
      <c r="M25" s="194">
        <v>0</v>
      </c>
      <c r="N25" s="195">
        <v>0</v>
      </c>
      <c r="O25" s="198">
        <v>0</v>
      </c>
      <c r="P25" s="196">
        <v>2</v>
      </c>
      <c r="Q25" s="197">
        <v>1</v>
      </c>
      <c r="R25" s="197">
        <v>53</v>
      </c>
      <c r="S25" s="197">
        <v>63</v>
      </c>
      <c r="T25" s="195">
        <v>36</v>
      </c>
      <c r="U25" s="198">
        <v>155</v>
      </c>
      <c r="V25" s="200">
        <v>155</v>
      </c>
      <c r="W25" s="201">
        <v>0</v>
      </c>
      <c r="X25" s="195">
        <v>0</v>
      </c>
      <c r="Y25" s="198">
        <v>0</v>
      </c>
      <c r="Z25" s="201">
        <v>0</v>
      </c>
      <c r="AA25" s="197">
        <v>0</v>
      </c>
      <c r="AB25" s="197">
        <v>0</v>
      </c>
      <c r="AC25" s="197">
        <v>0</v>
      </c>
      <c r="AD25" s="195">
        <v>1</v>
      </c>
      <c r="AE25" s="198">
        <v>1</v>
      </c>
      <c r="AF25" s="202">
        <v>1</v>
      </c>
      <c r="AG25" s="201">
        <v>0</v>
      </c>
      <c r="AH25" s="195">
        <v>0</v>
      </c>
      <c r="AI25" s="198">
        <v>0</v>
      </c>
      <c r="AJ25" s="201">
        <v>13</v>
      </c>
      <c r="AK25" s="197">
        <v>23</v>
      </c>
      <c r="AL25" s="197">
        <v>30</v>
      </c>
      <c r="AM25" s="197">
        <v>37</v>
      </c>
      <c r="AN25" s="195">
        <v>16</v>
      </c>
      <c r="AO25" s="198">
        <v>119</v>
      </c>
      <c r="AP25" s="202">
        <v>119</v>
      </c>
      <c r="AQ25" s="201">
        <v>0</v>
      </c>
      <c r="AR25" s="195">
        <v>0</v>
      </c>
      <c r="AS25" s="198">
        <v>0</v>
      </c>
      <c r="AT25" s="196">
        <v>13</v>
      </c>
      <c r="AU25" s="197">
        <v>23</v>
      </c>
      <c r="AV25" s="197">
        <v>30</v>
      </c>
      <c r="AW25" s="197">
        <v>37</v>
      </c>
      <c r="AX25" s="195">
        <v>16</v>
      </c>
      <c r="AY25" s="198">
        <v>119</v>
      </c>
      <c r="AZ25" s="199">
        <v>119</v>
      </c>
      <c r="BA25" s="194">
        <v>0</v>
      </c>
      <c r="BB25" s="195">
        <v>0</v>
      </c>
      <c r="BC25" s="195">
        <v>0</v>
      </c>
      <c r="BD25" s="196">
        <v>0</v>
      </c>
      <c r="BE25" s="197">
        <v>0</v>
      </c>
      <c r="BF25" s="197">
        <v>0</v>
      </c>
      <c r="BG25" s="197">
        <v>0</v>
      </c>
      <c r="BH25" s="195">
        <v>0</v>
      </c>
      <c r="BI25" s="198">
        <v>0</v>
      </c>
      <c r="BJ25" s="200">
        <v>0</v>
      </c>
      <c r="BK25" s="201">
        <v>0</v>
      </c>
      <c r="BL25" s="195">
        <v>0</v>
      </c>
      <c r="BM25" s="195">
        <v>0</v>
      </c>
      <c r="BN25" s="196">
        <v>0</v>
      </c>
      <c r="BO25" s="197">
        <v>0</v>
      </c>
      <c r="BP25" s="197">
        <v>0</v>
      </c>
      <c r="BQ25" s="197">
        <v>0</v>
      </c>
      <c r="BR25" s="195">
        <v>1</v>
      </c>
      <c r="BS25" s="198">
        <v>1</v>
      </c>
      <c r="BT25" s="199">
        <v>1</v>
      </c>
      <c r="BU25" s="194">
        <v>0</v>
      </c>
      <c r="BV25" s="195">
        <v>0</v>
      </c>
      <c r="BW25" s="195">
        <v>0</v>
      </c>
      <c r="BX25" s="196">
        <v>0</v>
      </c>
      <c r="BY25" s="197">
        <v>0</v>
      </c>
      <c r="BZ25" s="197">
        <v>0</v>
      </c>
      <c r="CA25" s="197">
        <v>0</v>
      </c>
      <c r="CB25" s="195">
        <v>1</v>
      </c>
      <c r="CC25" s="198">
        <v>1</v>
      </c>
      <c r="CD25" s="200">
        <v>1</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8</v>
      </c>
      <c r="CV25" s="195">
        <v>2</v>
      </c>
      <c r="CW25" s="198">
        <v>10</v>
      </c>
      <c r="CX25" s="199">
        <v>10</v>
      </c>
      <c r="CY25" s="194">
        <v>0</v>
      </c>
      <c r="CZ25" s="195">
        <v>0</v>
      </c>
      <c r="DA25" s="195">
        <v>0</v>
      </c>
      <c r="DB25" s="196">
        <v>0</v>
      </c>
      <c r="DC25" s="197">
        <v>0</v>
      </c>
      <c r="DD25" s="197">
        <v>0</v>
      </c>
      <c r="DE25" s="197">
        <v>7</v>
      </c>
      <c r="DF25" s="195">
        <v>2</v>
      </c>
      <c r="DG25" s="198">
        <v>9</v>
      </c>
      <c r="DH25" s="200">
        <v>9</v>
      </c>
      <c r="DI25" s="201">
        <v>0</v>
      </c>
      <c r="DJ25" s="195">
        <v>0</v>
      </c>
      <c r="DK25" s="195">
        <v>0</v>
      </c>
      <c r="DL25" s="196">
        <v>0</v>
      </c>
      <c r="DM25" s="197">
        <v>0</v>
      </c>
      <c r="DN25" s="197">
        <v>0</v>
      </c>
      <c r="DO25" s="197">
        <v>1</v>
      </c>
      <c r="DP25" s="195">
        <v>0</v>
      </c>
      <c r="DQ25" s="198">
        <v>1</v>
      </c>
      <c r="DR25" s="200">
        <v>1</v>
      </c>
      <c r="DS25" s="201">
        <v>0</v>
      </c>
      <c r="DT25" s="195">
        <v>0</v>
      </c>
      <c r="DU25" s="195">
        <v>0</v>
      </c>
      <c r="DV25" s="196">
        <v>15</v>
      </c>
      <c r="DW25" s="197">
        <v>24</v>
      </c>
      <c r="DX25" s="197">
        <v>83</v>
      </c>
      <c r="DY25" s="197">
        <v>108</v>
      </c>
      <c r="DZ25" s="195">
        <v>56</v>
      </c>
      <c r="EA25" s="198">
        <v>286</v>
      </c>
      <c r="EB25" s="200">
        <v>286</v>
      </c>
      <c r="EC25" s="37"/>
    </row>
    <row r="26" spans="2:133" ht="21" customHeight="1" x14ac:dyDescent="0.2">
      <c r="B26" s="62" t="s">
        <v>23</v>
      </c>
      <c r="C26" s="194">
        <v>0</v>
      </c>
      <c r="D26" s="195">
        <v>0</v>
      </c>
      <c r="E26" s="195">
        <v>0</v>
      </c>
      <c r="F26" s="196">
        <v>2</v>
      </c>
      <c r="G26" s="197">
        <v>10</v>
      </c>
      <c r="H26" s="197">
        <v>88</v>
      </c>
      <c r="I26" s="197">
        <v>130</v>
      </c>
      <c r="J26" s="195">
        <v>103</v>
      </c>
      <c r="K26" s="198">
        <v>333</v>
      </c>
      <c r="L26" s="199">
        <v>333</v>
      </c>
      <c r="M26" s="194">
        <v>0</v>
      </c>
      <c r="N26" s="195">
        <v>0</v>
      </c>
      <c r="O26" s="198">
        <v>0</v>
      </c>
      <c r="P26" s="196">
        <v>2</v>
      </c>
      <c r="Q26" s="197">
        <v>10</v>
      </c>
      <c r="R26" s="197">
        <v>88</v>
      </c>
      <c r="S26" s="197">
        <v>128</v>
      </c>
      <c r="T26" s="195">
        <v>102</v>
      </c>
      <c r="U26" s="198">
        <v>330</v>
      </c>
      <c r="V26" s="200">
        <v>330</v>
      </c>
      <c r="W26" s="201">
        <v>0</v>
      </c>
      <c r="X26" s="195">
        <v>0</v>
      </c>
      <c r="Y26" s="198">
        <v>0</v>
      </c>
      <c r="Z26" s="201">
        <v>0</v>
      </c>
      <c r="AA26" s="197">
        <v>0</v>
      </c>
      <c r="AB26" s="197">
        <v>0</v>
      </c>
      <c r="AC26" s="197">
        <v>2</v>
      </c>
      <c r="AD26" s="195">
        <v>1</v>
      </c>
      <c r="AE26" s="198">
        <v>3</v>
      </c>
      <c r="AF26" s="202">
        <v>3</v>
      </c>
      <c r="AG26" s="201">
        <v>0</v>
      </c>
      <c r="AH26" s="195">
        <v>0</v>
      </c>
      <c r="AI26" s="198">
        <v>0</v>
      </c>
      <c r="AJ26" s="201">
        <v>15</v>
      </c>
      <c r="AK26" s="197">
        <v>31</v>
      </c>
      <c r="AL26" s="197">
        <v>35</v>
      </c>
      <c r="AM26" s="197">
        <v>59</v>
      </c>
      <c r="AN26" s="195">
        <v>39</v>
      </c>
      <c r="AO26" s="198">
        <v>179</v>
      </c>
      <c r="AP26" s="202">
        <v>179</v>
      </c>
      <c r="AQ26" s="201">
        <v>0</v>
      </c>
      <c r="AR26" s="195">
        <v>0</v>
      </c>
      <c r="AS26" s="198">
        <v>0</v>
      </c>
      <c r="AT26" s="196">
        <v>15</v>
      </c>
      <c r="AU26" s="197">
        <v>31</v>
      </c>
      <c r="AV26" s="197">
        <v>35</v>
      </c>
      <c r="AW26" s="197">
        <v>59</v>
      </c>
      <c r="AX26" s="195">
        <v>35</v>
      </c>
      <c r="AY26" s="198">
        <v>175</v>
      </c>
      <c r="AZ26" s="199">
        <v>175</v>
      </c>
      <c r="BA26" s="194">
        <v>0</v>
      </c>
      <c r="BB26" s="195">
        <v>0</v>
      </c>
      <c r="BC26" s="195">
        <v>0</v>
      </c>
      <c r="BD26" s="196">
        <v>0</v>
      </c>
      <c r="BE26" s="197">
        <v>0</v>
      </c>
      <c r="BF26" s="197">
        <v>0</v>
      </c>
      <c r="BG26" s="197">
        <v>0</v>
      </c>
      <c r="BH26" s="195">
        <v>4</v>
      </c>
      <c r="BI26" s="198">
        <v>4</v>
      </c>
      <c r="BJ26" s="200">
        <v>4</v>
      </c>
      <c r="BK26" s="201">
        <v>0</v>
      </c>
      <c r="BL26" s="195">
        <v>0</v>
      </c>
      <c r="BM26" s="195">
        <v>0</v>
      </c>
      <c r="BN26" s="196">
        <v>0</v>
      </c>
      <c r="BO26" s="197">
        <v>0</v>
      </c>
      <c r="BP26" s="197">
        <v>0</v>
      </c>
      <c r="BQ26" s="197">
        <v>2</v>
      </c>
      <c r="BR26" s="195">
        <v>1</v>
      </c>
      <c r="BS26" s="198">
        <v>3</v>
      </c>
      <c r="BT26" s="199">
        <v>3</v>
      </c>
      <c r="BU26" s="194">
        <v>0</v>
      </c>
      <c r="BV26" s="195">
        <v>0</v>
      </c>
      <c r="BW26" s="195">
        <v>0</v>
      </c>
      <c r="BX26" s="196">
        <v>0</v>
      </c>
      <c r="BY26" s="197">
        <v>0</v>
      </c>
      <c r="BZ26" s="197">
        <v>0</v>
      </c>
      <c r="CA26" s="197">
        <v>2</v>
      </c>
      <c r="CB26" s="195">
        <v>1</v>
      </c>
      <c r="CC26" s="198">
        <v>3</v>
      </c>
      <c r="CD26" s="200">
        <v>3</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0</v>
      </c>
      <c r="CU26" s="197">
        <v>3</v>
      </c>
      <c r="CV26" s="195">
        <v>9</v>
      </c>
      <c r="CW26" s="198">
        <v>12</v>
      </c>
      <c r="CX26" s="199">
        <v>12</v>
      </c>
      <c r="CY26" s="194">
        <v>0</v>
      </c>
      <c r="CZ26" s="195">
        <v>0</v>
      </c>
      <c r="DA26" s="195">
        <v>0</v>
      </c>
      <c r="DB26" s="196">
        <v>0</v>
      </c>
      <c r="DC26" s="197">
        <v>0</v>
      </c>
      <c r="DD26" s="197">
        <v>0</v>
      </c>
      <c r="DE26" s="197">
        <v>3</v>
      </c>
      <c r="DF26" s="195">
        <v>9</v>
      </c>
      <c r="DG26" s="198">
        <v>12</v>
      </c>
      <c r="DH26" s="200">
        <v>12</v>
      </c>
      <c r="DI26" s="201">
        <v>0</v>
      </c>
      <c r="DJ26" s="195">
        <v>0</v>
      </c>
      <c r="DK26" s="195">
        <v>0</v>
      </c>
      <c r="DL26" s="196">
        <v>0</v>
      </c>
      <c r="DM26" s="197">
        <v>0</v>
      </c>
      <c r="DN26" s="197">
        <v>0</v>
      </c>
      <c r="DO26" s="197">
        <v>0</v>
      </c>
      <c r="DP26" s="195">
        <v>0</v>
      </c>
      <c r="DQ26" s="198">
        <v>0</v>
      </c>
      <c r="DR26" s="200">
        <v>0</v>
      </c>
      <c r="DS26" s="201">
        <v>0</v>
      </c>
      <c r="DT26" s="195">
        <v>0</v>
      </c>
      <c r="DU26" s="195">
        <v>0</v>
      </c>
      <c r="DV26" s="196">
        <v>17</v>
      </c>
      <c r="DW26" s="197">
        <v>40</v>
      </c>
      <c r="DX26" s="197">
        <v>123</v>
      </c>
      <c r="DY26" s="197">
        <v>192</v>
      </c>
      <c r="DZ26" s="195">
        <v>151</v>
      </c>
      <c r="EA26" s="198">
        <v>523</v>
      </c>
      <c r="EB26" s="200">
        <v>523</v>
      </c>
      <c r="EC26" s="37"/>
    </row>
    <row r="27" spans="2:133" ht="21" customHeight="1" x14ac:dyDescent="0.2">
      <c r="B27" s="62" t="s">
        <v>24</v>
      </c>
      <c r="C27" s="194">
        <v>0</v>
      </c>
      <c r="D27" s="195">
        <v>0</v>
      </c>
      <c r="E27" s="195">
        <v>0</v>
      </c>
      <c r="F27" s="196">
        <v>0</v>
      </c>
      <c r="G27" s="197">
        <v>0</v>
      </c>
      <c r="H27" s="197">
        <v>32</v>
      </c>
      <c r="I27" s="197">
        <v>73</v>
      </c>
      <c r="J27" s="195">
        <v>59</v>
      </c>
      <c r="K27" s="198">
        <v>164</v>
      </c>
      <c r="L27" s="199">
        <v>164</v>
      </c>
      <c r="M27" s="194">
        <v>0</v>
      </c>
      <c r="N27" s="195">
        <v>0</v>
      </c>
      <c r="O27" s="198">
        <v>0</v>
      </c>
      <c r="P27" s="196">
        <v>0</v>
      </c>
      <c r="Q27" s="197">
        <v>0</v>
      </c>
      <c r="R27" s="197">
        <v>32</v>
      </c>
      <c r="S27" s="197">
        <v>73</v>
      </c>
      <c r="T27" s="195">
        <v>59</v>
      </c>
      <c r="U27" s="198">
        <v>164</v>
      </c>
      <c r="V27" s="200">
        <v>164</v>
      </c>
      <c r="W27" s="201">
        <v>0</v>
      </c>
      <c r="X27" s="195">
        <v>0</v>
      </c>
      <c r="Y27" s="198">
        <v>0</v>
      </c>
      <c r="Z27" s="201">
        <v>0</v>
      </c>
      <c r="AA27" s="197">
        <v>0</v>
      </c>
      <c r="AB27" s="197">
        <v>0</v>
      </c>
      <c r="AC27" s="197">
        <v>0</v>
      </c>
      <c r="AD27" s="195">
        <v>0</v>
      </c>
      <c r="AE27" s="198">
        <v>0</v>
      </c>
      <c r="AF27" s="202">
        <v>0</v>
      </c>
      <c r="AG27" s="201">
        <v>0</v>
      </c>
      <c r="AH27" s="195">
        <v>0</v>
      </c>
      <c r="AI27" s="198">
        <v>0</v>
      </c>
      <c r="AJ27" s="201">
        <v>10</v>
      </c>
      <c r="AK27" s="197">
        <v>11</v>
      </c>
      <c r="AL27" s="197">
        <v>24</v>
      </c>
      <c r="AM27" s="197">
        <v>34</v>
      </c>
      <c r="AN27" s="195">
        <v>12</v>
      </c>
      <c r="AO27" s="198">
        <v>91</v>
      </c>
      <c r="AP27" s="202">
        <v>91</v>
      </c>
      <c r="AQ27" s="201">
        <v>0</v>
      </c>
      <c r="AR27" s="195">
        <v>0</v>
      </c>
      <c r="AS27" s="198">
        <v>0</v>
      </c>
      <c r="AT27" s="196">
        <v>10</v>
      </c>
      <c r="AU27" s="197">
        <v>11</v>
      </c>
      <c r="AV27" s="197">
        <v>24</v>
      </c>
      <c r="AW27" s="197">
        <v>32</v>
      </c>
      <c r="AX27" s="195">
        <v>12</v>
      </c>
      <c r="AY27" s="198">
        <v>89</v>
      </c>
      <c r="AZ27" s="199">
        <v>89</v>
      </c>
      <c r="BA27" s="194">
        <v>0</v>
      </c>
      <c r="BB27" s="195">
        <v>0</v>
      </c>
      <c r="BC27" s="195">
        <v>0</v>
      </c>
      <c r="BD27" s="196">
        <v>0</v>
      </c>
      <c r="BE27" s="197">
        <v>0</v>
      </c>
      <c r="BF27" s="197">
        <v>0</v>
      </c>
      <c r="BG27" s="197">
        <v>2</v>
      </c>
      <c r="BH27" s="195">
        <v>0</v>
      </c>
      <c r="BI27" s="198">
        <v>2</v>
      </c>
      <c r="BJ27" s="200">
        <v>2</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0</v>
      </c>
      <c r="DW27" s="197">
        <v>11</v>
      </c>
      <c r="DX27" s="197">
        <v>56</v>
      </c>
      <c r="DY27" s="197">
        <v>106</v>
      </c>
      <c r="DZ27" s="195">
        <v>70</v>
      </c>
      <c r="EA27" s="198">
        <v>253</v>
      </c>
      <c r="EB27" s="200">
        <v>253</v>
      </c>
      <c r="EC27" s="37"/>
    </row>
    <row r="28" spans="2:133" ht="21" customHeight="1" x14ac:dyDescent="0.2">
      <c r="B28" s="62" t="s">
        <v>25</v>
      </c>
      <c r="C28" s="194">
        <v>0</v>
      </c>
      <c r="D28" s="195">
        <v>0</v>
      </c>
      <c r="E28" s="195">
        <v>0</v>
      </c>
      <c r="F28" s="196">
        <v>1</v>
      </c>
      <c r="G28" s="197">
        <v>7</v>
      </c>
      <c r="H28" s="197">
        <v>61</v>
      </c>
      <c r="I28" s="197">
        <v>73</v>
      </c>
      <c r="J28" s="195">
        <v>55</v>
      </c>
      <c r="K28" s="198">
        <v>197</v>
      </c>
      <c r="L28" s="199">
        <v>197</v>
      </c>
      <c r="M28" s="194">
        <v>0</v>
      </c>
      <c r="N28" s="195">
        <v>0</v>
      </c>
      <c r="O28" s="198">
        <v>0</v>
      </c>
      <c r="P28" s="196">
        <v>1</v>
      </c>
      <c r="Q28" s="197">
        <v>7</v>
      </c>
      <c r="R28" s="197">
        <v>61</v>
      </c>
      <c r="S28" s="197">
        <v>72</v>
      </c>
      <c r="T28" s="195">
        <v>50</v>
      </c>
      <c r="U28" s="198">
        <v>191</v>
      </c>
      <c r="V28" s="200">
        <v>191</v>
      </c>
      <c r="W28" s="201">
        <v>0</v>
      </c>
      <c r="X28" s="195">
        <v>0</v>
      </c>
      <c r="Y28" s="198">
        <v>0</v>
      </c>
      <c r="Z28" s="201">
        <v>0</v>
      </c>
      <c r="AA28" s="197">
        <v>0</v>
      </c>
      <c r="AB28" s="197">
        <v>0</v>
      </c>
      <c r="AC28" s="197">
        <v>1</v>
      </c>
      <c r="AD28" s="195">
        <v>5</v>
      </c>
      <c r="AE28" s="198">
        <v>6</v>
      </c>
      <c r="AF28" s="202">
        <v>6</v>
      </c>
      <c r="AG28" s="201">
        <v>0</v>
      </c>
      <c r="AH28" s="195">
        <v>0</v>
      </c>
      <c r="AI28" s="198">
        <v>0</v>
      </c>
      <c r="AJ28" s="201">
        <v>13</v>
      </c>
      <c r="AK28" s="197">
        <v>15</v>
      </c>
      <c r="AL28" s="197">
        <v>16</v>
      </c>
      <c r="AM28" s="197">
        <v>50</v>
      </c>
      <c r="AN28" s="195">
        <v>17</v>
      </c>
      <c r="AO28" s="198">
        <v>111</v>
      </c>
      <c r="AP28" s="202">
        <v>111</v>
      </c>
      <c r="AQ28" s="201">
        <v>0</v>
      </c>
      <c r="AR28" s="195">
        <v>0</v>
      </c>
      <c r="AS28" s="198">
        <v>0</v>
      </c>
      <c r="AT28" s="196">
        <v>13</v>
      </c>
      <c r="AU28" s="197">
        <v>15</v>
      </c>
      <c r="AV28" s="197">
        <v>16</v>
      </c>
      <c r="AW28" s="197">
        <v>49</v>
      </c>
      <c r="AX28" s="195">
        <v>17</v>
      </c>
      <c r="AY28" s="198">
        <v>110</v>
      </c>
      <c r="AZ28" s="199">
        <v>110</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2</v>
      </c>
      <c r="CV28" s="195">
        <v>2</v>
      </c>
      <c r="CW28" s="198">
        <v>4</v>
      </c>
      <c r="CX28" s="199">
        <v>4</v>
      </c>
      <c r="CY28" s="194">
        <v>0</v>
      </c>
      <c r="CZ28" s="195">
        <v>0</v>
      </c>
      <c r="DA28" s="195">
        <v>0</v>
      </c>
      <c r="DB28" s="196">
        <v>0</v>
      </c>
      <c r="DC28" s="197">
        <v>0</v>
      </c>
      <c r="DD28" s="197">
        <v>0</v>
      </c>
      <c r="DE28" s="197">
        <v>2</v>
      </c>
      <c r="DF28" s="195">
        <v>2</v>
      </c>
      <c r="DG28" s="198">
        <v>4</v>
      </c>
      <c r="DH28" s="200">
        <v>4</v>
      </c>
      <c r="DI28" s="201">
        <v>0</v>
      </c>
      <c r="DJ28" s="195">
        <v>0</v>
      </c>
      <c r="DK28" s="195">
        <v>0</v>
      </c>
      <c r="DL28" s="196">
        <v>0</v>
      </c>
      <c r="DM28" s="197">
        <v>0</v>
      </c>
      <c r="DN28" s="197">
        <v>0</v>
      </c>
      <c r="DO28" s="197">
        <v>0</v>
      </c>
      <c r="DP28" s="195">
        <v>0</v>
      </c>
      <c r="DQ28" s="198">
        <v>0</v>
      </c>
      <c r="DR28" s="200">
        <v>0</v>
      </c>
      <c r="DS28" s="201">
        <v>0</v>
      </c>
      <c r="DT28" s="195">
        <v>0</v>
      </c>
      <c r="DU28" s="195">
        <v>0</v>
      </c>
      <c r="DV28" s="196">
        <v>14</v>
      </c>
      <c r="DW28" s="197">
        <v>22</v>
      </c>
      <c r="DX28" s="197">
        <v>77</v>
      </c>
      <c r="DY28" s="197">
        <v>125</v>
      </c>
      <c r="DZ28" s="195">
        <v>74</v>
      </c>
      <c r="EA28" s="198">
        <v>312</v>
      </c>
      <c r="EB28" s="200">
        <v>312</v>
      </c>
      <c r="EC28" s="37"/>
    </row>
    <row r="29" spans="2:133" ht="21" customHeight="1" x14ac:dyDescent="0.2">
      <c r="B29" s="62" t="s">
        <v>26</v>
      </c>
      <c r="C29" s="194">
        <v>0</v>
      </c>
      <c r="D29" s="195">
        <v>0</v>
      </c>
      <c r="E29" s="195">
        <v>0</v>
      </c>
      <c r="F29" s="196">
        <v>0</v>
      </c>
      <c r="G29" s="197">
        <v>11</v>
      </c>
      <c r="H29" s="197">
        <v>43</v>
      </c>
      <c r="I29" s="197">
        <v>79</v>
      </c>
      <c r="J29" s="195">
        <v>47</v>
      </c>
      <c r="K29" s="198">
        <v>180</v>
      </c>
      <c r="L29" s="199">
        <v>180</v>
      </c>
      <c r="M29" s="194">
        <v>0</v>
      </c>
      <c r="N29" s="195">
        <v>0</v>
      </c>
      <c r="O29" s="198">
        <v>0</v>
      </c>
      <c r="P29" s="196">
        <v>0</v>
      </c>
      <c r="Q29" s="197">
        <v>11</v>
      </c>
      <c r="R29" s="197">
        <v>42</v>
      </c>
      <c r="S29" s="197">
        <v>78</v>
      </c>
      <c r="T29" s="195">
        <v>46</v>
      </c>
      <c r="U29" s="198">
        <v>177</v>
      </c>
      <c r="V29" s="200">
        <v>177</v>
      </c>
      <c r="W29" s="201">
        <v>0</v>
      </c>
      <c r="X29" s="195">
        <v>0</v>
      </c>
      <c r="Y29" s="198">
        <v>0</v>
      </c>
      <c r="Z29" s="201">
        <v>0</v>
      </c>
      <c r="AA29" s="197">
        <v>0</v>
      </c>
      <c r="AB29" s="197">
        <v>1</v>
      </c>
      <c r="AC29" s="197">
        <v>1</v>
      </c>
      <c r="AD29" s="195">
        <v>1</v>
      </c>
      <c r="AE29" s="198">
        <v>3</v>
      </c>
      <c r="AF29" s="202">
        <v>3</v>
      </c>
      <c r="AG29" s="201">
        <v>0</v>
      </c>
      <c r="AH29" s="195">
        <v>0</v>
      </c>
      <c r="AI29" s="198">
        <v>0</v>
      </c>
      <c r="AJ29" s="201">
        <v>11</v>
      </c>
      <c r="AK29" s="197">
        <v>24</v>
      </c>
      <c r="AL29" s="197">
        <v>21</v>
      </c>
      <c r="AM29" s="197">
        <v>20</v>
      </c>
      <c r="AN29" s="195">
        <v>15</v>
      </c>
      <c r="AO29" s="198">
        <v>91</v>
      </c>
      <c r="AP29" s="202">
        <v>91</v>
      </c>
      <c r="AQ29" s="201">
        <v>0</v>
      </c>
      <c r="AR29" s="195">
        <v>0</v>
      </c>
      <c r="AS29" s="198">
        <v>0</v>
      </c>
      <c r="AT29" s="196">
        <v>11</v>
      </c>
      <c r="AU29" s="197">
        <v>24</v>
      </c>
      <c r="AV29" s="197">
        <v>21</v>
      </c>
      <c r="AW29" s="197">
        <v>19</v>
      </c>
      <c r="AX29" s="195">
        <v>15</v>
      </c>
      <c r="AY29" s="198">
        <v>90</v>
      </c>
      <c r="AZ29" s="199">
        <v>90</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1</v>
      </c>
      <c r="CU29" s="197">
        <v>0</v>
      </c>
      <c r="CV29" s="195">
        <v>2</v>
      </c>
      <c r="CW29" s="198">
        <v>3</v>
      </c>
      <c r="CX29" s="199">
        <v>3</v>
      </c>
      <c r="CY29" s="194">
        <v>0</v>
      </c>
      <c r="CZ29" s="195">
        <v>0</v>
      </c>
      <c r="DA29" s="195">
        <v>0</v>
      </c>
      <c r="DB29" s="196">
        <v>0</v>
      </c>
      <c r="DC29" s="197">
        <v>0</v>
      </c>
      <c r="DD29" s="197">
        <v>1</v>
      </c>
      <c r="DE29" s="197">
        <v>0</v>
      </c>
      <c r="DF29" s="195">
        <v>2</v>
      </c>
      <c r="DG29" s="198">
        <v>3</v>
      </c>
      <c r="DH29" s="200">
        <v>3</v>
      </c>
      <c r="DI29" s="201">
        <v>0</v>
      </c>
      <c r="DJ29" s="195">
        <v>0</v>
      </c>
      <c r="DK29" s="195">
        <v>0</v>
      </c>
      <c r="DL29" s="196">
        <v>0</v>
      </c>
      <c r="DM29" s="197">
        <v>0</v>
      </c>
      <c r="DN29" s="197">
        <v>0</v>
      </c>
      <c r="DO29" s="197">
        <v>0</v>
      </c>
      <c r="DP29" s="195">
        <v>0</v>
      </c>
      <c r="DQ29" s="198">
        <v>0</v>
      </c>
      <c r="DR29" s="200">
        <v>0</v>
      </c>
      <c r="DS29" s="201">
        <v>0</v>
      </c>
      <c r="DT29" s="195">
        <v>0</v>
      </c>
      <c r="DU29" s="195">
        <v>0</v>
      </c>
      <c r="DV29" s="196">
        <v>11</v>
      </c>
      <c r="DW29" s="197">
        <v>35</v>
      </c>
      <c r="DX29" s="197">
        <v>64</v>
      </c>
      <c r="DY29" s="197">
        <v>99</v>
      </c>
      <c r="DZ29" s="195">
        <v>64</v>
      </c>
      <c r="EA29" s="198">
        <v>273</v>
      </c>
      <c r="EB29" s="200">
        <v>273</v>
      </c>
      <c r="EC29" s="37"/>
    </row>
    <row r="30" spans="2:133" ht="21" customHeight="1" x14ac:dyDescent="0.2">
      <c r="B30" s="62" t="s">
        <v>27</v>
      </c>
      <c r="C30" s="194">
        <v>0</v>
      </c>
      <c r="D30" s="195">
        <v>0</v>
      </c>
      <c r="E30" s="195">
        <v>0</v>
      </c>
      <c r="F30" s="196">
        <v>3</v>
      </c>
      <c r="G30" s="197">
        <v>2</v>
      </c>
      <c r="H30" s="197">
        <v>36</v>
      </c>
      <c r="I30" s="197">
        <v>63</v>
      </c>
      <c r="J30" s="195">
        <v>41</v>
      </c>
      <c r="K30" s="198">
        <v>145</v>
      </c>
      <c r="L30" s="199">
        <v>145</v>
      </c>
      <c r="M30" s="194">
        <v>0</v>
      </c>
      <c r="N30" s="195">
        <v>0</v>
      </c>
      <c r="O30" s="198">
        <v>0</v>
      </c>
      <c r="P30" s="196">
        <v>3</v>
      </c>
      <c r="Q30" s="197">
        <v>2</v>
      </c>
      <c r="R30" s="197">
        <v>34</v>
      </c>
      <c r="S30" s="197">
        <v>63</v>
      </c>
      <c r="T30" s="195">
        <v>41</v>
      </c>
      <c r="U30" s="198">
        <v>143</v>
      </c>
      <c r="V30" s="200">
        <v>143</v>
      </c>
      <c r="W30" s="201">
        <v>0</v>
      </c>
      <c r="X30" s="195">
        <v>0</v>
      </c>
      <c r="Y30" s="198">
        <v>0</v>
      </c>
      <c r="Z30" s="201">
        <v>0</v>
      </c>
      <c r="AA30" s="197">
        <v>0</v>
      </c>
      <c r="AB30" s="197">
        <v>2</v>
      </c>
      <c r="AC30" s="197">
        <v>0</v>
      </c>
      <c r="AD30" s="195">
        <v>0</v>
      </c>
      <c r="AE30" s="198">
        <v>2</v>
      </c>
      <c r="AF30" s="202">
        <v>2</v>
      </c>
      <c r="AG30" s="201">
        <v>0</v>
      </c>
      <c r="AH30" s="195">
        <v>0</v>
      </c>
      <c r="AI30" s="198">
        <v>0</v>
      </c>
      <c r="AJ30" s="201">
        <v>9</v>
      </c>
      <c r="AK30" s="197">
        <v>19</v>
      </c>
      <c r="AL30" s="197">
        <v>18</v>
      </c>
      <c r="AM30" s="197">
        <v>19</v>
      </c>
      <c r="AN30" s="195">
        <v>15</v>
      </c>
      <c r="AO30" s="198">
        <v>80</v>
      </c>
      <c r="AP30" s="202">
        <v>80</v>
      </c>
      <c r="AQ30" s="201">
        <v>0</v>
      </c>
      <c r="AR30" s="195">
        <v>0</v>
      </c>
      <c r="AS30" s="198">
        <v>0</v>
      </c>
      <c r="AT30" s="196">
        <v>9</v>
      </c>
      <c r="AU30" s="197">
        <v>17</v>
      </c>
      <c r="AV30" s="197">
        <v>16</v>
      </c>
      <c r="AW30" s="197">
        <v>18</v>
      </c>
      <c r="AX30" s="195">
        <v>15</v>
      </c>
      <c r="AY30" s="198">
        <v>75</v>
      </c>
      <c r="AZ30" s="199">
        <v>75</v>
      </c>
      <c r="BA30" s="194">
        <v>0</v>
      </c>
      <c r="BB30" s="195">
        <v>0</v>
      </c>
      <c r="BC30" s="195">
        <v>0</v>
      </c>
      <c r="BD30" s="196">
        <v>0</v>
      </c>
      <c r="BE30" s="197">
        <v>2</v>
      </c>
      <c r="BF30" s="197">
        <v>2</v>
      </c>
      <c r="BG30" s="197">
        <v>1</v>
      </c>
      <c r="BH30" s="195">
        <v>0</v>
      </c>
      <c r="BI30" s="198">
        <v>5</v>
      </c>
      <c r="BJ30" s="200">
        <v>5</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3</v>
      </c>
      <c r="CV30" s="195">
        <v>2</v>
      </c>
      <c r="CW30" s="198">
        <v>5</v>
      </c>
      <c r="CX30" s="199">
        <v>5</v>
      </c>
      <c r="CY30" s="194">
        <v>0</v>
      </c>
      <c r="CZ30" s="195">
        <v>0</v>
      </c>
      <c r="DA30" s="195">
        <v>0</v>
      </c>
      <c r="DB30" s="196">
        <v>0</v>
      </c>
      <c r="DC30" s="197">
        <v>0</v>
      </c>
      <c r="DD30" s="197">
        <v>0</v>
      </c>
      <c r="DE30" s="197">
        <v>3</v>
      </c>
      <c r="DF30" s="195">
        <v>0</v>
      </c>
      <c r="DG30" s="198">
        <v>3</v>
      </c>
      <c r="DH30" s="200">
        <v>3</v>
      </c>
      <c r="DI30" s="201">
        <v>0</v>
      </c>
      <c r="DJ30" s="195">
        <v>0</v>
      </c>
      <c r="DK30" s="195">
        <v>0</v>
      </c>
      <c r="DL30" s="196">
        <v>0</v>
      </c>
      <c r="DM30" s="197">
        <v>0</v>
      </c>
      <c r="DN30" s="197">
        <v>0</v>
      </c>
      <c r="DO30" s="197">
        <v>0</v>
      </c>
      <c r="DP30" s="195">
        <v>2</v>
      </c>
      <c r="DQ30" s="198">
        <v>2</v>
      </c>
      <c r="DR30" s="200">
        <v>2</v>
      </c>
      <c r="DS30" s="201">
        <v>0</v>
      </c>
      <c r="DT30" s="195">
        <v>0</v>
      </c>
      <c r="DU30" s="195">
        <v>0</v>
      </c>
      <c r="DV30" s="196">
        <v>12</v>
      </c>
      <c r="DW30" s="197">
        <v>21</v>
      </c>
      <c r="DX30" s="197">
        <v>54</v>
      </c>
      <c r="DY30" s="197">
        <v>84</v>
      </c>
      <c r="DZ30" s="195">
        <v>58</v>
      </c>
      <c r="EA30" s="198">
        <v>229</v>
      </c>
      <c r="EB30" s="200">
        <v>229</v>
      </c>
      <c r="EC30" s="37"/>
    </row>
    <row r="31" spans="2:133" ht="21" customHeight="1" x14ac:dyDescent="0.2">
      <c r="B31" s="62" t="s">
        <v>28</v>
      </c>
      <c r="C31" s="194">
        <v>0</v>
      </c>
      <c r="D31" s="195">
        <v>0</v>
      </c>
      <c r="E31" s="195">
        <v>0</v>
      </c>
      <c r="F31" s="196">
        <v>0</v>
      </c>
      <c r="G31" s="197">
        <v>1</v>
      </c>
      <c r="H31" s="197">
        <v>15</v>
      </c>
      <c r="I31" s="197">
        <v>16</v>
      </c>
      <c r="J31" s="195">
        <v>13</v>
      </c>
      <c r="K31" s="198">
        <v>45</v>
      </c>
      <c r="L31" s="199">
        <v>45</v>
      </c>
      <c r="M31" s="194">
        <v>0</v>
      </c>
      <c r="N31" s="195">
        <v>0</v>
      </c>
      <c r="O31" s="198">
        <v>0</v>
      </c>
      <c r="P31" s="196">
        <v>0</v>
      </c>
      <c r="Q31" s="197">
        <v>1</v>
      </c>
      <c r="R31" s="197">
        <v>15</v>
      </c>
      <c r="S31" s="197">
        <v>16</v>
      </c>
      <c r="T31" s="195">
        <v>12</v>
      </c>
      <c r="U31" s="198">
        <v>44</v>
      </c>
      <c r="V31" s="200">
        <v>44</v>
      </c>
      <c r="W31" s="201">
        <v>0</v>
      </c>
      <c r="X31" s="195">
        <v>0</v>
      </c>
      <c r="Y31" s="198">
        <v>0</v>
      </c>
      <c r="Z31" s="201">
        <v>0</v>
      </c>
      <c r="AA31" s="197">
        <v>0</v>
      </c>
      <c r="AB31" s="197">
        <v>0</v>
      </c>
      <c r="AC31" s="197">
        <v>0</v>
      </c>
      <c r="AD31" s="195">
        <v>1</v>
      </c>
      <c r="AE31" s="198">
        <v>1</v>
      </c>
      <c r="AF31" s="202">
        <v>1</v>
      </c>
      <c r="AG31" s="201">
        <v>0</v>
      </c>
      <c r="AH31" s="195">
        <v>0</v>
      </c>
      <c r="AI31" s="198">
        <v>0</v>
      </c>
      <c r="AJ31" s="201">
        <v>5</v>
      </c>
      <c r="AK31" s="197">
        <v>11</v>
      </c>
      <c r="AL31" s="197">
        <v>9</v>
      </c>
      <c r="AM31" s="197">
        <v>10</v>
      </c>
      <c r="AN31" s="195">
        <v>5</v>
      </c>
      <c r="AO31" s="198">
        <v>40</v>
      </c>
      <c r="AP31" s="202">
        <v>40</v>
      </c>
      <c r="AQ31" s="201">
        <v>0</v>
      </c>
      <c r="AR31" s="195">
        <v>0</v>
      </c>
      <c r="AS31" s="198">
        <v>0</v>
      </c>
      <c r="AT31" s="196">
        <v>5</v>
      </c>
      <c r="AU31" s="197">
        <v>11</v>
      </c>
      <c r="AV31" s="197">
        <v>9</v>
      </c>
      <c r="AW31" s="197">
        <v>10</v>
      </c>
      <c r="AX31" s="195">
        <v>5</v>
      </c>
      <c r="AY31" s="198">
        <v>40</v>
      </c>
      <c r="AZ31" s="199">
        <v>40</v>
      </c>
      <c r="BA31" s="194">
        <v>0</v>
      </c>
      <c r="BB31" s="195">
        <v>0</v>
      </c>
      <c r="BC31" s="195">
        <v>0</v>
      </c>
      <c r="BD31" s="196">
        <v>0</v>
      </c>
      <c r="BE31" s="197">
        <v>0</v>
      </c>
      <c r="BF31" s="197">
        <v>0</v>
      </c>
      <c r="BG31" s="197">
        <v>0</v>
      </c>
      <c r="BH31" s="195">
        <v>0</v>
      </c>
      <c r="BI31" s="198">
        <v>0</v>
      </c>
      <c r="BJ31" s="200">
        <v>0</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5</v>
      </c>
      <c r="DW31" s="197">
        <v>12</v>
      </c>
      <c r="DX31" s="197">
        <v>24</v>
      </c>
      <c r="DY31" s="197">
        <v>26</v>
      </c>
      <c r="DZ31" s="195">
        <v>18</v>
      </c>
      <c r="EA31" s="198">
        <v>85</v>
      </c>
      <c r="EB31" s="200">
        <v>85</v>
      </c>
      <c r="EC31" s="37"/>
    </row>
    <row r="32" spans="2:133" ht="21" customHeight="1" x14ac:dyDescent="0.2">
      <c r="B32" s="62" t="s">
        <v>29</v>
      </c>
      <c r="C32" s="194">
        <v>0</v>
      </c>
      <c r="D32" s="195">
        <v>0</v>
      </c>
      <c r="E32" s="195">
        <v>0</v>
      </c>
      <c r="F32" s="196">
        <v>0</v>
      </c>
      <c r="G32" s="197">
        <v>2</v>
      </c>
      <c r="H32" s="197">
        <v>13</v>
      </c>
      <c r="I32" s="197">
        <v>31</v>
      </c>
      <c r="J32" s="195">
        <v>23</v>
      </c>
      <c r="K32" s="198">
        <v>69</v>
      </c>
      <c r="L32" s="199">
        <v>69</v>
      </c>
      <c r="M32" s="194">
        <v>0</v>
      </c>
      <c r="N32" s="195">
        <v>0</v>
      </c>
      <c r="O32" s="198">
        <v>0</v>
      </c>
      <c r="P32" s="196">
        <v>0</v>
      </c>
      <c r="Q32" s="197">
        <v>2</v>
      </c>
      <c r="R32" s="197">
        <v>13</v>
      </c>
      <c r="S32" s="197">
        <v>31</v>
      </c>
      <c r="T32" s="195">
        <v>23</v>
      </c>
      <c r="U32" s="198">
        <v>69</v>
      </c>
      <c r="V32" s="200">
        <v>69</v>
      </c>
      <c r="W32" s="201">
        <v>0</v>
      </c>
      <c r="X32" s="195">
        <v>0</v>
      </c>
      <c r="Y32" s="198">
        <v>0</v>
      </c>
      <c r="Z32" s="201">
        <v>0</v>
      </c>
      <c r="AA32" s="197">
        <v>0</v>
      </c>
      <c r="AB32" s="197">
        <v>0</v>
      </c>
      <c r="AC32" s="197">
        <v>0</v>
      </c>
      <c r="AD32" s="195">
        <v>0</v>
      </c>
      <c r="AE32" s="198">
        <v>0</v>
      </c>
      <c r="AF32" s="202">
        <v>0</v>
      </c>
      <c r="AG32" s="201">
        <v>0</v>
      </c>
      <c r="AH32" s="195">
        <v>0</v>
      </c>
      <c r="AI32" s="198">
        <v>0</v>
      </c>
      <c r="AJ32" s="201">
        <v>3</v>
      </c>
      <c r="AK32" s="197">
        <v>5</v>
      </c>
      <c r="AL32" s="197">
        <v>13</v>
      </c>
      <c r="AM32" s="197">
        <v>15</v>
      </c>
      <c r="AN32" s="195">
        <v>7</v>
      </c>
      <c r="AO32" s="198">
        <v>43</v>
      </c>
      <c r="AP32" s="202">
        <v>43</v>
      </c>
      <c r="AQ32" s="201">
        <v>0</v>
      </c>
      <c r="AR32" s="195">
        <v>0</v>
      </c>
      <c r="AS32" s="198">
        <v>0</v>
      </c>
      <c r="AT32" s="196">
        <v>3</v>
      </c>
      <c r="AU32" s="197">
        <v>5</v>
      </c>
      <c r="AV32" s="197">
        <v>13</v>
      </c>
      <c r="AW32" s="197">
        <v>15</v>
      </c>
      <c r="AX32" s="195">
        <v>6</v>
      </c>
      <c r="AY32" s="198">
        <v>42</v>
      </c>
      <c r="AZ32" s="199">
        <v>42</v>
      </c>
      <c r="BA32" s="194">
        <v>0</v>
      </c>
      <c r="BB32" s="195">
        <v>0</v>
      </c>
      <c r="BC32" s="195">
        <v>0</v>
      </c>
      <c r="BD32" s="196">
        <v>0</v>
      </c>
      <c r="BE32" s="197">
        <v>0</v>
      </c>
      <c r="BF32" s="197">
        <v>0</v>
      </c>
      <c r="BG32" s="197">
        <v>0</v>
      </c>
      <c r="BH32" s="195">
        <v>1</v>
      </c>
      <c r="BI32" s="198">
        <v>1</v>
      </c>
      <c r="BJ32" s="200">
        <v>1</v>
      </c>
      <c r="BK32" s="201">
        <v>0</v>
      </c>
      <c r="BL32" s="195">
        <v>0</v>
      </c>
      <c r="BM32" s="195">
        <v>0</v>
      </c>
      <c r="BN32" s="196">
        <v>0</v>
      </c>
      <c r="BO32" s="197">
        <v>0</v>
      </c>
      <c r="BP32" s="197">
        <v>0</v>
      </c>
      <c r="BQ32" s="197">
        <v>0</v>
      </c>
      <c r="BR32" s="195">
        <v>0</v>
      </c>
      <c r="BS32" s="198">
        <v>0</v>
      </c>
      <c r="BT32" s="199">
        <v>0</v>
      </c>
      <c r="BU32" s="194">
        <v>0</v>
      </c>
      <c r="BV32" s="195">
        <v>0</v>
      </c>
      <c r="BW32" s="195">
        <v>0</v>
      </c>
      <c r="BX32" s="196">
        <v>0</v>
      </c>
      <c r="BY32" s="197">
        <v>0</v>
      </c>
      <c r="BZ32" s="197">
        <v>0</v>
      </c>
      <c r="CA32" s="197">
        <v>0</v>
      </c>
      <c r="CB32" s="195">
        <v>0</v>
      </c>
      <c r="CC32" s="198">
        <v>0</v>
      </c>
      <c r="CD32" s="200">
        <v>0</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0</v>
      </c>
      <c r="CV32" s="195">
        <v>0</v>
      </c>
      <c r="CW32" s="198">
        <v>0</v>
      </c>
      <c r="CX32" s="199">
        <v>0</v>
      </c>
      <c r="CY32" s="194">
        <v>0</v>
      </c>
      <c r="CZ32" s="195">
        <v>0</v>
      </c>
      <c r="DA32" s="195">
        <v>0</v>
      </c>
      <c r="DB32" s="196">
        <v>0</v>
      </c>
      <c r="DC32" s="197">
        <v>0</v>
      </c>
      <c r="DD32" s="197">
        <v>0</v>
      </c>
      <c r="DE32" s="197">
        <v>0</v>
      </c>
      <c r="DF32" s="195">
        <v>0</v>
      </c>
      <c r="DG32" s="198">
        <v>0</v>
      </c>
      <c r="DH32" s="200">
        <v>0</v>
      </c>
      <c r="DI32" s="201">
        <v>0</v>
      </c>
      <c r="DJ32" s="195">
        <v>0</v>
      </c>
      <c r="DK32" s="195">
        <v>0</v>
      </c>
      <c r="DL32" s="196">
        <v>0</v>
      </c>
      <c r="DM32" s="197">
        <v>0</v>
      </c>
      <c r="DN32" s="197">
        <v>0</v>
      </c>
      <c r="DO32" s="197">
        <v>0</v>
      </c>
      <c r="DP32" s="195">
        <v>0</v>
      </c>
      <c r="DQ32" s="198">
        <v>0</v>
      </c>
      <c r="DR32" s="200">
        <v>0</v>
      </c>
      <c r="DS32" s="201">
        <v>0</v>
      </c>
      <c r="DT32" s="195">
        <v>0</v>
      </c>
      <c r="DU32" s="195">
        <v>0</v>
      </c>
      <c r="DV32" s="196">
        <v>3</v>
      </c>
      <c r="DW32" s="197">
        <v>7</v>
      </c>
      <c r="DX32" s="197">
        <v>26</v>
      </c>
      <c r="DY32" s="197">
        <v>46</v>
      </c>
      <c r="DZ32" s="195">
        <v>30</v>
      </c>
      <c r="EA32" s="198">
        <v>112</v>
      </c>
      <c r="EB32" s="200">
        <v>112</v>
      </c>
      <c r="EC32" s="37"/>
    </row>
    <row r="33" spans="2:133" ht="21" customHeight="1" x14ac:dyDescent="0.2">
      <c r="B33" s="62" t="s">
        <v>30</v>
      </c>
      <c r="C33" s="194">
        <v>0</v>
      </c>
      <c r="D33" s="195">
        <v>0</v>
      </c>
      <c r="E33" s="195">
        <v>0</v>
      </c>
      <c r="F33" s="196">
        <v>0</v>
      </c>
      <c r="G33" s="197">
        <v>1</v>
      </c>
      <c r="H33" s="197">
        <v>26</v>
      </c>
      <c r="I33" s="197">
        <v>30</v>
      </c>
      <c r="J33" s="195">
        <v>13</v>
      </c>
      <c r="K33" s="198">
        <v>70</v>
      </c>
      <c r="L33" s="199">
        <v>70</v>
      </c>
      <c r="M33" s="194">
        <v>0</v>
      </c>
      <c r="N33" s="195">
        <v>0</v>
      </c>
      <c r="O33" s="198">
        <v>0</v>
      </c>
      <c r="P33" s="196">
        <v>0</v>
      </c>
      <c r="Q33" s="197">
        <v>1</v>
      </c>
      <c r="R33" s="197">
        <v>26</v>
      </c>
      <c r="S33" s="197">
        <v>30</v>
      </c>
      <c r="T33" s="195">
        <v>13</v>
      </c>
      <c r="U33" s="198">
        <v>70</v>
      </c>
      <c r="V33" s="200">
        <v>70</v>
      </c>
      <c r="W33" s="201">
        <v>0</v>
      </c>
      <c r="X33" s="195">
        <v>0</v>
      </c>
      <c r="Y33" s="198">
        <v>0</v>
      </c>
      <c r="Z33" s="201">
        <v>0</v>
      </c>
      <c r="AA33" s="197">
        <v>0</v>
      </c>
      <c r="AB33" s="197">
        <v>0</v>
      </c>
      <c r="AC33" s="197">
        <v>0</v>
      </c>
      <c r="AD33" s="195">
        <v>0</v>
      </c>
      <c r="AE33" s="198">
        <v>0</v>
      </c>
      <c r="AF33" s="202">
        <v>0</v>
      </c>
      <c r="AG33" s="201">
        <v>0</v>
      </c>
      <c r="AH33" s="195">
        <v>0</v>
      </c>
      <c r="AI33" s="198">
        <v>0</v>
      </c>
      <c r="AJ33" s="201">
        <v>10</v>
      </c>
      <c r="AK33" s="197">
        <v>2</v>
      </c>
      <c r="AL33" s="197">
        <v>13</v>
      </c>
      <c r="AM33" s="197">
        <v>16</v>
      </c>
      <c r="AN33" s="195">
        <v>6</v>
      </c>
      <c r="AO33" s="198">
        <v>47</v>
      </c>
      <c r="AP33" s="202">
        <v>47</v>
      </c>
      <c r="AQ33" s="201">
        <v>0</v>
      </c>
      <c r="AR33" s="195">
        <v>0</v>
      </c>
      <c r="AS33" s="198">
        <v>0</v>
      </c>
      <c r="AT33" s="196">
        <v>10</v>
      </c>
      <c r="AU33" s="197">
        <v>2</v>
      </c>
      <c r="AV33" s="197">
        <v>12</v>
      </c>
      <c r="AW33" s="197">
        <v>16</v>
      </c>
      <c r="AX33" s="195">
        <v>6</v>
      </c>
      <c r="AY33" s="198">
        <v>46</v>
      </c>
      <c r="AZ33" s="199">
        <v>46</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1</v>
      </c>
      <c r="CU33" s="197">
        <v>0</v>
      </c>
      <c r="CV33" s="195">
        <v>2</v>
      </c>
      <c r="CW33" s="198">
        <v>4</v>
      </c>
      <c r="CX33" s="199">
        <v>4</v>
      </c>
      <c r="CY33" s="194">
        <v>0</v>
      </c>
      <c r="CZ33" s="195">
        <v>0</v>
      </c>
      <c r="DA33" s="195">
        <v>0</v>
      </c>
      <c r="DB33" s="196">
        <v>0</v>
      </c>
      <c r="DC33" s="197">
        <v>1</v>
      </c>
      <c r="DD33" s="197">
        <v>1</v>
      </c>
      <c r="DE33" s="197">
        <v>0</v>
      </c>
      <c r="DF33" s="195">
        <v>1</v>
      </c>
      <c r="DG33" s="198">
        <v>3</v>
      </c>
      <c r="DH33" s="200">
        <v>3</v>
      </c>
      <c r="DI33" s="201">
        <v>0</v>
      </c>
      <c r="DJ33" s="195">
        <v>0</v>
      </c>
      <c r="DK33" s="195">
        <v>0</v>
      </c>
      <c r="DL33" s="196">
        <v>0</v>
      </c>
      <c r="DM33" s="197">
        <v>0</v>
      </c>
      <c r="DN33" s="197">
        <v>0</v>
      </c>
      <c r="DO33" s="197">
        <v>0</v>
      </c>
      <c r="DP33" s="195">
        <v>1</v>
      </c>
      <c r="DQ33" s="198">
        <v>1</v>
      </c>
      <c r="DR33" s="200">
        <v>1</v>
      </c>
      <c r="DS33" s="201">
        <v>0</v>
      </c>
      <c r="DT33" s="195">
        <v>0</v>
      </c>
      <c r="DU33" s="195">
        <v>0</v>
      </c>
      <c r="DV33" s="196">
        <v>10</v>
      </c>
      <c r="DW33" s="197">
        <v>4</v>
      </c>
      <c r="DX33" s="197">
        <v>39</v>
      </c>
      <c r="DY33" s="197">
        <v>46</v>
      </c>
      <c r="DZ33" s="195">
        <v>20</v>
      </c>
      <c r="EA33" s="198">
        <v>119</v>
      </c>
      <c r="EB33" s="200">
        <v>119</v>
      </c>
      <c r="EC33" s="37"/>
    </row>
    <row r="34" spans="2:133" ht="21" customHeight="1" x14ac:dyDescent="0.2">
      <c r="B34" s="62" t="s">
        <v>31</v>
      </c>
      <c r="C34" s="194">
        <v>0</v>
      </c>
      <c r="D34" s="195">
        <v>0</v>
      </c>
      <c r="E34" s="195">
        <v>0</v>
      </c>
      <c r="F34" s="196">
        <v>0</v>
      </c>
      <c r="G34" s="197">
        <v>3</v>
      </c>
      <c r="H34" s="197">
        <v>29</v>
      </c>
      <c r="I34" s="197">
        <v>29</v>
      </c>
      <c r="J34" s="195">
        <v>22</v>
      </c>
      <c r="K34" s="198">
        <v>83</v>
      </c>
      <c r="L34" s="199">
        <v>83</v>
      </c>
      <c r="M34" s="194">
        <v>0</v>
      </c>
      <c r="N34" s="195">
        <v>0</v>
      </c>
      <c r="O34" s="198">
        <v>0</v>
      </c>
      <c r="P34" s="196">
        <v>0</v>
      </c>
      <c r="Q34" s="197">
        <v>3</v>
      </c>
      <c r="R34" s="197">
        <v>29</v>
      </c>
      <c r="S34" s="197">
        <v>29</v>
      </c>
      <c r="T34" s="195">
        <v>22</v>
      </c>
      <c r="U34" s="198">
        <v>83</v>
      </c>
      <c r="V34" s="200">
        <v>83</v>
      </c>
      <c r="W34" s="201">
        <v>0</v>
      </c>
      <c r="X34" s="195">
        <v>0</v>
      </c>
      <c r="Y34" s="198">
        <v>0</v>
      </c>
      <c r="Z34" s="201">
        <v>0</v>
      </c>
      <c r="AA34" s="197">
        <v>0</v>
      </c>
      <c r="AB34" s="197">
        <v>0</v>
      </c>
      <c r="AC34" s="197">
        <v>0</v>
      </c>
      <c r="AD34" s="195">
        <v>0</v>
      </c>
      <c r="AE34" s="198">
        <v>0</v>
      </c>
      <c r="AF34" s="202">
        <v>0</v>
      </c>
      <c r="AG34" s="201">
        <v>0</v>
      </c>
      <c r="AH34" s="195">
        <v>0</v>
      </c>
      <c r="AI34" s="198">
        <v>0</v>
      </c>
      <c r="AJ34" s="201">
        <v>2</v>
      </c>
      <c r="AK34" s="197">
        <v>10</v>
      </c>
      <c r="AL34" s="197">
        <v>8</v>
      </c>
      <c r="AM34" s="197">
        <v>11</v>
      </c>
      <c r="AN34" s="195">
        <v>5</v>
      </c>
      <c r="AO34" s="198">
        <v>36</v>
      </c>
      <c r="AP34" s="202">
        <v>36</v>
      </c>
      <c r="AQ34" s="201">
        <v>0</v>
      </c>
      <c r="AR34" s="195">
        <v>0</v>
      </c>
      <c r="AS34" s="198">
        <v>0</v>
      </c>
      <c r="AT34" s="196">
        <v>2</v>
      </c>
      <c r="AU34" s="197">
        <v>10</v>
      </c>
      <c r="AV34" s="197">
        <v>8</v>
      </c>
      <c r="AW34" s="197">
        <v>11</v>
      </c>
      <c r="AX34" s="195">
        <v>5</v>
      </c>
      <c r="AY34" s="198">
        <v>36</v>
      </c>
      <c r="AZ34" s="199">
        <v>36</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0</v>
      </c>
      <c r="BR34" s="195">
        <v>0</v>
      </c>
      <c r="BS34" s="198">
        <v>0</v>
      </c>
      <c r="BT34" s="199">
        <v>0</v>
      </c>
      <c r="BU34" s="194">
        <v>0</v>
      </c>
      <c r="BV34" s="195">
        <v>0</v>
      </c>
      <c r="BW34" s="195">
        <v>0</v>
      </c>
      <c r="BX34" s="196">
        <v>0</v>
      </c>
      <c r="BY34" s="197">
        <v>0</v>
      </c>
      <c r="BZ34" s="197">
        <v>0</v>
      </c>
      <c r="CA34" s="197">
        <v>0</v>
      </c>
      <c r="CB34" s="195">
        <v>0</v>
      </c>
      <c r="CC34" s="198">
        <v>0</v>
      </c>
      <c r="CD34" s="200">
        <v>0</v>
      </c>
      <c r="CE34" s="201">
        <v>0</v>
      </c>
      <c r="CF34" s="195">
        <v>0</v>
      </c>
      <c r="CG34" s="195">
        <v>0</v>
      </c>
      <c r="CH34" s="196">
        <v>0</v>
      </c>
      <c r="CI34" s="197">
        <v>0</v>
      </c>
      <c r="CJ34" s="197">
        <v>0</v>
      </c>
      <c r="CK34" s="197">
        <v>0</v>
      </c>
      <c r="CL34" s="195">
        <v>0</v>
      </c>
      <c r="CM34" s="198">
        <v>0</v>
      </c>
      <c r="CN34" s="200">
        <v>0</v>
      </c>
      <c r="CO34" s="201">
        <v>0</v>
      </c>
      <c r="CP34" s="195">
        <v>0</v>
      </c>
      <c r="CQ34" s="195">
        <v>0</v>
      </c>
      <c r="CR34" s="196">
        <v>1</v>
      </c>
      <c r="CS34" s="197">
        <v>0</v>
      </c>
      <c r="CT34" s="197">
        <v>0</v>
      </c>
      <c r="CU34" s="197">
        <v>3</v>
      </c>
      <c r="CV34" s="195">
        <v>0</v>
      </c>
      <c r="CW34" s="198">
        <v>4</v>
      </c>
      <c r="CX34" s="199">
        <v>4</v>
      </c>
      <c r="CY34" s="194">
        <v>0</v>
      </c>
      <c r="CZ34" s="195">
        <v>0</v>
      </c>
      <c r="DA34" s="195">
        <v>0</v>
      </c>
      <c r="DB34" s="196">
        <v>1</v>
      </c>
      <c r="DC34" s="197">
        <v>0</v>
      </c>
      <c r="DD34" s="197">
        <v>0</v>
      </c>
      <c r="DE34" s="197">
        <v>3</v>
      </c>
      <c r="DF34" s="195">
        <v>0</v>
      </c>
      <c r="DG34" s="198">
        <v>4</v>
      </c>
      <c r="DH34" s="200">
        <v>4</v>
      </c>
      <c r="DI34" s="201">
        <v>0</v>
      </c>
      <c r="DJ34" s="195">
        <v>0</v>
      </c>
      <c r="DK34" s="195">
        <v>0</v>
      </c>
      <c r="DL34" s="196">
        <v>0</v>
      </c>
      <c r="DM34" s="197">
        <v>0</v>
      </c>
      <c r="DN34" s="197">
        <v>0</v>
      </c>
      <c r="DO34" s="197">
        <v>0</v>
      </c>
      <c r="DP34" s="195">
        <v>0</v>
      </c>
      <c r="DQ34" s="198">
        <v>0</v>
      </c>
      <c r="DR34" s="200">
        <v>0</v>
      </c>
      <c r="DS34" s="201">
        <v>0</v>
      </c>
      <c r="DT34" s="195">
        <v>0</v>
      </c>
      <c r="DU34" s="195">
        <v>0</v>
      </c>
      <c r="DV34" s="196">
        <v>3</v>
      </c>
      <c r="DW34" s="197">
        <v>13</v>
      </c>
      <c r="DX34" s="197">
        <v>37</v>
      </c>
      <c r="DY34" s="197">
        <v>43</v>
      </c>
      <c r="DZ34" s="195">
        <v>27</v>
      </c>
      <c r="EA34" s="198">
        <v>123</v>
      </c>
      <c r="EB34" s="200">
        <v>123</v>
      </c>
      <c r="EC34" s="37"/>
    </row>
    <row r="35" spans="2:133" ht="21" customHeight="1" x14ac:dyDescent="0.2">
      <c r="B35" s="62" t="s">
        <v>32</v>
      </c>
      <c r="C35" s="194">
        <v>0</v>
      </c>
      <c r="D35" s="195">
        <v>0</v>
      </c>
      <c r="E35" s="195">
        <v>0</v>
      </c>
      <c r="F35" s="196">
        <v>2</v>
      </c>
      <c r="G35" s="197">
        <v>0</v>
      </c>
      <c r="H35" s="197">
        <v>11</v>
      </c>
      <c r="I35" s="197">
        <v>27</v>
      </c>
      <c r="J35" s="195">
        <v>14</v>
      </c>
      <c r="K35" s="198">
        <v>54</v>
      </c>
      <c r="L35" s="199">
        <v>54</v>
      </c>
      <c r="M35" s="194">
        <v>0</v>
      </c>
      <c r="N35" s="195">
        <v>0</v>
      </c>
      <c r="O35" s="198">
        <v>0</v>
      </c>
      <c r="P35" s="196">
        <v>2</v>
      </c>
      <c r="Q35" s="197">
        <v>0</v>
      </c>
      <c r="R35" s="197">
        <v>11</v>
      </c>
      <c r="S35" s="197">
        <v>27</v>
      </c>
      <c r="T35" s="195">
        <v>13</v>
      </c>
      <c r="U35" s="198">
        <v>53</v>
      </c>
      <c r="V35" s="200">
        <v>53</v>
      </c>
      <c r="W35" s="201">
        <v>0</v>
      </c>
      <c r="X35" s="195">
        <v>0</v>
      </c>
      <c r="Y35" s="198">
        <v>0</v>
      </c>
      <c r="Z35" s="201">
        <v>0</v>
      </c>
      <c r="AA35" s="197">
        <v>0</v>
      </c>
      <c r="AB35" s="197">
        <v>0</v>
      </c>
      <c r="AC35" s="197">
        <v>0</v>
      </c>
      <c r="AD35" s="195">
        <v>1</v>
      </c>
      <c r="AE35" s="198">
        <v>1</v>
      </c>
      <c r="AF35" s="202">
        <v>1</v>
      </c>
      <c r="AG35" s="201">
        <v>0</v>
      </c>
      <c r="AH35" s="195">
        <v>0</v>
      </c>
      <c r="AI35" s="198">
        <v>0</v>
      </c>
      <c r="AJ35" s="201">
        <v>1</v>
      </c>
      <c r="AK35" s="197">
        <v>11</v>
      </c>
      <c r="AL35" s="197">
        <v>13</v>
      </c>
      <c r="AM35" s="197">
        <v>19</v>
      </c>
      <c r="AN35" s="195">
        <v>5</v>
      </c>
      <c r="AO35" s="198">
        <v>49</v>
      </c>
      <c r="AP35" s="202">
        <v>49</v>
      </c>
      <c r="AQ35" s="201">
        <v>0</v>
      </c>
      <c r="AR35" s="195">
        <v>0</v>
      </c>
      <c r="AS35" s="198">
        <v>0</v>
      </c>
      <c r="AT35" s="196">
        <v>1</v>
      </c>
      <c r="AU35" s="197">
        <v>11</v>
      </c>
      <c r="AV35" s="197">
        <v>13</v>
      </c>
      <c r="AW35" s="197">
        <v>19</v>
      </c>
      <c r="AX35" s="195">
        <v>5</v>
      </c>
      <c r="AY35" s="198">
        <v>49</v>
      </c>
      <c r="AZ35" s="199">
        <v>49</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2</v>
      </c>
      <c r="CU35" s="197">
        <v>0</v>
      </c>
      <c r="CV35" s="195">
        <v>1</v>
      </c>
      <c r="CW35" s="198">
        <v>3</v>
      </c>
      <c r="CX35" s="199">
        <v>3</v>
      </c>
      <c r="CY35" s="194">
        <v>0</v>
      </c>
      <c r="CZ35" s="195">
        <v>0</v>
      </c>
      <c r="DA35" s="195">
        <v>0</v>
      </c>
      <c r="DB35" s="196">
        <v>0</v>
      </c>
      <c r="DC35" s="197">
        <v>0</v>
      </c>
      <c r="DD35" s="197">
        <v>2</v>
      </c>
      <c r="DE35" s="197">
        <v>0</v>
      </c>
      <c r="DF35" s="195">
        <v>1</v>
      </c>
      <c r="DG35" s="198">
        <v>3</v>
      </c>
      <c r="DH35" s="200">
        <v>3</v>
      </c>
      <c r="DI35" s="201">
        <v>0</v>
      </c>
      <c r="DJ35" s="195">
        <v>0</v>
      </c>
      <c r="DK35" s="195">
        <v>0</v>
      </c>
      <c r="DL35" s="196">
        <v>0</v>
      </c>
      <c r="DM35" s="197">
        <v>0</v>
      </c>
      <c r="DN35" s="197">
        <v>0</v>
      </c>
      <c r="DO35" s="197">
        <v>0</v>
      </c>
      <c r="DP35" s="195">
        <v>0</v>
      </c>
      <c r="DQ35" s="198">
        <v>0</v>
      </c>
      <c r="DR35" s="200">
        <v>0</v>
      </c>
      <c r="DS35" s="201">
        <v>0</v>
      </c>
      <c r="DT35" s="195">
        <v>0</v>
      </c>
      <c r="DU35" s="195">
        <v>0</v>
      </c>
      <c r="DV35" s="196">
        <v>3</v>
      </c>
      <c r="DW35" s="197">
        <v>11</v>
      </c>
      <c r="DX35" s="197">
        <v>26</v>
      </c>
      <c r="DY35" s="197">
        <v>45</v>
      </c>
      <c r="DZ35" s="195">
        <v>20</v>
      </c>
      <c r="EA35" s="198">
        <v>105</v>
      </c>
      <c r="EB35" s="200">
        <v>105</v>
      </c>
      <c r="EC35" s="37"/>
    </row>
    <row r="36" spans="2:133" ht="21" customHeight="1" x14ac:dyDescent="0.2">
      <c r="B36" s="62" t="s">
        <v>33</v>
      </c>
      <c r="C36" s="194">
        <v>0</v>
      </c>
      <c r="D36" s="195">
        <v>0</v>
      </c>
      <c r="E36" s="195">
        <v>0</v>
      </c>
      <c r="F36" s="196">
        <v>0</v>
      </c>
      <c r="G36" s="197">
        <v>5</v>
      </c>
      <c r="H36" s="197">
        <v>22</v>
      </c>
      <c r="I36" s="197">
        <v>33</v>
      </c>
      <c r="J36" s="195">
        <v>22</v>
      </c>
      <c r="K36" s="198">
        <v>82</v>
      </c>
      <c r="L36" s="199">
        <v>82</v>
      </c>
      <c r="M36" s="194">
        <v>0</v>
      </c>
      <c r="N36" s="195">
        <v>0</v>
      </c>
      <c r="O36" s="198">
        <v>0</v>
      </c>
      <c r="P36" s="196">
        <v>0</v>
      </c>
      <c r="Q36" s="197">
        <v>5</v>
      </c>
      <c r="R36" s="197">
        <v>22</v>
      </c>
      <c r="S36" s="197">
        <v>33</v>
      </c>
      <c r="T36" s="195">
        <v>22</v>
      </c>
      <c r="U36" s="198">
        <v>82</v>
      </c>
      <c r="V36" s="200">
        <v>82</v>
      </c>
      <c r="W36" s="201">
        <v>0</v>
      </c>
      <c r="X36" s="195">
        <v>0</v>
      </c>
      <c r="Y36" s="198">
        <v>0</v>
      </c>
      <c r="Z36" s="201">
        <v>0</v>
      </c>
      <c r="AA36" s="197">
        <v>0</v>
      </c>
      <c r="AB36" s="197">
        <v>0</v>
      </c>
      <c r="AC36" s="197">
        <v>0</v>
      </c>
      <c r="AD36" s="195">
        <v>0</v>
      </c>
      <c r="AE36" s="198">
        <v>0</v>
      </c>
      <c r="AF36" s="202">
        <v>0</v>
      </c>
      <c r="AG36" s="201">
        <v>0</v>
      </c>
      <c r="AH36" s="195">
        <v>0</v>
      </c>
      <c r="AI36" s="198">
        <v>0</v>
      </c>
      <c r="AJ36" s="201">
        <v>6</v>
      </c>
      <c r="AK36" s="197">
        <v>8</v>
      </c>
      <c r="AL36" s="197">
        <v>11</v>
      </c>
      <c r="AM36" s="197">
        <v>18</v>
      </c>
      <c r="AN36" s="195">
        <v>7</v>
      </c>
      <c r="AO36" s="198">
        <v>50</v>
      </c>
      <c r="AP36" s="202">
        <v>50</v>
      </c>
      <c r="AQ36" s="201">
        <v>0</v>
      </c>
      <c r="AR36" s="195">
        <v>0</v>
      </c>
      <c r="AS36" s="198">
        <v>0</v>
      </c>
      <c r="AT36" s="196">
        <v>6</v>
      </c>
      <c r="AU36" s="197">
        <v>8</v>
      </c>
      <c r="AV36" s="197">
        <v>11</v>
      </c>
      <c r="AW36" s="197">
        <v>18</v>
      </c>
      <c r="AX36" s="195">
        <v>7</v>
      </c>
      <c r="AY36" s="198">
        <v>50</v>
      </c>
      <c r="AZ36" s="199">
        <v>50</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4</v>
      </c>
      <c r="CS36" s="197">
        <v>8</v>
      </c>
      <c r="CT36" s="197">
        <v>7</v>
      </c>
      <c r="CU36" s="197">
        <v>8</v>
      </c>
      <c r="CV36" s="195">
        <v>8</v>
      </c>
      <c r="CW36" s="198">
        <v>35</v>
      </c>
      <c r="CX36" s="199">
        <v>35</v>
      </c>
      <c r="CY36" s="194">
        <v>0</v>
      </c>
      <c r="CZ36" s="195">
        <v>0</v>
      </c>
      <c r="DA36" s="195">
        <v>0</v>
      </c>
      <c r="DB36" s="196">
        <v>4</v>
      </c>
      <c r="DC36" s="197">
        <v>8</v>
      </c>
      <c r="DD36" s="197">
        <v>7</v>
      </c>
      <c r="DE36" s="197">
        <v>8</v>
      </c>
      <c r="DF36" s="195">
        <v>8</v>
      </c>
      <c r="DG36" s="198">
        <v>35</v>
      </c>
      <c r="DH36" s="200">
        <v>35</v>
      </c>
      <c r="DI36" s="201">
        <v>0</v>
      </c>
      <c r="DJ36" s="195">
        <v>0</v>
      </c>
      <c r="DK36" s="195">
        <v>0</v>
      </c>
      <c r="DL36" s="196">
        <v>0</v>
      </c>
      <c r="DM36" s="197">
        <v>0</v>
      </c>
      <c r="DN36" s="197">
        <v>0</v>
      </c>
      <c r="DO36" s="197">
        <v>0</v>
      </c>
      <c r="DP36" s="195">
        <v>0</v>
      </c>
      <c r="DQ36" s="198">
        <v>0</v>
      </c>
      <c r="DR36" s="200">
        <v>0</v>
      </c>
      <c r="DS36" s="201">
        <v>0</v>
      </c>
      <c r="DT36" s="195">
        <v>0</v>
      </c>
      <c r="DU36" s="195">
        <v>0</v>
      </c>
      <c r="DV36" s="196">
        <v>9</v>
      </c>
      <c r="DW36" s="197">
        <v>21</v>
      </c>
      <c r="DX36" s="197">
        <v>40</v>
      </c>
      <c r="DY36" s="197">
        <v>57</v>
      </c>
      <c r="DZ36" s="195">
        <v>37</v>
      </c>
      <c r="EA36" s="198">
        <v>164</v>
      </c>
      <c r="EB36" s="200">
        <v>164</v>
      </c>
      <c r="EC36" s="37"/>
    </row>
    <row r="37" spans="2:133" ht="21" customHeight="1" x14ac:dyDescent="0.2">
      <c r="B37" s="62" t="s">
        <v>34</v>
      </c>
      <c r="C37" s="194">
        <v>0</v>
      </c>
      <c r="D37" s="195">
        <v>0</v>
      </c>
      <c r="E37" s="195">
        <v>0</v>
      </c>
      <c r="F37" s="196">
        <v>0</v>
      </c>
      <c r="G37" s="197">
        <v>0</v>
      </c>
      <c r="H37" s="197">
        <v>7</v>
      </c>
      <c r="I37" s="197">
        <v>25</v>
      </c>
      <c r="J37" s="195">
        <v>11</v>
      </c>
      <c r="K37" s="198">
        <v>43</v>
      </c>
      <c r="L37" s="199">
        <v>43</v>
      </c>
      <c r="M37" s="194">
        <v>0</v>
      </c>
      <c r="N37" s="195">
        <v>0</v>
      </c>
      <c r="O37" s="198">
        <v>0</v>
      </c>
      <c r="P37" s="196">
        <v>0</v>
      </c>
      <c r="Q37" s="197">
        <v>0</v>
      </c>
      <c r="R37" s="197">
        <v>7</v>
      </c>
      <c r="S37" s="197">
        <v>25</v>
      </c>
      <c r="T37" s="195">
        <v>11</v>
      </c>
      <c r="U37" s="198">
        <v>43</v>
      </c>
      <c r="V37" s="200">
        <v>43</v>
      </c>
      <c r="W37" s="201">
        <v>0</v>
      </c>
      <c r="X37" s="195">
        <v>0</v>
      </c>
      <c r="Y37" s="198">
        <v>0</v>
      </c>
      <c r="Z37" s="201">
        <v>0</v>
      </c>
      <c r="AA37" s="197">
        <v>0</v>
      </c>
      <c r="AB37" s="197">
        <v>0</v>
      </c>
      <c r="AC37" s="197">
        <v>0</v>
      </c>
      <c r="AD37" s="195">
        <v>0</v>
      </c>
      <c r="AE37" s="198">
        <v>0</v>
      </c>
      <c r="AF37" s="202">
        <v>0</v>
      </c>
      <c r="AG37" s="201">
        <v>0</v>
      </c>
      <c r="AH37" s="195">
        <v>0</v>
      </c>
      <c r="AI37" s="198">
        <v>0</v>
      </c>
      <c r="AJ37" s="201">
        <v>3</v>
      </c>
      <c r="AK37" s="197">
        <v>12</v>
      </c>
      <c r="AL37" s="197">
        <v>11</v>
      </c>
      <c r="AM37" s="197">
        <v>11</v>
      </c>
      <c r="AN37" s="195">
        <v>5</v>
      </c>
      <c r="AO37" s="198">
        <v>42</v>
      </c>
      <c r="AP37" s="202">
        <v>42</v>
      </c>
      <c r="AQ37" s="201">
        <v>0</v>
      </c>
      <c r="AR37" s="195">
        <v>0</v>
      </c>
      <c r="AS37" s="198">
        <v>0</v>
      </c>
      <c r="AT37" s="196">
        <v>3</v>
      </c>
      <c r="AU37" s="197">
        <v>12</v>
      </c>
      <c r="AV37" s="197">
        <v>11</v>
      </c>
      <c r="AW37" s="197">
        <v>11</v>
      </c>
      <c r="AX37" s="195">
        <v>5</v>
      </c>
      <c r="AY37" s="198">
        <v>42</v>
      </c>
      <c r="AZ37" s="199">
        <v>42</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0</v>
      </c>
      <c r="CT37" s="197">
        <v>0</v>
      </c>
      <c r="CU37" s="197">
        <v>1</v>
      </c>
      <c r="CV37" s="195">
        <v>1</v>
      </c>
      <c r="CW37" s="198">
        <v>2</v>
      </c>
      <c r="CX37" s="199">
        <v>2</v>
      </c>
      <c r="CY37" s="194">
        <v>0</v>
      </c>
      <c r="CZ37" s="195">
        <v>0</v>
      </c>
      <c r="DA37" s="195">
        <v>0</v>
      </c>
      <c r="DB37" s="196">
        <v>0</v>
      </c>
      <c r="DC37" s="197">
        <v>0</v>
      </c>
      <c r="DD37" s="197">
        <v>0</v>
      </c>
      <c r="DE37" s="197">
        <v>1</v>
      </c>
      <c r="DF37" s="195">
        <v>1</v>
      </c>
      <c r="DG37" s="198">
        <v>2</v>
      </c>
      <c r="DH37" s="200">
        <v>2</v>
      </c>
      <c r="DI37" s="201">
        <v>0</v>
      </c>
      <c r="DJ37" s="195">
        <v>0</v>
      </c>
      <c r="DK37" s="195">
        <v>0</v>
      </c>
      <c r="DL37" s="196">
        <v>0</v>
      </c>
      <c r="DM37" s="197">
        <v>0</v>
      </c>
      <c r="DN37" s="197">
        <v>0</v>
      </c>
      <c r="DO37" s="197">
        <v>0</v>
      </c>
      <c r="DP37" s="195">
        <v>0</v>
      </c>
      <c r="DQ37" s="198">
        <v>0</v>
      </c>
      <c r="DR37" s="200">
        <v>0</v>
      </c>
      <c r="DS37" s="201">
        <v>0</v>
      </c>
      <c r="DT37" s="195">
        <v>0</v>
      </c>
      <c r="DU37" s="195">
        <v>0</v>
      </c>
      <c r="DV37" s="196">
        <v>3</v>
      </c>
      <c r="DW37" s="197">
        <v>12</v>
      </c>
      <c r="DX37" s="197">
        <v>18</v>
      </c>
      <c r="DY37" s="197">
        <v>37</v>
      </c>
      <c r="DZ37" s="195">
        <v>17</v>
      </c>
      <c r="EA37" s="198">
        <v>87</v>
      </c>
      <c r="EB37" s="200">
        <v>87</v>
      </c>
      <c r="EC37" s="37"/>
    </row>
    <row r="38" spans="2:133" ht="21" customHeight="1" x14ac:dyDescent="0.2">
      <c r="B38" s="62" t="s">
        <v>35</v>
      </c>
      <c r="C38" s="194">
        <v>0</v>
      </c>
      <c r="D38" s="195">
        <v>0</v>
      </c>
      <c r="E38" s="195">
        <v>0</v>
      </c>
      <c r="F38" s="196">
        <v>1</v>
      </c>
      <c r="G38" s="197">
        <v>2</v>
      </c>
      <c r="H38" s="197">
        <v>27</v>
      </c>
      <c r="I38" s="197">
        <v>46</v>
      </c>
      <c r="J38" s="195">
        <v>29</v>
      </c>
      <c r="K38" s="198">
        <v>105</v>
      </c>
      <c r="L38" s="199">
        <v>105</v>
      </c>
      <c r="M38" s="194">
        <v>0</v>
      </c>
      <c r="N38" s="195">
        <v>0</v>
      </c>
      <c r="O38" s="198">
        <v>0</v>
      </c>
      <c r="P38" s="196">
        <v>1</v>
      </c>
      <c r="Q38" s="197">
        <v>2</v>
      </c>
      <c r="R38" s="197">
        <v>27</v>
      </c>
      <c r="S38" s="197">
        <v>46</v>
      </c>
      <c r="T38" s="195">
        <v>29</v>
      </c>
      <c r="U38" s="198">
        <v>105</v>
      </c>
      <c r="V38" s="200">
        <v>105</v>
      </c>
      <c r="W38" s="201">
        <v>0</v>
      </c>
      <c r="X38" s="195">
        <v>0</v>
      </c>
      <c r="Y38" s="198">
        <v>0</v>
      </c>
      <c r="Z38" s="201">
        <v>0</v>
      </c>
      <c r="AA38" s="197">
        <v>0</v>
      </c>
      <c r="AB38" s="197">
        <v>0</v>
      </c>
      <c r="AC38" s="197">
        <v>0</v>
      </c>
      <c r="AD38" s="195">
        <v>0</v>
      </c>
      <c r="AE38" s="198">
        <v>0</v>
      </c>
      <c r="AF38" s="202">
        <v>0</v>
      </c>
      <c r="AG38" s="201">
        <v>0</v>
      </c>
      <c r="AH38" s="195">
        <v>0</v>
      </c>
      <c r="AI38" s="198">
        <v>0</v>
      </c>
      <c r="AJ38" s="201">
        <v>21</v>
      </c>
      <c r="AK38" s="197">
        <v>30</v>
      </c>
      <c r="AL38" s="197">
        <v>21</v>
      </c>
      <c r="AM38" s="197">
        <v>19</v>
      </c>
      <c r="AN38" s="195">
        <v>8</v>
      </c>
      <c r="AO38" s="198">
        <v>99</v>
      </c>
      <c r="AP38" s="202">
        <v>99</v>
      </c>
      <c r="AQ38" s="201">
        <v>0</v>
      </c>
      <c r="AR38" s="195">
        <v>0</v>
      </c>
      <c r="AS38" s="198">
        <v>0</v>
      </c>
      <c r="AT38" s="196">
        <v>21</v>
      </c>
      <c r="AU38" s="197">
        <v>30</v>
      </c>
      <c r="AV38" s="197">
        <v>21</v>
      </c>
      <c r="AW38" s="197">
        <v>19</v>
      </c>
      <c r="AX38" s="195">
        <v>8</v>
      </c>
      <c r="AY38" s="198">
        <v>99</v>
      </c>
      <c r="AZ38" s="199">
        <v>99</v>
      </c>
      <c r="BA38" s="194">
        <v>0</v>
      </c>
      <c r="BB38" s="195">
        <v>0</v>
      </c>
      <c r="BC38" s="195">
        <v>0</v>
      </c>
      <c r="BD38" s="196">
        <v>0</v>
      </c>
      <c r="BE38" s="197">
        <v>0</v>
      </c>
      <c r="BF38" s="197">
        <v>0</v>
      </c>
      <c r="BG38" s="197">
        <v>0</v>
      </c>
      <c r="BH38" s="195">
        <v>0</v>
      </c>
      <c r="BI38" s="198">
        <v>0</v>
      </c>
      <c r="BJ38" s="200">
        <v>0</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2</v>
      </c>
      <c r="CS38" s="197">
        <v>3</v>
      </c>
      <c r="CT38" s="197">
        <v>4</v>
      </c>
      <c r="CU38" s="197">
        <v>7</v>
      </c>
      <c r="CV38" s="195">
        <v>9</v>
      </c>
      <c r="CW38" s="198">
        <v>25</v>
      </c>
      <c r="CX38" s="199">
        <v>25</v>
      </c>
      <c r="CY38" s="194">
        <v>0</v>
      </c>
      <c r="CZ38" s="195">
        <v>0</v>
      </c>
      <c r="DA38" s="195">
        <v>0</v>
      </c>
      <c r="DB38" s="196">
        <v>2</v>
      </c>
      <c r="DC38" s="197">
        <v>2</v>
      </c>
      <c r="DD38" s="197">
        <v>4</v>
      </c>
      <c r="DE38" s="197">
        <v>7</v>
      </c>
      <c r="DF38" s="195">
        <v>8</v>
      </c>
      <c r="DG38" s="198">
        <v>23</v>
      </c>
      <c r="DH38" s="200">
        <v>23</v>
      </c>
      <c r="DI38" s="201">
        <v>0</v>
      </c>
      <c r="DJ38" s="195">
        <v>0</v>
      </c>
      <c r="DK38" s="195">
        <v>0</v>
      </c>
      <c r="DL38" s="196">
        <v>0</v>
      </c>
      <c r="DM38" s="197">
        <v>1</v>
      </c>
      <c r="DN38" s="197">
        <v>0</v>
      </c>
      <c r="DO38" s="197">
        <v>0</v>
      </c>
      <c r="DP38" s="195">
        <v>1</v>
      </c>
      <c r="DQ38" s="198">
        <v>2</v>
      </c>
      <c r="DR38" s="200">
        <v>2</v>
      </c>
      <c r="DS38" s="201">
        <v>0</v>
      </c>
      <c r="DT38" s="195">
        <v>0</v>
      </c>
      <c r="DU38" s="195">
        <v>0</v>
      </c>
      <c r="DV38" s="196">
        <v>24</v>
      </c>
      <c r="DW38" s="197">
        <v>35</v>
      </c>
      <c r="DX38" s="197">
        <v>52</v>
      </c>
      <c r="DY38" s="197">
        <v>71</v>
      </c>
      <c r="DZ38" s="195">
        <v>46</v>
      </c>
      <c r="EA38" s="198">
        <v>228</v>
      </c>
      <c r="EB38" s="200">
        <v>228</v>
      </c>
      <c r="EC38" s="37"/>
    </row>
    <row r="39" spans="2:133" ht="21" customHeight="1" x14ac:dyDescent="0.2">
      <c r="B39" s="62" t="s">
        <v>36</v>
      </c>
      <c r="C39" s="194">
        <v>0</v>
      </c>
      <c r="D39" s="195">
        <v>0</v>
      </c>
      <c r="E39" s="195">
        <v>0</v>
      </c>
      <c r="F39" s="196">
        <v>0</v>
      </c>
      <c r="G39" s="197">
        <v>3</v>
      </c>
      <c r="H39" s="197">
        <v>55</v>
      </c>
      <c r="I39" s="197">
        <v>78</v>
      </c>
      <c r="J39" s="195">
        <v>73</v>
      </c>
      <c r="K39" s="198">
        <v>209</v>
      </c>
      <c r="L39" s="199">
        <v>209</v>
      </c>
      <c r="M39" s="194">
        <v>0</v>
      </c>
      <c r="N39" s="195">
        <v>0</v>
      </c>
      <c r="O39" s="198">
        <v>0</v>
      </c>
      <c r="P39" s="196">
        <v>0</v>
      </c>
      <c r="Q39" s="197">
        <v>3</v>
      </c>
      <c r="R39" s="197">
        <v>54</v>
      </c>
      <c r="S39" s="197">
        <v>74</v>
      </c>
      <c r="T39" s="195">
        <v>73</v>
      </c>
      <c r="U39" s="198">
        <v>204</v>
      </c>
      <c r="V39" s="200">
        <v>204</v>
      </c>
      <c r="W39" s="201">
        <v>0</v>
      </c>
      <c r="X39" s="195">
        <v>0</v>
      </c>
      <c r="Y39" s="198">
        <v>0</v>
      </c>
      <c r="Z39" s="201">
        <v>0</v>
      </c>
      <c r="AA39" s="197">
        <v>0</v>
      </c>
      <c r="AB39" s="197">
        <v>1</v>
      </c>
      <c r="AC39" s="197">
        <v>4</v>
      </c>
      <c r="AD39" s="195">
        <v>0</v>
      </c>
      <c r="AE39" s="198">
        <v>5</v>
      </c>
      <c r="AF39" s="202">
        <v>5</v>
      </c>
      <c r="AG39" s="201">
        <v>0</v>
      </c>
      <c r="AH39" s="195">
        <v>0</v>
      </c>
      <c r="AI39" s="198">
        <v>0</v>
      </c>
      <c r="AJ39" s="201">
        <v>16</v>
      </c>
      <c r="AK39" s="197">
        <v>24</v>
      </c>
      <c r="AL39" s="197">
        <v>43</v>
      </c>
      <c r="AM39" s="197">
        <v>47</v>
      </c>
      <c r="AN39" s="195">
        <v>23</v>
      </c>
      <c r="AO39" s="198">
        <v>153</v>
      </c>
      <c r="AP39" s="202">
        <v>153</v>
      </c>
      <c r="AQ39" s="201">
        <v>0</v>
      </c>
      <c r="AR39" s="195">
        <v>0</v>
      </c>
      <c r="AS39" s="198">
        <v>0</v>
      </c>
      <c r="AT39" s="196">
        <v>16</v>
      </c>
      <c r="AU39" s="197">
        <v>24</v>
      </c>
      <c r="AV39" s="197">
        <v>42</v>
      </c>
      <c r="AW39" s="197">
        <v>44</v>
      </c>
      <c r="AX39" s="195">
        <v>23</v>
      </c>
      <c r="AY39" s="198">
        <v>149</v>
      </c>
      <c r="AZ39" s="199">
        <v>149</v>
      </c>
      <c r="BA39" s="194">
        <v>0</v>
      </c>
      <c r="BB39" s="195">
        <v>0</v>
      </c>
      <c r="BC39" s="195">
        <v>0</v>
      </c>
      <c r="BD39" s="196">
        <v>0</v>
      </c>
      <c r="BE39" s="197">
        <v>0</v>
      </c>
      <c r="BF39" s="197">
        <v>1</v>
      </c>
      <c r="BG39" s="197">
        <v>3</v>
      </c>
      <c r="BH39" s="195">
        <v>0</v>
      </c>
      <c r="BI39" s="198">
        <v>4</v>
      </c>
      <c r="BJ39" s="200">
        <v>4</v>
      </c>
      <c r="BK39" s="201">
        <v>0</v>
      </c>
      <c r="BL39" s="195">
        <v>0</v>
      </c>
      <c r="BM39" s="195">
        <v>0</v>
      </c>
      <c r="BN39" s="196">
        <v>0</v>
      </c>
      <c r="BO39" s="197">
        <v>0</v>
      </c>
      <c r="BP39" s="197">
        <v>0</v>
      </c>
      <c r="BQ39" s="197">
        <v>2</v>
      </c>
      <c r="BR39" s="195">
        <v>1</v>
      </c>
      <c r="BS39" s="198">
        <v>3</v>
      </c>
      <c r="BT39" s="199">
        <v>3</v>
      </c>
      <c r="BU39" s="194">
        <v>0</v>
      </c>
      <c r="BV39" s="195">
        <v>0</v>
      </c>
      <c r="BW39" s="195">
        <v>0</v>
      </c>
      <c r="BX39" s="196">
        <v>0</v>
      </c>
      <c r="BY39" s="197">
        <v>0</v>
      </c>
      <c r="BZ39" s="197">
        <v>0</v>
      </c>
      <c r="CA39" s="197">
        <v>2</v>
      </c>
      <c r="CB39" s="195">
        <v>1</v>
      </c>
      <c r="CC39" s="198">
        <v>3</v>
      </c>
      <c r="CD39" s="200">
        <v>3</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5</v>
      </c>
      <c r="CV39" s="195">
        <v>0</v>
      </c>
      <c r="CW39" s="198">
        <v>5</v>
      </c>
      <c r="CX39" s="199">
        <v>5</v>
      </c>
      <c r="CY39" s="194">
        <v>0</v>
      </c>
      <c r="CZ39" s="195">
        <v>0</v>
      </c>
      <c r="DA39" s="195">
        <v>0</v>
      </c>
      <c r="DB39" s="196">
        <v>0</v>
      </c>
      <c r="DC39" s="197">
        <v>0</v>
      </c>
      <c r="DD39" s="197">
        <v>0</v>
      </c>
      <c r="DE39" s="197">
        <v>4</v>
      </c>
      <c r="DF39" s="195">
        <v>0</v>
      </c>
      <c r="DG39" s="198">
        <v>4</v>
      </c>
      <c r="DH39" s="200">
        <v>4</v>
      </c>
      <c r="DI39" s="201">
        <v>0</v>
      </c>
      <c r="DJ39" s="195">
        <v>0</v>
      </c>
      <c r="DK39" s="195">
        <v>0</v>
      </c>
      <c r="DL39" s="196">
        <v>0</v>
      </c>
      <c r="DM39" s="197">
        <v>0</v>
      </c>
      <c r="DN39" s="197">
        <v>0</v>
      </c>
      <c r="DO39" s="197">
        <v>1</v>
      </c>
      <c r="DP39" s="195">
        <v>0</v>
      </c>
      <c r="DQ39" s="198">
        <v>1</v>
      </c>
      <c r="DR39" s="200">
        <v>1</v>
      </c>
      <c r="DS39" s="201">
        <v>0</v>
      </c>
      <c r="DT39" s="195">
        <v>0</v>
      </c>
      <c r="DU39" s="195">
        <v>0</v>
      </c>
      <c r="DV39" s="196">
        <v>16</v>
      </c>
      <c r="DW39" s="197">
        <v>27</v>
      </c>
      <c r="DX39" s="197">
        <v>98</v>
      </c>
      <c r="DY39" s="197">
        <v>131</v>
      </c>
      <c r="DZ39" s="195">
        <v>97</v>
      </c>
      <c r="EA39" s="198">
        <v>369</v>
      </c>
      <c r="EB39" s="200">
        <v>369</v>
      </c>
      <c r="EC39" s="37"/>
    </row>
    <row r="40" spans="2:133" ht="21" customHeight="1" thickBot="1" x14ac:dyDescent="0.25">
      <c r="B40" s="63" t="s">
        <v>37</v>
      </c>
      <c r="C40" s="203">
        <v>0</v>
      </c>
      <c r="D40" s="204">
        <v>0</v>
      </c>
      <c r="E40" s="204">
        <v>0</v>
      </c>
      <c r="F40" s="205">
        <v>0</v>
      </c>
      <c r="G40" s="206">
        <v>0</v>
      </c>
      <c r="H40" s="206">
        <v>10</v>
      </c>
      <c r="I40" s="206">
        <v>6</v>
      </c>
      <c r="J40" s="204">
        <v>7</v>
      </c>
      <c r="K40" s="207">
        <v>23</v>
      </c>
      <c r="L40" s="208">
        <v>23</v>
      </c>
      <c r="M40" s="203">
        <v>0</v>
      </c>
      <c r="N40" s="204">
        <v>0</v>
      </c>
      <c r="O40" s="207">
        <v>0</v>
      </c>
      <c r="P40" s="205">
        <v>0</v>
      </c>
      <c r="Q40" s="206">
        <v>0</v>
      </c>
      <c r="R40" s="206">
        <v>10</v>
      </c>
      <c r="S40" s="206">
        <v>6</v>
      </c>
      <c r="T40" s="204">
        <v>7</v>
      </c>
      <c r="U40" s="207">
        <v>23</v>
      </c>
      <c r="V40" s="209">
        <v>23</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0</v>
      </c>
      <c r="AL40" s="206">
        <v>8</v>
      </c>
      <c r="AM40" s="206">
        <v>1</v>
      </c>
      <c r="AN40" s="204">
        <v>1</v>
      </c>
      <c r="AO40" s="207">
        <v>12</v>
      </c>
      <c r="AP40" s="211">
        <v>12</v>
      </c>
      <c r="AQ40" s="210">
        <v>0</v>
      </c>
      <c r="AR40" s="204">
        <v>0</v>
      </c>
      <c r="AS40" s="207">
        <v>0</v>
      </c>
      <c r="AT40" s="205">
        <v>2</v>
      </c>
      <c r="AU40" s="206">
        <v>0</v>
      </c>
      <c r="AV40" s="206">
        <v>8</v>
      </c>
      <c r="AW40" s="206">
        <v>1</v>
      </c>
      <c r="AX40" s="204">
        <v>1</v>
      </c>
      <c r="AY40" s="207">
        <v>12</v>
      </c>
      <c r="AZ40" s="208">
        <v>12</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0</v>
      </c>
      <c r="BR40" s="204">
        <v>0</v>
      </c>
      <c r="BS40" s="207">
        <v>0</v>
      </c>
      <c r="BT40" s="208">
        <v>0</v>
      </c>
      <c r="BU40" s="203">
        <v>0</v>
      </c>
      <c r="BV40" s="204">
        <v>0</v>
      </c>
      <c r="BW40" s="204">
        <v>0</v>
      </c>
      <c r="BX40" s="205">
        <v>0</v>
      </c>
      <c r="BY40" s="206">
        <v>0</v>
      </c>
      <c r="BZ40" s="206">
        <v>0</v>
      </c>
      <c r="CA40" s="206">
        <v>0</v>
      </c>
      <c r="CB40" s="204">
        <v>0</v>
      </c>
      <c r="CC40" s="207">
        <v>0</v>
      </c>
      <c r="CD40" s="209">
        <v>0</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0</v>
      </c>
      <c r="CW40" s="207">
        <v>0</v>
      </c>
      <c r="CX40" s="208">
        <v>0</v>
      </c>
      <c r="CY40" s="203">
        <v>0</v>
      </c>
      <c r="CZ40" s="204">
        <v>0</v>
      </c>
      <c r="DA40" s="204">
        <v>0</v>
      </c>
      <c r="DB40" s="205">
        <v>0</v>
      </c>
      <c r="DC40" s="206">
        <v>0</v>
      </c>
      <c r="DD40" s="206">
        <v>0</v>
      </c>
      <c r="DE40" s="206">
        <v>0</v>
      </c>
      <c r="DF40" s="204">
        <v>0</v>
      </c>
      <c r="DG40" s="207">
        <v>0</v>
      </c>
      <c r="DH40" s="209">
        <v>0</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0</v>
      </c>
      <c r="DX40" s="206">
        <v>18</v>
      </c>
      <c r="DY40" s="206">
        <v>7</v>
      </c>
      <c r="DZ40" s="204">
        <v>8</v>
      </c>
      <c r="EA40" s="207">
        <v>35</v>
      </c>
      <c r="EB40" s="209">
        <v>35</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H1:I1"/>
    <mergeCell ref="K1:L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88671875" style="44" customWidth="1"/>
    <col min="2" max="2" width="11.10937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2">
        <f>第１表!F2</f>
        <v>5</v>
      </c>
      <c r="G1" s="522"/>
      <c r="H1" s="248">
        <f>第１表!G2</f>
        <v>6</v>
      </c>
      <c r="I1" s="504">
        <f>H1</f>
        <v>6</v>
      </c>
      <c r="J1" s="504"/>
    </row>
    <row r="2" spans="2:299" ht="24" customHeight="1" thickBot="1" x14ac:dyDescent="0.25">
      <c r="B2" s="20" t="s">
        <v>129</v>
      </c>
    </row>
    <row r="3" spans="2:299" ht="21" customHeight="1" thickBot="1" x14ac:dyDescent="0.25">
      <c r="B3" s="505" t="s">
        <v>38</v>
      </c>
      <c r="C3" s="517" t="s">
        <v>96</v>
      </c>
      <c r="D3" s="517"/>
      <c r="E3" s="517"/>
      <c r="F3" s="517"/>
      <c r="G3" s="517"/>
      <c r="H3" s="517"/>
      <c r="I3" s="517"/>
      <c r="J3" s="517"/>
      <c r="K3" s="517"/>
      <c r="L3" s="517"/>
      <c r="M3" s="517"/>
      <c r="N3" s="517"/>
      <c r="O3" s="517"/>
      <c r="P3" s="517"/>
      <c r="Q3" s="517"/>
      <c r="R3" s="517"/>
      <c r="S3" s="517"/>
      <c r="T3" s="517"/>
      <c r="U3" s="517"/>
      <c r="V3" s="517"/>
      <c r="W3" s="517"/>
      <c r="X3" s="517"/>
      <c r="Y3" s="517"/>
      <c r="Z3" s="517"/>
      <c r="AA3" s="517"/>
      <c r="AB3" s="517"/>
      <c r="AC3" s="517"/>
      <c r="AD3" s="517"/>
      <c r="AE3" s="517"/>
      <c r="AF3" s="517"/>
      <c r="AG3" s="517"/>
      <c r="AH3" s="517"/>
      <c r="AI3" s="517"/>
      <c r="AJ3" s="517"/>
      <c r="AK3" s="517"/>
      <c r="AL3" s="517"/>
      <c r="AM3" s="517"/>
      <c r="AN3" s="517"/>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7"/>
      <c r="CN3" s="517"/>
      <c r="CO3" s="517"/>
      <c r="CP3" s="517"/>
      <c r="CQ3" s="517"/>
      <c r="CR3" s="517"/>
      <c r="CS3" s="517"/>
      <c r="CT3" s="517"/>
      <c r="CU3" s="517"/>
      <c r="CV3" s="517"/>
      <c r="CW3" s="518"/>
      <c r="CX3" s="517" t="s">
        <v>103</v>
      </c>
      <c r="CY3" s="517"/>
      <c r="CZ3" s="517"/>
      <c r="DA3" s="517"/>
      <c r="DB3" s="517"/>
      <c r="DC3" s="517"/>
      <c r="DD3" s="517"/>
      <c r="DE3" s="517"/>
      <c r="DF3" s="517"/>
      <c r="DG3" s="517"/>
      <c r="DH3" s="517"/>
      <c r="DI3" s="517"/>
      <c r="DJ3" s="517"/>
      <c r="DK3" s="517"/>
      <c r="DL3" s="517"/>
      <c r="DM3" s="517"/>
      <c r="DN3" s="517"/>
      <c r="DO3" s="517"/>
      <c r="DP3" s="517"/>
      <c r="DQ3" s="517"/>
      <c r="DR3" s="517"/>
      <c r="DS3" s="517"/>
      <c r="DT3" s="517"/>
      <c r="DU3" s="517"/>
      <c r="DV3" s="517"/>
      <c r="DW3" s="517"/>
      <c r="DX3" s="517"/>
      <c r="DY3" s="517"/>
      <c r="DZ3" s="517"/>
      <c r="EA3" s="517"/>
      <c r="EB3" s="517"/>
      <c r="EC3" s="517"/>
      <c r="ED3" s="517"/>
      <c r="EE3" s="517"/>
      <c r="EF3" s="517"/>
      <c r="EG3" s="517"/>
      <c r="EH3" s="517"/>
      <c r="EI3" s="517"/>
      <c r="EJ3" s="517"/>
      <c r="EK3" s="517"/>
      <c r="EL3" s="517"/>
      <c r="EM3" s="517"/>
      <c r="EN3" s="517"/>
      <c r="EO3" s="517"/>
      <c r="EP3" s="517"/>
      <c r="EQ3" s="517"/>
      <c r="ER3" s="517"/>
      <c r="ES3" s="517"/>
      <c r="ET3" s="517"/>
      <c r="EU3" s="517"/>
      <c r="EV3" s="517"/>
      <c r="EW3" s="517"/>
      <c r="EX3" s="517"/>
      <c r="EY3" s="517"/>
      <c r="EZ3" s="517"/>
      <c r="FA3" s="517"/>
      <c r="FB3" s="517"/>
      <c r="FC3" s="517"/>
      <c r="FD3" s="517"/>
      <c r="FE3" s="517"/>
      <c r="FF3" s="517"/>
      <c r="FG3" s="517"/>
      <c r="FH3" s="517"/>
      <c r="FI3" s="517"/>
      <c r="FJ3" s="517"/>
      <c r="FK3" s="517"/>
      <c r="FL3" s="517"/>
      <c r="FM3" s="517"/>
      <c r="FN3" s="517"/>
      <c r="FO3" s="517"/>
      <c r="FP3" s="517"/>
      <c r="FQ3" s="517"/>
      <c r="FR3" s="517"/>
      <c r="FS3" s="517"/>
      <c r="FT3" s="517"/>
      <c r="FU3" s="517"/>
      <c r="FV3" s="517"/>
      <c r="FW3" s="517"/>
      <c r="FX3" s="517"/>
      <c r="FY3" s="517"/>
      <c r="FZ3" s="517"/>
      <c r="GA3" s="517"/>
      <c r="GB3" s="517"/>
      <c r="GC3" s="517"/>
      <c r="GD3" s="517"/>
      <c r="GE3" s="517"/>
      <c r="GF3" s="517"/>
      <c r="GG3" s="517"/>
      <c r="GH3" s="517"/>
      <c r="GI3" s="517"/>
      <c r="GJ3" s="517"/>
      <c r="GK3" s="517"/>
      <c r="GL3" s="517"/>
      <c r="GM3" s="517"/>
      <c r="GN3" s="517"/>
      <c r="GO3" s="517"/>
      <c r="GP3" s="517"/>
      <c r="GQ3" s="517"/>
      <c r="GR3" s="518"/>
      <c r="GS3" s="517" t="s">
        <v>104</v>
      </c>
      <c r="GT3" s="517"/>
      <c r="GU3" s="517"/>
      <c r="GV3" s="517"/>
      <c r="GW3" s="517"/>
      <c r="GX3" s="517"/>
      <c r="GY3" s="517"/>
      <c r="GZ3" s="517"/>
      <c r="HA3" s="517"/>
      <c r="HB3" s="517"/>
      <c r="HC3" s="517"/>
      <c r="HD3" s="517"/>
      <c r="HE3" s="517"/>
      <c r="HF3" s="517"/>
      <c r="HG3" s="517"/>
      <c r="HH3" s="517"/>
      <c r="HI3" s="517"/>
      <c r="HJ3" s="517"/>
      <c r="HK3" s="517"/>
      <c r="HL3" s="517"/>
      <c r="HM3" s="517"/>
      <c r="HN3" s="517"/>
      <c r="HO3" s="517"/>
      <c r="HP3" s="517"/>
      <c r="HQ3" s="517"/>
      <c r="HR3" s="517"/>
      <c r="HS3" s="517"/>
      <c r="HT3" s="517"/>
      <c r="HU3" s="517"/>
      <c r="HV3" s="517"/>
      <c r="HW3" s="517"/>
      <c r="HX3" s="517"/>
      <c r="HY3" s="517"/>
      <c r="HZ3" s="517"/>
      <c r="IA3" s="517"/>
      <c r="IB3" s="517"/>
      <c r="IC3" s="517"/>
      <c r="ID3" s="517"/>
      <c r="IE3" s="517"/>
      <c r="IF3" s="517"/>
      <c r="IG3" s="517"/>
      <c r="IH3" s="517"/>
      <c r="II3" s="517"/>
      <c r="IJ3" s="517"/>
      <c r="IK3" s="517"/>
      <c r="IL3" s="517"/>
      <c r="IM3" s="517"/>
      <c r="IN3" s="517"/>
      <c r="IO3" s="517"/>
      <c r="IP3" s="517"/>
      <c r="IQ3" s="517"/>
      <c r="IR3" s="517"/>
      <c r="IS3" s="517"/>
      <c r="IT3" s="517"/>
      <c r="IU3" s="517"/>
      <c r="IV3" s="517"/>
      <c r="IW3" s="517"/>
      <c r="IX3" s="517"/>
      <c r="IY3" s="517"/>
      <c r="IZ3" s="517"/>
      <c r="JA3" s="517"/>
      <c r="JB3" s="517"/>
      <c r="JC3" s="517"/>
      <c r="JD3" s="517"/>
      <c r="JE3" s="517"/>
      <c r="JF3" s="517"/>
      <c r="JG3" s="517"/>
      <c r="JH3" s="517"/>
      <c r="JI3" s="517"/>
      <c r="JJ3" s="517"/>
      <c r="JK3" s="517"/>
      <c r="JL3" s="517"/>
      <c r="JM3" s="517"/>
      <c r="JN3" s="517"/>
      <c r="JO3" s="517"/>
      <c r="JP3" s="517"/>
      <c r="JQ3" s="517"/>
      <c r="JR3" s="517"/>
      <c r="JS3" s="517"/>
      <c r="JT3" s="517"/>
      <c r="JU3" s="517"/>
      <c r="JV3" s="517"/>
      <c r="JW3" s="517"/>
      <c r="JX3" s="517"/>
      <c r="JY3" s="517"/>
      <c r="JZ3" s="517"/>
      <c r="KA3" s="517"/>
      <c r="KB3" s="517"/>
      <c r="KC3" s="517"/>
      <c r="KD3" s="517"/>
      <c r="KE3" s="517"/>
      <c r="KF3" s="517"/>
      <c r="KG3" s="517"/>
      <c r="KH3" s="517"/>
      <c r="KI3" s="517"/>
      <c r="KJ3" s="517"/>
      <c r="KK3" s="517"/>
      <c r="KL3" s="517"/>
      <c r="KM3" s="518"/>
    </row>
    <row r="4" spans="2:299" ht="21" customHeight="1" thickBot="1" x14ac:dyDescent="0.25">
      <c r="B4" s="523"/>
      <c r="C4" s="519" t="s">
        <v>39</v>
      </c>
      <c r="D4" s="520"/>
      <c r="E4" s="520"/>
      <c r="F4" s="520"/>
      <c r="G4" s="520"/>
      <c r="H4" s="520"/>
      <c r="I4" s="520"/>
      <c r="J4" s="520"/>
      <c r="K4" s="520"/>
      <c r="L4" s="520"/>
      <c r="M4" s="520"/>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1"/>
      <c r="CB4" s="505" t="s">
        <v>40</v>
      </c>
      <c r="CC4" s="506"/>
      <c r="CD4" s="506"/>
      <c r="CE4" s="506"/>
      <c r="CF4" s="506"/>
      <c r="CG4" s="506"/>
      <c r="CH4" s="506"/>
      <c r="CI4" s="506"/>
      <c r="CJ4" s="506"/>
      <c r="CK4" s="506"/>
      <c r="CL4" s="507"/>
      <c r="CM4" s="505" t="s">
        <v>41</v>
      </c>
      <c r="CN4" s="506"/>
      <c r="CO4" s="506"/>
      <c r="CP4" s="506"/>
      <c r="CQ4" s="506"/>
      <c r="CR4" s="506"/>
      <c r="CS4" s="506"/>
      <c r="CT4" s="506"/>
      <c r="CU4" s="506"/>
      <c r="CV4" s="506"/>
      <c r="CW4" s="507"/>
      <c r="CX4" s="519" t="s">
        <v>39</v>
      </c>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1"/>
      <c r="FW4" s="505" t="s">
        <v>40</v>
      </c>
      <c r="FX4" s="506"/>
      <c r="FY4" s="506"/>
      <c r="FZ4" s="506"/>
      <c r="GA4" s="506"/>
      <c r="GB4" s="506"/>
      <c r="GC4" s="506"/>
      <c r="GD4" s="506"/>
      <c r="GE4" s="506"/>
      <c r="GF4" s="506"/>
      <c r="GG4" s="507"/>
      <c r="GH4" s="505" t="s">
        <v>41</v>
      </c>
      <c r="GI4" s="506"/>
      <c r="GJ4" s="506"/>
      <c r="GK4" s="506"/>
      <c r="GL4" s="506"/>
      <c r="GM4" s="506"/>
      <c r="GN4" s="506"/>
      <c r="GO4" s="506"/>
      <c r="GP4" s="506"/>
      <c r="GQ4" s="506"/>
      <c r="GR4" s="507"/>
      <c r="GS4" s="519" t="s">
        <v>39</v>
      </c>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0"/>
      <c r="HZ4" s="520"/>
      <c r="IA4" s="520"/>
      <c r="IB4" s="520"/>
      <c r="IC4" s="520"/>
      <c r="ID4" s="520"/>
      <c r="IE4" s="520"/>
      <c r="IF4" s="520"/>
      <c r="IG4" s="520"/>
      <c r="IH4" s="520"/>
      <c r="II4" s="520"/>
      <c r="IJ4" s="520"/>
      <c r="IK4" s="520"/>
      <c r="IL4" s="520"/>
      <c r="IM4" s="520"/>
      <c r="IN4" s="520"/>
      <c r="IO4" s="520"/>
      <c r="IP4" s="520"/>
      <c r="IQ4" s="520"/>
      <c r="IR4" s="520"/>
      <c r="IS4" s="520"/>
      <c r="IT4" s="520"/>
      <c r="IU4" s="520"/>
      <c r="IV4" s="520"/>
      <c r="IW4" s="520"/>
      <c r="IX4" s="520"/>
      <c r="IY4" s="520"/>
      <c r="IZ4" s="520"/>
      <c r="JA4" s="520"/>
      <c r="JB4" s="520"/>
      <c r="JC4" s="520"/>
      <c r="JD4" s="520"/>
      <c r="JE4" s="520"/>
      <c r="JF4" s="520"/>
      <c r="JG4" s="520"/>
      <c r="JH4" s="520"/>
      <c r="JI4" s="520"/>
      <c r="JJ4" s="520"/>
      <c r="JK4" s="520"/>
      <c r="JL4" s="520"/>
      <c r="JM4" s="520"/>
      <c r="JN4" s="520"/>
      <c r="JO4" s="520"/>
      <c r="JP4" s="520"/>
      <c r="JQ4" s="521"/>
      <c r="JR4" s="505" t="s">
        <v>40</v>
      </c>
      <c r="JS4" s="506"/>
      <c r="JT4" s="506"/>
      <c r="JU4" s="506"/>
      <c r="JV4" s="506"/>
      <c r="JW4" s="506"/>
      <c r="JX4" s="506"/>
      <c r="JY4" s="506"/>
      <c r="JZ4" s="506"/>
      <c r="KA4" s="506"/>
      <c r="KB4" s="507"/>
      <c r="KC4" s="505" t="s">
        <v>41</v>
      </c>
      <c r="KD4" s="506"/>
      <c r="KE4" s="506"/>
      <c r="KF4" s="506"/>
      <c r="KG4" s="506"/>
      <c r="KH4" s="506"/>
      <c r="KI4" s="506"/>
      <c r="KJ4" s="506"/>
      <c r="KK4" s="506"/>
      <c r="KL4" s="506"/>
      <c r="KM4" s="507"/>
    </row>
    <row r="5" spans="2:299" ht="21" customHeight="1" thickBot="1" x14ac:dyDescent="0.25">
      <c r="B5" s="511"/>
      <c r="C5" s="511"/>
      <c r="D5" s="512"/>
      <c r="E5" s="512"/>
      <c r="F5" s="512"/>
      <c r="G5" s="512"/>
      <c r="H5" s="512"/>
      <c r="I5" s="512"/>
      <c r="J5" s="512"/>
      <c r="K5" s="512"/>
      <c r="L5" s="512"/>
      <c r="M5" s="513"/>
      <c r="N5" s="514" t="s">
        <v>97</v>
      </c>
      <c r="O5" s="515"/>
      <c r="P5" s="515"/>
      <c r="Q5" s="515"/>
      <c r="R5" s="515"/>
      <c r="S5" s="515"/>
      <c r="T5" s="515"/>
      <c r="U5" s="515"/>
      <c r="V5" s="515"/>
      <c r="W5" s="515"/>
      <c r="X5" s="516"/>
      <c r="Y5" s="514" t="s">
        <v>98</v>
      </c>
      <c r="Z5" s="515"/>
      <c r="AA5" s="515"/>
      <c r="AB5" s="515"/>
      <c r="AC5" s="515"/>
      <c r="AD5" s="515"/>
      <c r="AE5" s="515"/>
      <c r="AF5" s="515"/>
      <c r="AG5" s="515"/>
      <c r="AH5" s="515"/>
      <c r="AI5" s="516"/>
      <c r="AJ5" s="514" t="s">
        <v>99</v>
      </c>
      <c r="AK5" s="515"/>
      <c r="AL5" s="515"/>
      <c r="AM5" s="515"/>
      <c r="AN5" s="515"/>
      <c r="AO5" s="515"/>
      <c r="AP5" s="515"/>
      <c r="AQ5" s="515"/>
      <c r="AR5" s="515"/>
      <c r="AS5" s="515"/>
      <c r="AT5" s="516"/>
      <c r="AU5" s="514" t="s">
        <v>100</v>
      </c>
      <c r="AV5" s="515"/>
      <c r="AW5" s="515"/>
      <c r="AX5" s="515"/>
      <c r="AY5" s="515"/>
      <c r="AZ5" s="515"/>
      <c r="BA5" s="515"/>
      <c r="BB5" s="515"/>
      <c r="BC5" s="515"/>
      <c r="BD5" s="515"/>
      <c r="BE5" s="516"/>
      <c r="BF5" s="514" t="s">
        <v>101</v>
      </c>
      <c r="BG5" s="515"/>
      <c r="BH5" s="515"/>
      <c r="BI5" s="515"/>
      <c r="BJ5" s="515"/>
      <c r="BK5" s="515"/>
      <c r="BL5" s="515"/>
      <c r="BM5" s="515"/>
      <c r="BN5" s="515"/>
      <c r="BO5" s="515"/>
      <c r="BP5" s="516"/>
      <c r="BQ5" s="514" t="s">
        <v>102</v>
      </c>
      <c r="BR5" s="515"/>
      <c r="BS5" s="515"/>
      <c r="BT5" s="515"/>
      <c r="BU5" s="515"/>
      <c r="BV5" s="515"/>
      <c r="BW5" s="515"/>
      <c r="BX5" s="515"/>
      <c r="BY5" s="515"/>
      <c r="BZ5" s="515"/>
      <c r="CA5" s="516"/>
      <c r="CB5" s="508"/>
      <c r="CC5" s="509"/>
      <c r="CD5" s="509"/>
      <c r="CE5" s="509"/>
      <c r="CF5" s="509"/>
      <c r="CG5" s="509"/>
      <c r="CH5" s="509"/>
      <c r="CI5" s="509"/>
      <c r="CJ5" s="509"/>
      <c r="CK5" s="509"/>
      <c r="CL5" s="510"/>
      <c r="CM5" s="508"/>
      <c r="CN5" s="509"/>
      <c r="CO5" s="509"/>
      <c r="CP5" s="509"/>
      <c r="CQ5" s="509"/>
      <c r="CR5" s="509"/>
      <c r="CS5" s="509"/>
      <c r="CT5" s="509"/>
      <c r="CU5" s="509"/>
      <c r="CV5" s="509"/>
      <c r="CW5" s="510"/>
      <c r="CX5" s="511"/>
      <c r="CY5" s="512"/>
      <c r="CZ5" s="512"/>
      <c r="DA5" s="512"/>
      <c r="DB5" s="512"/>
      <c r="DC5" s="512"/>
      <c r="DD5" s="512"/>
      <c r="DE5" s="512"/>
      <c r="DF5" s="512"/>
      <c r="DG5" s="512"/>
      <c r="DH5" s="513"/>
      <c r="DI5" s="514" t="s">
        <v>97</v>
      </c>
      <c r="DJ5" s="515"/>
      <c r="DK5" s="515"/>
      <c r="DL5" s="515"/>
      <c r="DM5" s="515"/>
      <c r="DN5" s="515"/>
      <c r="DO5" s="515"/>
      <c r="DP5" s="515"/>
      <c r="DQ5" s="515"/>
      <c r="DR5" s="515"/>
      <c r="DS5" s="516"/>
      <c r="DT5" s="514" t="s">
        <v>98</v>
      </c>
      <c r="DU5" s="515"/>
      <c r="DV5" s="515"/>
      <c r="DW5" s="515"/>
      <c r="DX5" s="515"/>
      <c r="DY5" s="515"/>
      <c r="DZ5" s="515"/>
      <c r="EA5" s="515"/>
      <c r="EB5" s="515"/>
      <c r="EC5" s="515"/>
      <c r="ED5" s="516"/>
      <c r="EE5" s="514" t="s">
        <v>99</v>
      </c>
      <c r="EF5" s="515"/>
      <c r="EG5" s="515"/>
      <c r="EH5" s="515"/>
      <c r="EI5" s="515"/>
      <c r="EJ5" s="515"/>
      <c r="EK5" s="515"/>
      <c r="EL5" s="515"/>
      <c r="EM5" s="515"/>
      <c r="EN5" s="515"/>
      <c r="EO5" s="516"/>
      <c r="EP5" s="514" t="s">
        <v>100</v>
      </c>
      <c r="EQ5" s="515"/>
      <c r="ER5" s="515"/>
      <c r="ES5" s="515"/>
      <c r="ET5" s="515"/>
      <c r="EU5" s="515"/>
      <c r="EV5" s="515"/>
      <c r="EW5" s="515"/>
      <c r="EX5" s="515"/>
      <c r="EY5" s="515"/>
      <c r="EZ5" s="516"/>
      <c r="FA5" s="514" t="s">
        <v>101</v>
      </c>
      <c r="FB5" s="515"/>
      <c r="FC5" s="515"/>
      <c r="FD5" s="515"/>
      <c r="FE5" s="515"/>
      <c r="FF5" s="515"/>
      <c r="FG5" s="515"/>
      <c r="FH5" s="515"/>
      <c r="FI5" s="515"/>
      <c r="FJ5" s="515"/>
      <c r="FK5" s="516"/>
      <c r="FL5" s="514" t="s">
        <v>102</v>
      </c>
      <c r="FM5" s="515"/>
      <c r="FN5" s="515"/>
      <c r="FO5" s="515"/>
      <c r="FP5" s="515"/>
      <c r="FQ5" s="515"/>
      <c r="FR5" s="515"/>
      <c r="FS5" s="515"/>
      <c r="FT5" s="515"/>
      <c r="FU5" s="515"/>
      <c r="FV5" s="516"/>
      <c r="FW5" s="508"/>
      <c r="FX5" s="509"/>
      <c r="FY5" s="509"/>
      <c r="FZ5" s="509"/>
      <c r="GA5" s="509"/>
      <c r="GB5" s="509"/>
      <c r="GC5" s="509"/>
      <c r="GD5" s="509"/>
      <c r="GE5" s="509"/>
      <c r="GF5" s="509"/>
      <c r="GG5" s="510"/>
      <c r="GH5" s="508"/>
      <c r="GI5" s="509"/>
      <c r="GJ5" s="509"/>
      <c r="GK5" s="509"/>
      <c r="GL5" s="509"/>
      <c r="GM5" s="509"/>
      <c r="GN5" s="509"/>
      <c r="GO5" s="509"/>
      <c r="GP5" s="509"/>
      <c r="GQ5" s="509"/>
      <c r="GR5" s="510"/>
      <c r="GS5" s="511"/>
      <c r="GT5" s="512"/>
      <c r="GU5" s="512"/>
      <c r="GV5" s="512"/>
      <c r="GW5" s="512"/>
      <c r="GX5" s="512"/>
      <c r="GY5" s="512"/>
      <c r="GZ5" s="512"/>
      <c r="HA5" s="512"/>
      <c r="HB5" s="512"/>
      <c r="HC5" s="513"/>
      <c r="HD5" s="514" t="s">
        <v>97</v>
      </c>
      <c r="HE5" s="515"/>
      <c r="HF5" s="515"/>
      <c r="HG5" s="515"/>
      <c r="HH5" s="515"/>
      <c r="HI5" s="515"/>
      <c r="HJ5" s="515"/>
      <c r="HK5" s="515"/>
      <c r="HL5" s="515"/>
      <c r="HM5" s="515"/>
      <c r="HN5" s="516"/>
      <c r="HO5" s="514" t="s">
        <v>98</v>
      </c>
      <c r="HP5" s="515"/>
      <c r="HQ5" s="515"/>
      <c r="HR5" s="515"/>
      <c r="HS5" s="515"/>
      <c r="HT5" s="515"/>
      <c r="HU5" s="515"/>
      <c r="HV5" s="515"/>
      <c r="HW5" s="515"/>
      <c r="HX5" s="515"/>
      <c r="HY5" s="516"/>
      <c r="HZ5" s="514" t="s">
        <v>99</v>
      </c>
      <c r="IA5" s="515"/>
      <c r="IB5" s="515"/>
      <c r="IC5" s="515"/>
      <c r="ID5" s="515"/>
      <c r="IE5" s="515"/>
      <c r="IF5" s="515"/>
      <c r="IG5" s="515"/>
      <c r="IH5" s="515"/>
      <c r="II5" s="515"/>
      <c r="IJ5" s="516"/>
      <c r="IK5" s="514" t="s">
        <v>100</v>
      </c>
      <c r="IL5" s="515"/>
      <c r="IM5" s="515"/>
      <c r="IN5" s="515"/>
      <c r="IO5" s="515"/>
      <c r="IP5" s="515"/>
      <c r="IQ5" s="515"/>
      <c r="IR5" s="515"/>
      <c r="IS5" s="515"/>
      <c r="IT5" s="515"/>
      <c r="IU5" s="516"/>
      <c r="IV5" s="514" t="s">
        <v>101</v>
      </c>
      <c r="IW5" s="515"/>
      <c r="IX5" s="515"/>
      <c r="IY5" s="515"/>
      <c r="IZ5" s="515"/>
      <c r="JA5" s="515"/>
      <c r="JB5" s="515"/>
      <c r="JC5" s="515"/>
      <c r="JD5" s="515"/>
      <c r="JE5" s="515"/>
      <c r="JF5" s="516"/>
      <c r="JG5" s="514" t="s">
        <v>102</v>
      </c>
      <c r="JH5" s="515"/>
      <c r="JI5" s="515"/>
      <c r="JJ5" s="515"/>
      <c r="JK5" s="515"/>
      <c r="JL5" s="515"/>
      <c r="JM5" s="515"/>
      <c r="JN5" s="515"/>
      <c r="JO5" s="515"/>
      <c r="JP5" s="515"/>
      <c r="JQ5" s="516"/>
      <c r="JR5" s="508"/>
      <c r="JS5" s="509"/>
      <c r="JT5" s="509"/>
      <c r="JU5" s="509"/>
      <c r="JV5" s="509"/>
      <c r="JW5" s="509"/>
      <c r="JX5" s="509"/>
      <c r="JY5" s="509"/>
      <c r="JZ5" s="509"/>
      <c r="KA5" s="509"/>
      <c r="KB5" s="510"/>
      <c r="KC5" s="508"/>
      <c r="KD5" s="509"/>
      <c r="KE5" s="509"/>
      <c r="KF5" s="509"/>
      <c r="KG5" s="509"/>
      <c r="KH5" s="509"/>
      <c r="KI5" s="509"/>
      <c r="KJ5" s="509"/>
      <c r="KK5" s="509"/>
      <c r="KL5" s="509"/>
      <c r="KM5" s="510"/>
    </row>
    <row r="6" spans="2:299" ht="30" customHeight="1" thickBot="1" x14ac:dyDescent="0.25">
      <c r="B6" s="315" t="s">
        <v>42</v>
      </c>
      <c r="C6" s="51" t="s">
        <v>43</v>
      </c>
      <c r="D6" s="47" t="s">
        <v>44</v>
      </c>
      <c r="E6" s="48" t="s">
        <v>45</v>
      </c>
      <c r="F6" s="52" t="s">
        <v>46</v>
      </c>
      <c r="G6" s="47" t="s">
        <v>47</v>
      </c>
      <c r="H6" s="47" t="s">
        <v>48</v>
      </c>
      <c r="I6" s="47" t="s">
        <v>49</v>
      </c>
      <c r="J6" s="47" t="s">
        <v>50</v>
      </c>
      <c r="K6" s="47" t="s">
        <v>51</v>
      </c>
      <c r="L6" s="48" t="s">
        <v>45</v>
      </c>
      <c r="M6" s="53" t="s">
        <v>52</v>
      </c>
      <c r="N6" s="354" t="s">
        <v>43</v>
      </c>
      <c r="O6" s="355" t="s">
        <v>44</v>
      </c>
      <c r="P6" s="356" t="s">
        <v>45</v>
      </c>
      <c r="Q6" s="357" t="s">
        <v>46</v>
      </c>
      <c r="R6" s="355" t="s">
        <v>47</v>
      </c>
      <c r="S6" s="355" t="s">
        <v>48</v>
      </c>
      <c r="T6" s="355" t="s">
        <v>49</v>
      </c>
      <c r="U6" s="355" t="s">
        <v>50</v>
      </c>
      <c r="V6" s="355" t="s">
        <v>51</v>
      </c>
      <c r="W6" s="356" t="s">
        <v>45</v>
      </c>
      <c r="X6" s="353" t="s">
        <v>52</v>
      </c>
      <c r="Y6" s="354" t="s">
        <v>43</v>
      </c>
      <c r="Z6" s="355" t="s">
        <v>44</v>
      </c>
      <c r="AA6" s="356" t="s">
        <v>45</v>
      </c>
      <c r="AB6" s="357" t="s">
        <v>46</v>
      </c>
      <c r="AC6" s="355" t="s">
        <v>47</v>
      </c>
      <c r="AD6" s="355" t="s">
        <v>48</v>
      </c>
      <c r="AE6" s="355" t="s">
        <v>49</v>
      </c>
      <c r="AF6" s="355" t="s">
        <v>50</v>
      </c>
      <c r="AG6" s="355" t="s">
        <v>51</v>
      </c>
      <c r="AH6" s="356" t="s">
        <v>45</v>
      </c>
      <c r="AI6" s="358" t="s">
        <v>52</v>
      </c>
      <c r="AJ6" s="354" t="s">
        <v>43</v>
      </c>
      <c r="AK6" s="355" t="s">
        <v>44</v>
      </c>
      <c r="AL6" s="356" t="s">
        <v>45</v>
      </c>
      <c r="AM6" s="357" t="s">
        <v>46</v>
      </c>
      <c r="AN6" s="355" t="s">
        <v>47</v>
      </c>
      <c r="AO6" s="355" t="s">
        <v>48</v>
      </c>
      <c r="AP6" s="355" t="s">
        <v>49</v>
      </c>
      <c r="AQ6" s="355" t="s">
        <v>50</v>
      </c>
      <c r="AR6" s="355" t="s">
        <v>51</v>
      </c>
      <c r="AS6" s="356" t="s">
        <v>45</v>
      </c>
      <c r="AT6" s="358" t="s">
        <v>52</v>
      </c>
      <c r="AU6" s="354" t="s">
        <v>43</v>
      </c>
      <c r="AV6" s="355" t="s">
        <v>44</v>
      </c>
      <c r="AW6" s="356" t="s">
        <v>45</v>
      </c>
      <c r="AX6" s="357" t="s">
        <v>46</v>
      </c>
      <c r="AY6" s="355" t="s">
        <v>47</v>
      </c>
      <c r="AZ6" s="355" t="s">
        <v>48</v>
      </c>
      <c r="BA6" s="355" t="s">
        <v>49</v>
      </c>
      <c r="BB6" s="355" t="s">
        <v>50</v>
      </c>
      <c r="BC6" s="355" t="s">
        <v>51</v>
      </c>
      <c r="BD6" s="356" t="s">
        <v>45</v>
      </c>
      <c r="BE6" s="358" t="s">
        <v>52</v>
      </c>
      <c r="BF6" s="354" t="s">
        <v>43</v>
      </c>
      <c r="BG6" s="355" t="s">
        <v>44</v>
      </c>
      <c r="BH6" s="356" t="s">
        <v>45</v>
      </c>
      <c r="BI6" s="357" t="s">
        <v>46</v>
      </c>
      <c r="BJ6" s="355" t="s">
        <v>47</v>
      </c>
      <c r="BK6" s="355" t="s">
        <v>48</v>
      </c>
      <c r="BL6" s="355" t="s">
        <v>49</v>
      </c>
      <c r="BM6" s="355" t="s">
        <v>50</v>
      </c>
      <c r="BN6" s="355" t="s">
        <v>51</v>
      </c>
      <c r="BO6" s="356" t="s">
        <v>45</v>
      </c>
      <c r="BP6" s="358" t="s">
        <v>52</v>
      </c>
      <c r="BQ6" s="354" t="s">
        <v>43</v>
      </c>
      <c r="BR6" s="355" t="s">
        <v>44</v>
      </c>
      <c r="BS6" s="356" t="s">
        <v>45</v>
      </c>
      <c r="BT6" s="357" t="s">
        <v>46</v>
      </c>
      <c r="BU6" s="355" t="s">
        <v>47</v>
      </c>
      <c r="BV6" s="355" t="s">
        <v>48</v>
      </c>
      <c r="BW6" s="355" t="s">
        <v>49</v>
      </c>
      <c r="BX6" s="355" t="s">
        <v>50</v>
      </c>
      <c r="BY6" s="355" t="s">
        <v>51</v>
      </c>
      <c r="BZ6" s="356" t="s">
        <v>45</v>
      </c>
      <c r="CA6" s="358" t="s">
        <v>52</v>
      </c>
      <c r="CB6" s="354" t="s">
        <v>43</v>
      </c>
      <c r="CC6" s="355" t="s">
        <v>44</v>
      </c>
      <c r="CD6" s="356" t="s">
        <v>45</v>
      </c>
      <c r="CE6" s="357" t="s">
        <v>46</v>
      </c>
      <c r="CF6" s="355" t="s">
        <v>47</v>
      </c>
      <c r="CG6" s="355" t="s">
        <v>48</v>
      </c>
      <c r="CH6" s="355" t="s">
        <v>49</v>
      </c>
      <c r="CI6" s="355" t="s">
        <v>50</v>
      </c>
      <c r="CJ6" s="355" t="s">
        <v>51</v>
      </c>
      <c r="CK6" s="356" t="s">
        <v>45</v>
      </c>
      <c r="CL6" s="358" t="s">
        <v>52</v>
      </c>
      <c r="CM6" s="354" t="s">
        <v>43</v>
      </c>
      <c r="CN6" s="355" t="s">
        <v>44</v>
      </c>
      <c r="CO6" s="356" t="s">
        <v>45</v>
      </c>
      <c r="CP6" s="357" t="s">
        <v>46</v>
      </c>
      <c r="CQ6" s="355" t="s">
        <v>47</v>
      </c>
      <c r="CR6" s="355" t="s">
        <v>48</v>
      </c>
      <c r="CS6" s="355" t="s">
        <v>49</v>
      </c>
      <c r="CT6" s="355" t="s">
        <v>50</v>
      </c>
      <c r="CU6" s="355" t="s">
        <v>51</v>
      </c>
      <c r="CV6" s="356" t="s">
        <v>45</v>
      </c>
      <c r="CW6" s="358" t="s">
        <v>52</v>
      </c>
      <c r="CX6" s="51" t="s">
        <v>43</v>
      </c>
      <c r="CY6" s="47" t="s">
        <v>44</v>
      </c>
      <c r="CZ6" s="48" t="s">
        <v>45</v>
      </c>
      <c r="DA6" s="52" t="s">
        <v>46</v>
      </c>
      <c r="DB6" s="47" t="s">
        <v>47</v>
      </c>
      <c r="DC6" s="47" t="s">
        <v>48</v>
      </c>
      <c r="DD6" s="47" t="s">
        <v>49</v>
      </c>
      <c r="DE6" s="47" t="s">
        <v>50</v>
      </c>
      <c r="DF6" s="47" t="s">
        <v>51</v>
      </c>
      <c r="DG6" s="48" t="s">
        <v>45</v>
      </c>
      <c r="DH6" s="53" t="s">
        <v>52</v>
      </c>
      <c r="DI6" s="354" t="s">
        <v>43</v>
      </c>
      <c r="DJ6" s="355" t="s">
        <v>44</v>
      </c>
      <c r="DK6" s="356" t="s">
        <v>45</v>
      </c>
      <c r="DL6" s="357" t="s">
        <v>46</v>
      </c>
      <c r="DM6" s="355" t="s">
        <v>47</v>
      </c>
      <c r="DN6" s="355" t="s">
        <v>48</v>
      </c>
      <c r="DO6" s="355" t="s">
        <v>49</v>
      </c>
      <c r="DP6" s="355" t="s">
        <v>50</v>
      </c>
      <c r="DQ6" s="355" t="s">
        <v>51</v>
      </c>
      <c r="DR6" s="356" t="s">
        <v>45</v>
      </c>
      <c r="DS6" s="358" t="s">
        <v>52</v>
      </c>
      <c r="DT6" s="354" t="s">
        <v>43</v>
      </c>
      <c r="DU6" s="355" t="s">
        <v>44</v>
      </c>
      <c r="DV6" s="356" t="s">
        <v>45</v>
      </c>
      <c r="DW6" s="357" t="s">
        <v>46</v>
      </c>
      <c r="DX6" s="355" t="s">
        <v>47</v>
      </c>
      <c r="DY6" s="355" t="s">
        <v>48</v>
      </c>
      <c r="DZ6" s="355" t="s">
        <v>49</v>
      </c>
      <c r="EA6" s="355" t="s">
        <v>50</v>
      </c>
      <c r="EB6" s="355" t="s">
        <v>51</v>
      </c>
      <c r="EC6" s="356" t="s">
        <v>45</v>
      </c>
      <c r="ED6" s="358" t="s">
        <v>52</v>
      </c>
      <c r="EE6" s="354" t="s">
        <v>43</v>
      </c>
      <c r="EF6" s="355" t="s">
        <v>44</v>
      </c>
      <c r="EG6" s="356" t="s">
        <v>45</v>
      </c>
      <c r="EH6" s="357" t="s">
        <v>46</v>
      </c>
      <c r="EI6" s="355" t="s">
        <v>47</v>
      </c>
      <c r="EJ6" s="355" t="s">
        <v>48</v>
      </c>
      <c r="EK6" s="355" t="s">
        <v>49</v>
      </c>
      <c r="EL6" s="355" t="s">
        <v>50</v>
      </c>
      <c r="EM6" s="355" t="s">
        <v>51</v>
      </c>
      <c r="EN6" s="356" t="s">
        <v>45</v>
      </c>
      <c r="EO6" s="358" t="s">
        <v>52</v>
      </c>
      <c r="EP6" s="354" t="s">
        <v>43</v>
      </c>
      <c r="EQ6" s="355" t="s">
        <v>44</v>
      </c>
      <c r="ER6" s="356" t="s">
        <v>45</v>
      </c>
      <c r="ES6" s="357" t="s">
        <v>46</v>
      </c>
      <c r="ET6" s="355" t="s">
        <v>47</v>
      </c>
      <c r="EU6" s="355" t="s">
        <v>48</v>
      </c>
      <c r="EV6" s="355" t="s">
        <v>49</v>
      </c>
      <c r="EW6" s="355" t="s">
        <v>50</v>
      </c>
      <c r="EX6" s="355" t="s">
        <v>51</v>
      </c>
      <c r="EY6" s="356" t="s">
        <v>45</v>
      </c>
      <c r="EZ6" s="358" t="s">
        <v>52</v>
      </c>
      <c r="FA6" s="354" t="s">
        <v>43</v>
      </c>
      <c r="FB6" s="355" t="s">
        <v>44</v>
      </c>
      <c r="FC6" s="356" t="s">
        <v>45</v>
      </c>
      <c r="FD6" s="357" t="s">
        <v>46</v>
      </c>
      <c r="FE6" s="355" t="s">
        <v>47</v>
      </c>
      <c r="FF6" s="355" t="s">
        <v>48</v>
      </c>
      <c r="FG6" s="355" t="s">
        <v>49</v>
      </c>
      <c r="FH6" s="355" t="s">
        <v>50</v>
      </c>
      <c r="FI6" s="355" t="s">
        <v>51</v>
      </c>
      <c r="FJ6" s="356" t="s">
        <v>45</v>
      </c>
      <c r="FK6" s="358" t="s">
        <v>52</v>
      </c>
      <c r="FL6" s="354" t="s">
        <v>43</v>
      </c>
      <c r="FM6" s="355" t="s">
        <v>44</v>
      </c>
      <c r="FN6" s="356" t="s">
        <v>45</v>
      </c>
      <c r="FO6" s="357" t="s">
        <v>46</v>
      </c>
      <c r="FP6" s="355" t="s">
        <v>47</v>
      </c>
      <c r="FQ6" s="355" t="s">
        <v>48</v>
      </c>
      <c r="FR6" s="355" t="s">
        <v>49</v>
      </c>
      <c r="FS6" s="355" t="s">
        <v>50</v>
      </c>
      <c r="FT6" s="355" t="s">
        <v>51</v>
      </c>
      <c r="FU6" s="356" t="s">
        <v>45</v>
      </c>
      <c r="FV6" s="358" t="s">
        <v>52</v>
      </c>
      <c r="FW6" s="354" t="s">
        <v>43</v>
      </c>
      <c r="FX6" s="355" t="s">
        <v>44</v>
      </c>
      <c r="FY6" s="356" t="s">
        <v>45</v>
      </c>
      <c r="FZ6" s="357" t="s">
        <v>46</v>
      </c>
      <c r="GA6" s="355" t="s">
        <v>47</v>
      </c>
      <c r="GB6" s="355" t="s">
        <v>48</v>
      </c>
      <c r="GC6" s="355" t="s">
        <v>49</v>
      </c>
      <c r="GD6" s="355" t="s">
        <v>50</v>
      </c>
      <c r="GE6" s="355" t="s">
        <v>51</v>
      </c>
      <c r="GF6" s="356" t="s">
        <v>45</v>
      </c>
      <c r="GG6" s="358" t="s">
        <v>52</v>
      </c>
      <c r="GH6" s="354" t="s">
        <v>43</v>
      </c>
      <c r="GI6" s="355" t="s">
        <v>44</v>
      </c>
      <c r="GJ6" s="356" t="s">
        <v>45</v>
      </c>
      <c r="GK6" s="357" t="s">
        <v>46</v>
      </c>
      <c r="GL6" s="355" t="s">
        <v>47</v>
      </c>
      <c r="GM6" s="355" t="s">
        <v>48</v>
      </c>
      <c r="GN6" s="355" t="s">
        <v>49</v>
      </c>
      <c r="GO6" s="355" t="s">
        <v>50</v>
      </c>
      <c r="GP6" s="355" t="s">
        <v>51</v>
      </c>
      <c r="GQ6" s="356" t="s">
        <v>45</v>
      </c>
      <c r="GR6" s="358" t="s">
        <v>52</v>
      </c>
      <c r="GS6" s="51" t="s">
        <v>43</v>
      </c>
      <c r="GT6" s="47" t="s">
        <v>44</v>
      </c>
      <c r="GU6" s="48" t="s">
        <v>45</v>
      </c>
      <c r="GV6" s="52" t="s">
        <v>46</v>
      </c>
      <c r="GW6" s="47" t="s">
        <v>47</v>
      </c>
      <c r="GX6" s="47" t="s">
        <v>48</v>
      </c>
      <c r="GY6" s="47" t="s">
        <v>49</v>
      </c>
      <c r="GZ6" s="47" t="s">
        <v>50</v>
      </c>
      <c r="HA6" s="47" t="s">
        <v>51</v>
      </c>
      <c r="HB6" s="48" t="s">
        <v>45</v>
      </c>
      <c r="HC6" s="53" t="s">
        <v>52</v>
      </c>
      <c r="HD6" s="354" t="s">
        <v>43</v>
      </c>
      <c r="HE6" s="355" t="s">
        <v>44</v>
      </c>
      <c r="HF6" s="356" t="s">
        <v>45</v>
      </c>
      <c r="HG6" s="357" t="s">
        <v>46</v>
      </c>
      <c r="HH6" s="355" t="s">
        <v>47</v>
      </c>
      <c r="HI6" s="355" t="s">
        <v>48</v>
      </c>
      <c r="HJ6" s="355" t="s">
        <v>49</v>
      </c>
      <c r="HK6" s="355" t="s">
        <v>50</v>
      </c>
      <c r="HL6" s="355" t="s">
        <v>51</v>
      </c>
      <c r="HM6" s="356" t="s">
        <v>45</v>
      </c>
      <c r="HN6" s="358" t="s">
        <v>52</v>
      </c>
      <c r="HO6" s="354" t="s">
        <v>43</v>
      </c>
      <c r="HP6" s="355" t="s">
        <v>44</v>
      </c>
      <c r="HQ6" s="356" t="s">
        <v>45</v>
      </c>
      <c r="HR6" s="357" t="s">
        <v>46</v>
      </c>
      <c r="HS6" s="355" t="s">
        <v>47</v>
      </c>
      <c r="HT6" s="355" t="s">
        <v>48</v>
      </c>
      <c r="HU6" s="355" t="s">
        <v>49</v>
      </c>
      <c r="HV6" s="355" t="s">
        <v>50</v>
      </c>
      <c r="HW6" s="355" t="s">
        <v>51</v>
      </c>
      <c r="HX6" s="356" t="s">
        <v>45</v>
      </c>
      <c r="HY6" s="358" t="s">
        <v>52</v>
      </c>
      <c r="HZ6" s="354" t="s">
        <v>43</v>
      </c>
      <c r="IA6" s="355" t="s">
        <v>44</v>
      </c>
      <c r="IB6" s="356" t="s">
        <v>45</v>
      </c>
      <c r="IC6" s="357" t="s">
        <v>46</v>
      </c>
      <c r="ID6" s="355" t="s">
        <v>47</v>
      </c>
      <c r="IE6" s="355" t="s">
        <v>48</v>
      </c>
      <c r="IF6" s="355" t="s">
        <v>49</v>
      </c>
      <c r="IG6" s="355" t="s">
        <v>50</v>
      </c>
      <c r="IH6" s="355" t="s">
        <v>51</v>
      </c>
      <c r="II6" s="356" t="s">
        <v>45</v>
      </c>
      <c r="IJ6" s="358" t="s">
        <v>52</v>
      </c>
      <c r="IK6" s="354" t="s">
        <v>43</v>
      </c>
      <c r="IL6" s="355" t="s">
        <v>44</v>
      </c>
      <c r="IM6" s="356" t="s">
        <v>45</v>
      </c>
      <c r="IN6" s="357" t="s">
        <v>46</v>
      </c>
      <c r="IO6" s="355" t="s">
        <v>47</v>
      </c>
      <c r="IP6" s="355" t="s">
        <v>48</v>
      </c>
      <c r="IQ6" s="355" t="s">
        <v>49</v>
      </c>
      <c r="IR6" s="355" t="s">
        <v>50</v>
      </c>
      <c r="IS6" s="355" t="s">
        <v>51</v>
      </c>
      <c r="IT6" s="356" t="s">
        <v>45</v>
      </c>
      <c r="IU6" s="358" t="s">
        <v>52</v>
      </c>
      <c r="IV6" s="354" t="s">
        <v>43</v>
      </c>
      <c r="IW6" s="355" t="s">
        <v>44</v>
      </c>
      <c r="IX6" s="356" t="s">
        <v>45</v>
      </c>
      <c r="IY6" s="357" t="s">
        <v>46</v>
      </c>
      <c r="IZ6" s="355" t="s">
        <v>47</v>
      </c>
      <c r="JA6" s="355" t="s">
        <v>48</v>
      </c>
      <c r="JB6" s="355" t="s">
        <v>49</v>
      </c>
      <c r="JC6" s="355" t="s">
        <v>50</v>
      </c>
      <c r="JD6" s="355" t="s">
        <v>51</v>
      </c>
      <c r="JE6" s="356" t="s">
        <v>45</v>
      </c>
      <c r="JF6" s="358" t="s">
        <v>52</v>
      </c>
      <c r="JG6" s="354" t="s">
        <v>43</v>
      </c>
      <c r="JH6" s="355" t="s">
        <v>44</v>
      </c>
      <c r="JI6" s="356" t="s">
        <v>45</v>
      </c>
      <c r="JJ6" s="357" t="s">
        <v>46</v>
      </c>
      <c r="JK6" s="355" t="s">
        <v>47</v>
      </c>
      <c r="JL6" s="355" t="s">
        <v>48</v>
      </c>
      <c r="JM6" s="355" t="s">
        <v>49</v>
      </c>
      <c r="JN6" s="355" t="s">
        <v>50</v>
      </c>
      <c r="JO6" s="355" t="s">
        <v>51</v>
      </c>
      <c r="JP6" s="356" t="s">
        <v>45</v>
      </c>
      <c r="JQ6" s="358" t="s">
        <v>52</v>
      </c>
      <c r="JR6" s="354" t="s">
        <v>43</v>
      </c>
      <c r="JS6" s="355" t="s">
        <v>44</v>
      </c>
      <c r="JT6" s="356" t="s">
        <v>45</v>
      </c>
      <c r="JU6" s="357" t="s">
        <v>46</v>
      </c>
      <c r="JV6" s="355" t="s">
        <v>47</v>
      </c>
      <c r="JW6" s="355" t="s">
        <v>48</v>
      </c>
      <c r="JX6" s="355" t="s">
        <v>49</v>
      </c>
      <c r="JY6" s="355" t="s">
        <v>50</v>
      </c>
      <c r="JZ6" s="355" t="s">
        <v>51</v>
      </c>
      <c r="KA6" s="356" t="s">
        <v>45</v>
      </c>
      <c r="KB6" s="358" t="s">
        <v>52</v>
      </c>
      <c r="KC6" s="354" t="s">
        <v>43</v>
      </c>
      <c r="KD6" s="355" t="s">
        <v>44</v>
      </c>
      <c r="KE6" s="356" t="s">
        <v>45</v>
      </c>
      <c r="KF6" s="357" t="s">
        <v>46</v>
      </c>
      <c r="KG6" s="355" t="s">
        <v>47</v>
      </c>
      <c r="KH6" s="355" t="s">
        <v>48</v>
      </c>
      <c r="KI6" s="355" t="s">
        <v>49</v>
      </c>
      <c r="KJ6" s="355" t="s">
        <v>50</v>
      </c>
      <c r="KK6" s="355" t="s">
        <v>51</v>
      </c>
      <c r="KL6" s="356" t="s">
        <v>45</v>
      </c>
      <c r="KM6" s="358" t="s">
        <v>52</v>
      </c>
    </row>
    <row r="7" spans="2:299" ht="21" customHeight="1" x14ac:dyDescent="0.2">
      <c r="B7" s="125" t="s">
        <v>4</v>
      </c>
      <c r="C7" s="312">
        <v>19953</v>
      </c>
      <c r="D7" s="78">
        <v>20368</v>
      </c>
      <c r="E7" s="79">
        <v>40321</v>
      </c>
      <c r="F7" s="240"/>
      <c r="G7" s="78">
        <v>30401</v>
      </c>
      <c r="H7" s="78">
        <v>30077</v>
      </c>
      <c r="I7" s="78">
        <v>20531</v>
      </c>
      <c r="J7" s="78">
        <v>17373</v>
      </c>
      <c r="K7" s="78">
        <v>10616</v>
      </c>
      <c r="L7" s="80">
        <v>108998</v>
      </c>
      <c r="M7" s="81">
        <v>149319</v>
      </c>
      <c r="N7" s="66">
        <v>849</v>
      </c>
      <c r="O7" s="67">
        <v>1006</v>
      </c>
      <c r="P7" s="68">
        <v>1855</v>
      </c>
      <c r="Q7" s="243"/>
      <c r="R7" s="67">
        <v>1323</v>
      </c>
      <c r="S7" s="67">
        <v>1507</v>
      </c>
      <c r="T7" s="67">
        <v>1016</v>
      </c>
      <c r="U7" s="67">
        <v>927</v>
      </c>
      <c r="V7" s="67">
        <v>758</v>
      </c>
      <c r="W7" s="68">
        <v>5531</v>
      </c>
      <c r="X7" s="69">
        <v>7386</v>
      </c>
      <c r="Y7" s="66">
        <v>1940</v>
      </c>
      <c r="Z7" s="67">
        <v>2323</v>
      </c>
      <c r="AA7" s="68">
        <v>4263</v>
      </c>
      <c r="AB7" s="243"/>
      <c r="AC7" s="67">
        <v>2876</v>
      </c>
      <c r="AD7" s="67">
        <v>3446</v>
      </c>
      <c r="AE7" s="67">
        <v>2324</v>
      </c>
      <c r="AF7" s="67">
        <v>1971</v>
      </c>
      <c r="AG7" s="67">
        <v>1483</v>
      </c>
      <c r="AH7" s="68">
        <v>12100</v>
      </c>
      <c r="AI7" s="69">
        <v>16363</v>
      </c>
      <c r="AJ7" s="66">
        <v>3112</v>
      </c>
      <c r="AK7" s="67">
        <v>3399</v>
      </c>
      <c r="AL7" s="68">
        <v>6511</v>
      </c>
      <c r="AM7" s="243"/>
      <c r="AN7" s="67">
        <v>4928</v>
      </c>
      <c r="AO7" s="67">
        <v>4982</v>
      </c>
      <c r="AP7" s="67">
        <v>3381</v>
      </c>
      <c r="AQ7" s="67">
        <v>2864</v>
      </c>
      <c r="AR7" s="67">
        <v>1913</v>
      </c>
      <c r="AS7" s="68">
        <v>18068</v>
      </c>
      <c r="AT7" s="69">
        <v>24579</v>
      </c>
      <c r="AU7" s="66">
        <v>5112</v>
      </c>
      <c r="AV7" s="67">
        <v>4960</v>
      </c>
      <c r="AW7" s="68">
        <v>10072</v>
      </c>
      <c r="AX7" s="243"/>
      <c r="AY7" s="67">
        <v>7672</v>
      </c>
      <c r="AZ7" s="67">
        <v>7087</v>
      </c>
      <c r="BA7" s="67">
        <v>4694</v>
      </c>
      <c r="BB7" s="67">
        <v>3901</v>
      </c>
      <c r="BC7" s="67">
        <v>2405</v>
      </c>
      <c r="BD7" s="68">
        <v>25759</v>
      </c>
      <c r="BE7" s="69">
        <v>35831</v>
      </c>
      <c r="BF7" s="66">
        <v>5666</v>
      </c>
      <c r="BG7" s="67">
        <v>5277</v>
      </c>
      <c r="BH7" s="68">
        <v>10943</v>
      </c>
      <c r="BI7" s="243"/>
      <c r="BJ7" s="67">
        <v>8147</v>
      </c>
      <c r="BK7" s="67">
        <v>7369</v>
      </c>
      <c r="BL7" s="67">
        <v>4993</v>
      </c>
      <c r="BM7" s="67">
        <v>4200</v>
      </c>
      <c r="BN7" s="67">
        <v>2292</v>
      </c>
      <c r="BO7" s="68">
        <v>27001</v>
      </c>
      <c r="BP7" s="69">
        <v>37944</v>
      </c>
      <c r="BQ7" s="66">
        <v>3274</v>
      </c>
      <c r="BR7" s="67">
        <v>3403</v>
      </c>
      <c r="BS7" s="68">
        <v>6677</v>
      </c>
      <c r="BT7" s="243"/>
      <c r="BU7" s="67">
        <v>5455</v>
      </c>
      <c r="BV7" s="67">
        <v>5686</v>
      </c>
      <c r="BW7" s="67">
        <v>4123</v>
      </c>
      <c r="BX7" s="67">
        <v>3510</v>
      </c>
      <c r="BY7" s="67">
        <v>1765</v>
      </c>
      <c r="BZ7" s="68">
        <v>20539</v>
      </c>
      <c r="CA7" s="69">
        <v>27216</v>
      </c>
      <c r="CB7" s="66">
        <v>503</v>
      </c>
      <c r="CC7" s="67">
        <v>780</v>
      </c>
      <c r="CD7" s="68">
        <v>1283</v>
      </c>
      <c r="CE7" s="243"/>
      <c r="CF7" s="67">
        <v>886</v>
      </c>
      <c r="CG7" s="67">
        <v>1342</v>
      </c>
      <c r="CH7" s="67">
        <v>841</v>
      </c>
      <c r="CI7" s="67">
        <v>811</v>
      </c>
      <c r="CJ7" s="67">
        <v>729</v>
      </c>
      <c r="CK7" s="68">
        <v>4609</v>
      </c>
      <c r="CL7" s="69">
        <v>5892</v>
      </c>
      <c r="CM7" s="66">
        <v>20456</v>
      </c>
      <c r="CN7" s="67">
        <v>21148</v>
      </c>
      <c r="CO7" s="68">
        <v>41604</v>
      </c>
      <c r="CP7" s="243"/>
      <c r="CQ7" s="67">
        <v>31287</v>
      </c>
      <c r="CR7" s="67">
        <v>31419</v>
      </c>
      <c r="CS7" s="67">
        <v>21372</v>
      </c>
      <c r="CT7" s="67">
        <v>18184</v>
      </c>
      <c r="CU7" s="67">
        <v>11345</v>
      </c>
      <c r="CV7" s="68">
        <v>113607</v>
      </c>
      <c r="CW7" s="69">
        <v>155211</v>
      </c>
      <c r="CX7" s="122">
        <v>38467</v>
      </c>
      <c r="CY7" s="78">
        <v>44438</v>
      </c>
      <c r="CZ7" s="79">
        <v>82905</v>
      </c>
      <c r="DA7" s="240"/>
      <c r="DB7" s="78">
        <v>55421</v>
      </c>
      <c r="DC7" s="78">
        <v>52368</v>
      </c>
      <c r="DD7" s="78">
        <v>39176</v>
      </c>
      <c r="DE7" s="78">
        <v>38738</v>
      </c>
      <c r="DF7" s="78">
        <v>25819</v>
      </c>
      <c r="DG7" s="80">
        <v>211522</v>
      </c>
      <c r="DH7" s="81">
        <v>294427</v>
      </c>
      <c r="DI7" s="66">
        <v>856</v>
      </c>
      <c r="DJ7" s="67">
        <v>1033</v>
      </c>
      <c r="DK7" s="68">
        <v>1889</v>
      </c>
      <c r="DL7" s="243"/>
      <c r="DM7" s="67">
        <v>985</v>
      </c>
      <c r="DN7" s="67">
        <v>1042</v>
      </c>
      <c r="DO7" s="67">
        <v>690</v>
      </c>
      <c r="DP7" s="67">
        <v>693</v>
      </c>
      <c r="DQ7" s="67">
        <v>601</v>
      </c>
      <c r="DR7" s="68">
        <v>4011</v>
      </c>
      <c r="DS7" s="69">
        <v>5900</v>
      </c>
      <c r="DT7" s="66">
        <v>2588</v>
      </c>
      <c r="DU7" s="67">
        <v>3080</v>
      </c>
      <c r="DV7" s="68">
        <v>5668</v>
      </c>
      <c r="DW7" s="243"/>
      <c r="DX7" s="67">
        <v>2918</v>
      </c>
      <c r="DY7" s="67">
        <v>2909</v>
      </c>
      <c r="DZ7" s="67">
        <v>1812</v>
      </c>
      <c r="EA7" s="67">
        <v>1830</v>
      </c>
      <c r="EB7" s="67">
        <v>1400</v>
      </c>
      <c r="EC7" s="68">
        <v>10869</v>
      </c>
      <c r="ED7" s="69">
        <v>16537</v>
      </c>
      <c r="EE7" s="66">
        <v>6022</v>
      </c>
      <c r="EF7" s="67">
        <v>6708</v>
      </c>
      <c r="EG7" s="68">
        <v>12730</v>
      </c>
      <c r="EH7" s="243"/>
      <c r="EI7" s="67">
        <v>6724</v>
      </c>
      <c r="EJ7" s="67">
        <v>5694</v>
      </c>
      <c r="EK7" s="67">
        <v>3756</v>
      </c>
      <c r="EL7" s="67">
        <v>3391</v>
      </c>
      <c r="EM7" s="67">
        <v>2730</v>
      </c>
      <c r="EN7" s="68">
        <v>22295</v>
      </c>
      <c r="EO7" s="69">
        <v>35025</v>
      </c>
      <c r="EP7" s="66">
        <v>11686</v>
      </c>
      <c r="EQ7" s="67">
        <v>11894</v>
      </c>
      <c r="ER7" s="68">
        <v>23580</v>
      </c>
      <c r="ES7" s="243"/>
      <c r="ET7" s="67">
        <v>13252</v>
      </c>
      <c r="EU7" s="67">
        <v>10943</v>
      </c>
      <c r="EV7" s="67">
        <v>7119</v>
      </c>
      <c r="EW7" s="67">
        <v>6469</v>
      </c>
      <c r="EX7" s="67">
        <v>4490</v>
      </c>
      <c r="EY7" s="68">
        <v>42273</v>
      </c>
      <c r="EZ7" s="69">
        <v>65853</v>
      </c>
      <c r="FA7" s="66">
        <v>11344</v>
      </c>
      <c r="FB7" s="67">
        <v>13114</v>
      </c>
      <c r="FC7" s="68">
        <v>24458</v>
      </c>
      <c r="FD7" s="243"/>
      <c r="FE7" s="67">
        <v>17074</v>
      </c>
      <c r="FF7" s="67">
        <v>15130</v>
      </c>
      <c r="FG7" s="67">
        <v>10823</v>
      </c>
      <c r="FH7" s="67">
        <v>9907</v>
      </c>
      <c r="FI7" s="67">
        <v>6662</v>
      </c>
      <c r="FJ7" s="68">
        <v>59596</v>
      </c>
      <c r="FK7" s="69">
        <v>84054</v>
      </c>
      <c r="FL7" s="66">
        <v>5971</v>
      </c>
      <c r="FM7" s="67">
        <v>8609</v>
      </c>
      <c r="FN7" s="68">
        <v>14580</v>
      </c>
      <c r="FO7" s="243"/>
      <c r="FP7" s="67">
        <v>14468</v>
      </c>
      <c r="FQ7" s="67">
        <v>16650</v>
      </c>
      <c r="FR7" s="67">
        <v>14976</v>
      </c>
      <c r="FS7" s="67">
        <v>16448</v>
      </c>
      <c r="FT7" s="67">
        <v>9936</v>
      </c>
      <c r="FU7" s="68">
        <v>72478</v>
      </c>
      <c r="FV7" s="69">
        <v>87058</v>
      </c>
      <c r="FW7" s="66">
        <v>361</v>
      </c>
      <c r="FX7" s="67">
        <v>675</v>
      </c>
      <c r="FY7" s="68">
        <v>1036</v>
      </c>
      <c r="FZ7" s="243"/>
      <c r="GA7" s="67">
        <v>709</v>
      </c>
      <c r="GB7" s="67">
        <v>1034</v>
      </c>
      <c r="GC7" s="67">
        <v>617</v>
      </c>
      <c r="GD7" s="67">
        <v>597</v>
      </c>
      <c r="GE7" s="67">
        <v>616</v>
      </c>
      <c r="GF7" s="68">
        <v>3573</v>
      </c>
      <c r="GG7" s="69">
        <v>4609</v>
      </c>
      <c r="GH7" s="66">
        <v>38828</v>
      </c>
      <c r="GI7" s="67">
        <v>45113</v>
      </c>
      <c r="GJ7" s="68">
        <v>83941</v>
      </c>
      <c r="GK7" s="243"/>
      <c r="GL7" s="67">
        <v>56130</v>
      </c>
      <c r="GM7" s="67">
        <v>53402</v>
      </c>
      <c r="GN7" s="67">
        <v>39793</v>
      </c>
      <c r="GO7" s="67">
        <v>39335</v>
      </c>
      <c r="GP7" s="67">
        <v>26435</v>
      </c>
      <c r="GQ7" s="68">
        <v>215095</v>
      </c>
      <c r="GR7" s="69">
        <v>299036</v>
      </c>
      <c r="GS7" s="122">
        <v>58420</v>
      </c>
      <c r="GT7" s="78">
        <v>64806</v>
      </c>
      <c r="GU7" s="79">
        <v>123226</v>
      </c>
      <c r="GV7" s="240"/>
      <c r="GW7" s="78">
        <v>85822</v>
      </c>
      <c r="GX7" s="78">
        <v>82445</v>
      </c>
      <c r="GY7" s="78">
        <v>59707</v>
      </c>
      <c r="GZ7" s="78">
        <v>56111</v>
      </c>
      <c r="HA7" s="78">
        <v>36435</v>
      </c>
      <c r="HB7" s="80">
        <v>320520</v>
      </c>
      <c r="HC7" s="81">
        <v>443746</v>
      </c>
      <c r="HD7" s="66">
        <v>1705</v>
      </c>
      <c r="HE7" s="67">
        <v>2039</v>
      </c>
      <c r="HF7" s="68">
        <v>3744</v>
      </c>
      <c r="HG7" s="243"/>
      <c r="HH7" s="67">
        <v>2308</v>
      </c>
      <c r="HI7" s="67">
        <v>2549</v>
      </c>
      <c r="HJ7" s="67">
        <v>1706</v>
      </c>
      <c r="HK7" s="67">
        <v>1620</v>
      </c>
      <c r="HL7" s="67">
        <v>1359</v>
      </c>
      <c r="HM7" s="68">
        <v>9542</v>
      </c>
      <c r="HN7" s="69">
        <v>13286</v>
      </c>
      <c r="HO7" s="66">
        <v>4528</v>
      </c>
      <c r="HP7" s="67">
        <v>5403</v>
      </c>
      <c r="HQ7" s="68">
        <v>9931</v>
      </c>
      <c r="HR7" s="243"/>
      <c r="HS7" s="67">
        <v>5794</v>
      </c>
      <c r="HT7" s="67">
        <v>6355</v>
      </c>
      <c r="HU7" s="67">
        <v>4136</v>
      </c>
      <c r="HV7" s="67">
        <v>3801</v>
      </c>
      <c r="HW7" s="67">
        <v>2883</v>
      </c>
      <c r="HX7" s="68">
        <v>22969</v>
      </c>
      <c r="HY7" s="69">
        <v>32900</v>
      </c>
      <c r="HZ7" s="66">
        <v>9134</v>
      </c>
      <c r="IA7" s="67">
        <v>10107</v>
      </c>
      <c r="IB7" s="68">
        <v>19241</v>
      </c>
      <c r="IC7" s="243"/>
      <c r="ID7" s="67">
        <v>11652</v>
      </c>
      <c r="IE7" s="67">
        <v>10676</v>
      </c>
      <c r="IF7" s="67">
        <v>7137</v>
      </c>
      <c r="IG7" s="67">
        <v>6255</v>
      </c>
      <c r="IH7" s="67">
        <v>4643</v>
      </c>
      <c r="II7" s="68">
        <v>40363</v>
      </c>
      <c r="IJ7" s="69">
        <v>59604</v>
      </c>
      <c r="IK7" s="66">
        <v>16798</v>
      </c>
      <c r="IL7" s="67">
        <v>16854</v>
      </c>
      <c r="IM7" s="68">
        <v>33652</v>
      </c>
      <c r="IN7" s="243"/>
      <c r="IO7" s="67">
        <v>20924</v>
      </c>
      <c r="IP7" s="67">
        <v>18030</v>
      </c>
      <c r="IQ7" s="67">
        <v>11813</v>
      </c>
      <c r="IR7" s="67">
        <v>10370</v>
      </c>
      <c r="IS7" s="67">
        <v>6895</v>
      </c>
      <c r="IT7" s="68">
        <v>68032</v>
      </c>
      <c r="IU7" s="69">
        <v>101684</v>
      </c>
      <c r="IV7" s="66">
        <v>17010</v>
      </c>
      <c r="IW7" s="67">
        <v>18391</v>
      </c>
      <c r="IX7" s="68">
        <v>35401</v>
      </c>
      <c r="IY7" s="243"/>
      <c r="IZ7" s="67">
        <v>25221</v>
      </c>
      <c r="JA7" s="67">
        <v>22499</v>
      </c>
      <c r="JB7" s="67">
        <v>15816</v>
      </c>
      <c r="JC7" s="67">
        <v>14107</v>
      </c>
      <c r="JD7" s="67">
        <v>8954</v>
      </c>
      <c r="JE7" s="68">
        <v>86597</v>
      </c>
      <c r="JF7" s="69">
        <v>121998</v>
      </c>
      <c r="JG7" s="66">
        <v>9245</v>
      </c>
      <c r="JH7" s="67">
        <v>12012</v>
      </c>
      <c r="JI7" s="68">
        <v>21257</v>
      </c>
      <c r="JJ7" s="243"/>
      <c r="JK7" s="67">
        <v>19923</v>
      </c>
      <c r="JL7" s="67">
        <v>22336</v>
      </c>
      <c r="JM7" s="67">
        <v>19099</v>
      </c>
      <c r="JN7" s="67">
        <v>19958</v>
      </c>
      <c r="JO7" s="67">
        <v>11701</v>
      </c>
      <c r="JP7" s="68">
        <v>93017</v>
      </c>
      <c r="JQ7" s="69">
        <v>114274</v>
      </c>
      <c r="JR7" s="66">
        <v>864</v>
      </c>
      <c r="JS7" s="67">
        <v>1455</v>
      </c>
      <c r="JT7" s="68">
        <v>2319</v>
      </c>
      <c r="JU7" s="243"/>
      <c r="JV7" s="67">
        <v>1595</v>
      </c>
      <c r="JW7" s="67">
        <v>2376</v>
      </c>
      <c r="JX7" s="67">
        <v>1458</v>
      </c>
      <c r="JY7" s="67">
        <v>1408</v>
      </c>
      <c r="JZ7" s="67">
        <v>1345</v>
      </c>
      <c r="KA7" s="68">
        <v>8182</v>
      </c>
      <c r="KB7" s="69">
        <v>10501</v>
      </c>
      <c r="KC7" s="66">
        <v>59284</v>
      </c>
      <c r="KD7" s="67">
        <v>66261</v>
      </c>
      <c r="KE7" s="68">
        <v>125545</v>
      </c>
      <c r="KF7" s="243"/>
      <c r="KG7" s="67">
        <v>87417</v>
      </c>
      <c r="KH7" s="67">
        <v>84821</v>
      </c>
      <c r="KI7" s="67">
        <v>61165</v>
      </c>
      <c r="KJ7" s="67">
        <v>57519</v>
      </c>
      <c r="KK7" s="67">
        <v>37780</v>
      </c>
      <c r="KL7" s="68">
        <v>328702</v>
      </c>
      <c r="KM7" s="69">
        <v>454247</v>
      </c>
    </row>
    <row r="8" spans="2:299" ht="21" customHeight="1" x14ac:dyDescent="0.2">
      <c r="B8" s="126" t="s">
        <v>5</v>
      </c>
      <c r="C8" s="313">
        <v>8084</v>
      </c>
      <c r="D8" s="82">
        <v>9510</v>
      </c>
      <c r="E8" s="83">
        <v>17594</v>
      </c>
      <c r="F8" s="241"/>
      <c r="G8" s="82">
        <v>10103</v>
      </c>
      <c r="H8" s="82">
        <v>13290</v>
      </c>
      <c r="I8" s="82">
        <v>8565</v>
      </c>
      <c r="J8" s="82">
        <v>7194</v>
      </c>
      <c r="K8" s="82">
        <v>4381</v>
      </c>
      <c r="L8" s="84">
        <v>43533</v>
      </c>
      <c r="M8" s="85">
        <v>61127</v>
      </c>
      <c r="N8" s="70">
        <v>337</v>
      </c>
      <c r="O8" s="71">
        <v>460</v>
      </c>
      <c r="P8" s="72">
        <v>797</v>
      </c>
      <c r="Q8" s="244"/>
      <c r="R8" s="71">
        <v>404</v>
      </c>
      <c r="S8" s="71">
        <v>664</v>
      </c>
      <c r="T8" s="71">
        <v>423</v>
      </c>
      <c r="U8" s="71">
        <v>385</v>
      </c>
      <c r="V8" s="71">
        <v>307</v>
      </c>
      <c r="W8" s="72">
        <v>2183</v>
      </c>
      <c r="X8" s="73">
        <v>2980</v>
      </c>
      <c r="Y8" s="70">
        <v>732</v>
      </c>
      <c r="Z8" s="71">
        <v>1023</v>
      </c>
      <c r="AA8" s="72">
        <v>1755</v>
      </c>
      <c r="AB8" s="244"/>
      <c r="AC8" s="71">
        <v>863</v>
      </c>
      <c r="AD8" s="71">
        <v>1503</v>
      </c>
      <c r="AE8" s="71">
        <v>996</v>
      </c>
      <c r="AF8" s="71">
        <v>814</v>
      </c>
      <c r="AG8" s="71">
        <v>627</v>
      </c>
      <c r="AH8" s="72">
        <v>4803</v>
      </c>
      <c r="AI8" s="73">
        <v>6558</v>
      </c>
      <c r="AJ8" s="70">
        <v>1223</v>
      </c>
      <c r="AK8" s="71">
        <v>1550</v>
      </c>
      <c r="AL8" s="72">
        <v>2773</v>
      </c>
      <c r="AM8" s="244"/>
      <c r="AN8" s="71">
        <v>1597</v>
      </c>
      <c r="AO8" s="71">
        <v>2169</v>
      </c>
      <c r="AP8" s="71">
        <v>1382</v>
      </c>
      <c r="AQ8" s="71">
        <v>1147</v>
      </c>
      <c r="AR8" s="71">
        <v>756</v>
      </c>
      <c r="AS8" s="72">
        <v>7051</v>
      </c>
      <c r="AT8" s="73">
        <v>9824</v>
      </c>
      <c r="AU8" s="70">
        <v>2042</v>
      </c>
      <c r="AV8" s="71">
        <v>2276</v>
      </c>
      <c r="AW8" s="72">
        <v>4318</v>
      </c>
      <c r="AX8" s="244"/>
      <c r="AY8" s="71">
        <v>2468</v>
      </c>
      <c r="AZ8" s="71">
        <v>3017</v>
      </c>
      <c r="BA8" s="71">
        <v>1868</v>
      </c>
      <c r="BB8" s="71">
        <v>1626</v>
      </c>
      <c r="BC8" s="71">
        <v>959</v>
      </c>
      <c r="BD8" s="72">
        <v>9938</v>
      </c>
      <c r="BE8" s="73">
        <v>14256</v>
      </c>
      <c r="BF8" s="70">
        <v>2390</v>
      </c>
      <c r="BG8" s="71">
        <v>2499</v>
      </c>
      <c r="BH8" s="72">
        <v>4889</v>
      </c>
      <c r="BI8" s="244"/>
      <c r="BJ8" s="71">
        <v>2868</v>
      </c>
      <c r="BK8" s="71">
        <v>3321</v>
      </c>
      <c r="BL8" s="71">
        <v>2071</v>
      </c>
      <c r="BM8" s="71">
        <v>1725</v>
      </c>
      <c r="BN8" s="71">
        <v>940</v>
      </c>
      <c r="BO8" s="72">
        <v>10925</v>
      </c>
      <c r="BP8" s="73">
        <v>15814</v>
      </c>
      <c r="BQ8" s="70">
        <v>1360</v>
      </c>
      <c r="BR8" s="71">
        <v>1702</v>
      </c>
      <c r="BS8" s="72">
        <v>3062</v>
      </c>
      <c r="BT8" s="244"/>
      <c r="BU8" s="71">
        <v>1903</v>
      </c>
      <c r="BV8" s="71">
        <v>2616</v>
      </c>
      <c r="BW8" s="71">
        <v>1825</v>
      </c>
      <c r="BX8" s="71">
        <v>1497</v>
      </c>
      <c r="BY8" s="71">
        <v>792</v>
      </c>
      <c r="BZ8" s="72">
        <v>8633</v>
      </c>
      <c r="CA8" s="73">
        <v>11695</v>
      </c>
      <c r="CB8" s="70">
        <v>183</v>
      </c>
      <c r="CC8" s="71">
        <v>343</v>
      </c>
      <c r="CD8" s="72">
        <v>526</v>
      </c>
      <c r="CE8" s="244"/>
      <c r="CF8" s="71">
        <v>244</v>
      </c>
      <c r="CG8" s="71">
        <v>610</v>
      </c>
      <c r="CH8" s="71">
        <v>378</v>
      </c>
      <c r="CI8" s="71">
        <v>335</v>
      </c>
      <c r="CJ8" s="71">
        <v>321</v>
      </c>
      <c r="CK8" s="72">
        <v>1888</v>
      </c>
      <c r="CL8" s="73">
        <v>2414</v>
      </c>
      <c r="CM8" s="70">
        <v>8267</v>
      </c>
      <c r="CN8" s="71">
        <v>9853</v>
      </c>
      <c r="CO8" s="72">
        <v>18120</v>
      </c>
      <c r="CP8" s="244"/>
      <c r="CQ8" s="71">
        <v>10347</v>
      </c>
      <c r="CR8" s="71">
        <v>13900</v>
      </c>
      <c r="CS8" s="71">
        <v>8943</v>
      </c>
      <c r="CT8" s="71">
        <v>7529</v>
      </c>
      <c r="CU8" s="71">
        <v>4702</v>
      </c>
      <c r="CV8" s="72">
        <v>45421</v>
      </c>
      <c r="CW8" s="73">
        <v>63541</v>
      </c>
      <c r="CX8" s="123">
        <v>15045</v>
      </c>
      <c r="CY8" s="82">
        <v>19851</v>
      </c>
      <c r="CZ8" s="83">
        <v>34896</v>
      </c>
      <c r="DA8" s="241"/>
      <c r="DB8" s="82">
        <v>19163</v>
      </c>
      <c r="DC8" s="82">
        <v>23698</v>
      </c>
      <c r="DD8" s="82">
        <v>16182</v>
      </c>
      <c r="DE8" s="82">
        <v>16010</v>
      </c>
      <c r="DF8" s="82">
        <v>10733</v>
      </c>
      <c r="DG8" s="84">
        <v>85786</v>
      </c>
      <c r="DH8" s="85">
        <v>120682</v>
      </c>
      <c r="DI8" s="70">
        <v>323</v>
      </c>
      <c r="DJ8" s="71">
        <v>442</v>
      </c>
      <c r="DK8" s="72">
        <v>765</v>
      </c>
      <c r="DL8" s="244"/>
      <c r="DM8" s="71">
        <v>299</v>
      </c>
      <c r="DN8" s="71">
        <v>466</v>
      </c>
      <c r="DO8" s="71">
        <v>262</v>
      </c>
      <c r="DP8" s="71">
        <v>295</v>
      </c>
      <c r="DQ8" s="71">
        <v>255</v>
      </c>
      <c r="DR8" s="72">
        <v>1577</v>
      </c>
      <c r="DS8" s="73">
        <v>2342</v>
      </c>
      <c r="DT8" s="70">
        <v>981</v>
      </c>
      <c r="DU8" s="71">
        <v>1348</v>
      </c>
      <c r="DV8" s="72">
        <v>2329</v>
      </c>
      <c r="DW8" s="244"/>
      <c r="DX8" s="71">
        <v>890</v>
      </c>
      <c r="DY8" s="71">
        <v>1259</v>
      </c>
      <c r="DZ8" s="71">
        <v>729</v>
      </c>
      <c r="EA8" s="71">
        <v>772</v>
      </c>
      <c r="EB8" s="71">
        <v>602</v>
      </c>
      <c r="EC8" s="72">
        <v>4252</v>
      </c>
      <c r="ED8" s="73">
        <v>6581</v>
      </c>
      <c r="EE8" s="70">
        <v>2317</v>
      </c>
      <c r="EF8" s="71">
        <v>2957</v>
      </c>
      <c r="EG8" s="72">
        <v>5274</v>
      </c>
      <c r="EH8" s="244"/>
      <c r="EI8" s="71">
        <v>2197</v>
      </c>
      <c r="EJ8" s="71">
        <v>2437</v>
      </c>
      <c r="EK8" s="71">
        <v>1495</v>
      </c>
      <c r="EL8" s="71">
        <v>1306</v>
      </c>
      <c r="EM8" s="71">
        <v>1115</v>
      </c>
      <c r="EN8" s="72">
        <v>8550</v>
      </c>
      <c r="EO8" s="73">
        <v>13824</v>
      </c>
      <c r="EP8" s="70">
        <v>4545</v>
      </c>
      <c r="EQ8" s="71">
        <v>5165</v>
      </c>
      <c r="ER8" s="72">
        <v>9710</v>
      </c>
      <c r="ES8" s="244"/>
      <c r="ET8" s="71">
        <v>4623</v>
      </c>
      <c r="EU8" s="71">
        <v>4917</v>
      </c>
      <c r="EV8" s="71">
        <v>2854</v>
      </c>
      <c r="EW8" s="71">
        <v>2609</v>
      </c>
      <c r="EX8" s="71">
        <v>1761</v>
      </c>
      <c r="EY8" s="72">
        <v>16764</v>
      </c>
      <c r="EZ8" s="73">
        <v>26474</v>
      </c>
      <c r="FA8" s="70">
        <v>4553</v>
      </c>
      <c r="FB8" s="71">
        <v>6053</v>
      </c>
      <c r="FC8" s="72">
        <v>10606</v>
      </c>
      <c r="FD8" s="244"/>
      <c r="FE8" s="71">
        <v>6138</v>
      </c>
      <c r="FF8" s="71">
        <v>6971</v>
      </c>
      <c r="FG8" s="71">
        <v>4580</v>
      </c>
      <c r="FH8" s="71">
        <v>4202</v>
      </c>
      <c r="FI8" s="71">
        <v>2816</v>
      </c>
      <c r="FJ8" s="72">
        <v>24707</v>
      </c>
      <c r="FK8" s="73">
        <v>35313</v>
      </c>
      <c r="FL8" s="70">
        <v>2326</v>
      </c>
      <c r="FM8" s="71">
        <v>3886</v>
      </c>
      <c r="FN8" s="72">
        <v>6212</v>
      </c>
      <c r="FO8" s="244"/>
      <c r="FP8" s="71">
        <v>5016</v>
      </c>
      <c r="FQ8" s="71">
        <v>7648</v>
      </c>
      <c r="FR8" s="71">
        <v>6262</v>
      </c>
      <c r="FS8" s="71">
        <v>6826</v>
      </c>
      <c r="FT8" s="71">
        <v>4184</v>
      </c>
      <c r="FU8" s="72">
        <v>29936</v>
      </c>
      <c r="FV8" s="73">
        <v>36148</v>
      </c>
      <c r="FW8" s="70">
        <v>147</v>
      </c>
      <c r="FX8" s="71">
        <v>289</v>
      </c>
      <c r="FY8" s="72">
        <v>436</v>
      </c>
      <c r="FZ8" s="244"/>
      <c r="GA8" s="71">
        <v>201</v>
      </c>
      <c r="GB8" s="71">
        <v>462</v>
      </c>
      <c r="GC8" s="71">
        <v>257</v>
      </c>
      <c r="GD8" s="71">
        <v>241</v>
      </c>
      <c r="GE8" s="71">
        <v>251</v>
      </c>
      <c r="GF8" s="72">
        <v>1412</v>
      </c>
      <c r="GG8" s="73">
        <v>1848</v>
      </c>
      <c r="GH8" s="70">
        <v>15192</v>
      </c>
      <c r="GI8" s="71">
        <v>20140</v>
      </c>
      <c r="GJ8" s="72">
        <v>35332</v>
      </c>
      <c r="GK8" s="244"/>
      <c r="GL8" s="71">
        <v>19364</v>
      </c>
      <c r="GM8" s="71">
        <v>24160</v>
      </c>
      <c r="GN8" s="71">
        <v>16439</v>
      </c>
      <c r="GO8" s="71">
        <v>16251</v>
      </c>
      <c r="GP8" s="71">
        <v>10984</v>
      </c>
      <c r="GQ8" s="72">
        <v>87198</v>
      </c>
      <c r="GR8" s="73">
        <v>122530</v>
      </c>
      <c r="GS8" s="123">
        <v>23129</v>
      </c>
      <c r="GT8" s="82">
        <v>29361</v>
      </c>
      <c r="GU8" s="83">
        <v>52490</v>
      </c>
      <c r="GV8" s="241"/>
      <c r="GW8" s="82">
        <v>29266</v>
      </c>
      <c r="GX8" s="82">
        <v>36988</v>
      </c>
      <c r="GY8" s="82">
        <v>24747</v>
      </c>
      <c r="GZ8" s="82">
        <v>23204</v>
      </c>
      <c r="HA8" s="82">
        <v>15114</v>
      </c>
      <c r="HB8" s="84">
        <v>129319</v>
      </c>
      <c r="HC8" s="85">
        <v>181809</v>
      </c>
      <c r="HD8" s="70">
        <v>660</v>
      </c>
      <c r="HE8" s="71">
        <v>902</v>
      </c>
      <c r="HF8" s="72">
        <v>1562</v>
      </c>
      <c r="HG8" s="244"/>
      <c r="HH8" s="71">
        <v>703</v>
      </c>
      <c r="HI8" s="71">
        <v>1130</v>
      </c>
      <c r="HJ8" s="71">
        <v>685</v>
      </c>
      <c r="HK8" s="71">
        <v>680</v>
      </c>
      <c r="HL8" s="71">
        <v>562</v>
      </c>
      <c r="HM8" s="72">
        <v>3760</v>
      </c>
      <c r="HN8" s="73">
        <v>5322</v>
      </c>
      <c r="HO8" s="70">
        <v>1713</v>
      </c>
      <c r="HP8" s="71">
        <v>2371</v>
      </c>
      <c r="HQ8" s="72">
        <v>4084</v>
      </c>
      <c r="HR8" s="244"/>
      <c r="HS8" s="71">
        <v>1753</v>
      </c>
      <c r="HT8" s="71">
        <v>2762</v>
      </c>
      <c r="HU8" s="71">
        <v>1725</v>
      </c>
      <c r="HV8" s="71">
        <v>1586</v>
      </c>
      <c r="HW8" s="71">
        <v>1229</v>
      </c>
      <c r="HX8" s="72">
        <v>9055</v>
      </c>
      <c r="HY8" s="73">
        <v>13139</v>
      </c>
      <c r="HZ8" s="70">
        <v>3540</v>
      </c>
      <c r="IA8" s="71">
        <v>4507</v>
      </c>
      <c r="IB8" s="72">
        <v>8047</v>
      </c>
      <c r="IC8" s="244"/>
      <c r="ID8" s="71">
        <v>3794</v>
      </c>
      <c r="IE8" s="71">
        <v>4606</v>
      </c>
      <c r="IF8" s="71">
        <v>2877</v>
      </c>
      <c r="IG8" s="71">
        <v>2453</v>
      </c>
      <c r="IH8" s="71">
        <v>1871</v>
      </c>
      <c r="II8" s="72">
        <v>15601</v>
      </c>
      <c r="IJ8" s="73">
        <v>23648</v>
      </c>
      <c r="IK8" s="70">
        <v>6587</v>
      </c>
      <c r="IL8" s="71">
        <v>7441</v>
      </c>
      <c r="IM8" s="72">
        <v>14028</v>
      </c>
      <c r="IN8" s="244"/>
      <c r="IO8" s="71">
        <v>7091</v>
      </c>
      <c r="IP8" s="71">
        <v>7934</v>
      </c>
      <c r="IQ8" s="71">
        <v>4722</v>
      </c>
      <c r="IR8" s="71">
        <v>4235</v>
      </c>
      <c r="IS8" s="71">
        <v>2720</v>
      </c>
      <c r="IT8" s="72">
        <v>26702</v>
      </c>
      <c r="IU8" s="73">
        <v>40730</v>
      </c>
      <c r="IV8" s="70">
        <v>6943</v>
      </c>
      <c r="IW8" s="71">
        <v>8552</v>
      </c>
      <c r="IX8" s="72">
        <v>15495</v>
      </c>
      <c r="IY8" s="244"/>
      <c r="IZ8" s="71">
        <v>9006</v>
      </c>
      <c r="JA8" s="71">
        <v>10292</v>
      </c>
      <c r="JB8" s="71">
        <v>6651</v>
      </c>
      <c r="JC8" s="71">
        <v>5927</v>
      </c>
      <c r="JD8" s="71">
        <v>3756</v>
      </c>
      <c r="JE8" s="72">
        <v>35632</v>
      </c>
      <c r="JF8" s="73">
        <v>51127</v>
      </c>
      <c r="JG8" s="70">
        <v>3686</v>
      </c>
      <c r="JH8" s="71">
        <v>5588</v>
      </c>
      <c r="JI8" s="72">
        <v>9274</v>
      </c>
      <c r="JJ8" s="244"/>
      <c r="JK8" s="71">
        <v>6919</v>
      </c>
      <c r="JL8" s="71">
        <v>10264</v>
      </c>
      <c r="JM8" s="71">
        <v>8087</v>
      </c>
      <c r="JN8" s="71">
        <v>8323</v>
      </c>
      <c r="JO8" s="71">
        <v>4976</v>
      </c>
      <c r="JP8" s="72">
        <v>38569</v>
      </c>
      <c r="JQ8" s="73">
        <v>47843</v>
      </c>
      <c r="JR8" s="70">
        <v>330</v>
      </c>
      <c r="JS8" s="71">
        <v>632</v>
      </c>
      <c r="JT8" s="72">
        <v>962</v>
      </c>
      <c r="JU8" s="244"/>
      <c r="JV8" s="71">
        <v>445</v>
      </c>
      <c r="JW8" s="71">
        <v>1072</v>
      </c>
      <c r="JX8" s="71">
        <v>635</v>
      </c>
      <c r="JY8" s="71">
        <v>576</v>
      </c>
      <c r="JZ8" s="71">
        <v>572</v>
      </c>
      <c r="KA8" s="72">
        <v>3300</v>
      </c>
      <c r="KB8" s="73">
        <v>4262</v>
      </c>
      <c r="KC8" s="70">
        <v>23459</v>
      </c>
      <c r="KD8" s="71">
        <v>29993</v>
      </c>
      <c r="KE8" s="72">
        <v>53452</v>
      </c>
      <c r="KF8" s="244"/>
      <c r="KG8" s="71">
        <v>29711</v>
      </c>
      <c r="KH8" s="71">
        <v>38060</v>
      </c>
      <c r="KI8" s="71">
        <v>25382</v>
      </c>
      <c r="KJ8" s="71">
        <v>23780</v>
      </c>
      <c r="KK8" s="71">
        <v>15686</v>
      </c>
      <c r="KL8" s="72">
        <v>132619</v>
      </c>
      <c r="KM8" s="73">
        <v>186071</v>
      </c>
    </row>
    <row r="9" spans="2:299" ht="21" customHeight="1" x14ac:dyDescent="0.2">
      <c r="B9" s="126" t="s">
        <v>6</v>
      </c>
      <c r="C9" s="313">
        <v>2604</v>
      </c>
      <c r="D9" s="82">
        <v>2333</v>
      </c>
      <c r="E9" s="83">
        <v>4937</v>
      </c>
      <c r="F9" s="241"/>
      <c r="G9" s="82">
        <v>4847</v>
      </c>
      <c r="H9" s="82">
        <v>3926</v>
      </c>
      <c r="I9" s="82">
        <v>2831</v>
      </c>
      <c r="J9" s="82">
        <v>2459</v>
      </c>
      <c r="K9" s="82">
        <v>1693</v>
      </c>
      <c r="L9" s="84">
        <v>15756</v>
      </c>
      <c r="M9" s="85">
        <v>20693</v>
      </c>
      <c r="N9" s="70">
        <v>143</v>
      </c>
      <c r="O9" s="71">
        <v>148</v>
      </c>
      <c r="P9" s="72">
        <v>291</v>
      </c>
      <c r="Q9" s="244"/>
      <c r="R9" s="71">
        <v>261</v>
      </c>
      <c r="S9" s="71">
        <v>230</v>
      </c>
      <c r="T9" s="71">
        <v>155</v>
      </c>
      <c r="U9" s="71">
        <v>135</v>
      </c>
      <c r="V9" s="71">
        <v>128</v>
      </c>
      <c r="W9" s="72">
        <v>909</v>
      </c>
      <c r="X9" s="73">
        <v>1200</v>
      </c>
      <c r="Y9" s="70">
        <v>297</v>
      </c>
      <c r="Z9" s="71">
        <v>272</v>
      </c>
      <c r="AA9" s="72">
        <v>569</v>
      </c>
      <c r="AB9" s="244"/>
      <c r="AC9" s="71">
        <v>526</v>
      </c>
      <c r="AD9" s="71">
        <v>491</v>
      </c>
      <c r="AE9" s="71">
        <v>355</v>
      </c>
      <c r="AF9" s="71">
        <v>291</v>
      </c>
      <c r="AG9" s="71">
        <v>236</v>
      </c>
      <c r="AH9" s="72">
        <v>1899</v>
      </c>
      <c r="AI9" s="73">
        <v>2468</v>
      </c>
      <c r="AJ9" s="70">
        <v>419</v>
      </c>
      <c r="AK9" s="71">
        <v>404</v>
      </c>
      <c r="AL9" s="72">
        <v>823</v>
      </c>
      <c r="AM9" s="244"/>
      <c r="AN9" s="71">
        <v>821</v>
      </c>
      <c r="AO9" s="71">
        <v>703</v>
      </c>
      <c r="AP9" s="71">
        <v>467</v>
      </c>
      <c r="AQ9" s="71">
        <v>446</v>
      </c>
      <c r="AR9" s="71">
        <v>324</v>
      </c>
      <c r="AS9" s="72">
        <v>2761</v>
      </c>
      <c r="AT9" s="73">
        <v>3584</v>
      </c>
      <c r="AU9" s="70">
        <v>620</v>
      </c>
      <c r="AV9" s="71">
        <v>546</v>
      </c>
      <c r="AW9" s="72">
        <v>1166</v>
      </c>
      <c r="AX9" s="244"/>
      <c r="AY9" s="71">
        <v>1171</v>
      </c>
      <c r="AZ9" s="71">
        <v>910</v>
      </c>
      <c r="BA9" s="71">
        <v>669</v>
      </c>
      <c r="BB9" s="71">
        <v>507</v>
      </c>
      <c r="BC9" s="71">
        <v>380</v>
      </c>
      <c r="BD9" s="72">
        <v>3637</v>
      </c>
      <c r="BE9" s="73">
        <v>4803</v>
      </c>
      <c r="BF9" s="70">
        <v>702</v>
      </c>
      <c r="BG9" s="71">
        <v>569</v>
      </c>
      <c r="BH9" s="72">
        <v>1271</v>
      </c>
      <c r="BI9" s="244"/>
      <c r="BJ9" s="71">
        <v>1212</v>
      </c>
      <c r="BK9" s="71">
        <v>907</v>
      </c>
      <c r="BL9" s="71">
        <v>637</v>
      </c>
      <c r="BM9" s="71">
        <v>571</v>
      </c>
      <c r="BN9" s="71">
        <v>365</v>
      </c>
      <c r="BO9" s="72">
        <v>3692</v>
      </c>
      <c r="BP9" s="73">
        <v>4963</v>
      </c>
      <c r="BQ9" s="70">
        <v>423</v>
      </c>
      <c r="BR9" s="71">
        <v>394</v>
      </c>
      <c r="BS9" s="72">
        <v>817</v>
      </c>
      <c r="BT9" s="244"/>
      <c r="BU9" s="71">
        <v>856</v>
      </c>
      <c r="BV9" s="71">
        <v>685</v>
      </c>
      <c r="BW9" s="71">
        <v>548</v>
      </c>
      <c r="BX9" s="71">
        <v>509</v>
      </c>
      <c r="BY9" s="71">
        <v>260</v>
      </c>
      <c r="BZ9" s="72">
        <v>2858</v>
      </c>
      <c r="CA9" s="73">
        <v>3675</v>
      </c>
      <c r="CB9" s="70">
        <v>81</v>
      </c>
      <c r="CC9" s="71">
        <v>93</v>
      </c>
      <c r="CD9" s="72">
        <v>174</v>
      </c>
      <c r="CE9" s="244"/>
      <c r="CF9" s="71">
        <v>164</v>
      </c>
      <c r="CG9" s="71">
        <v>184</v>
      </c>
      <c r="CH9" s="71">
        <v>109</v>
      </c>
      <c r="CI9" s="71">
        <v>133</v>
      </c>
      <c r="CJ9" s="71">
        <v>120</v>
      </c>
      <c r="CK9" s="72">
        <v>710</v>
      </c>
      <c r="CL9" s="73">
        <v>884</v>
      </c>
      <c r="CM9" s="70">
        <v>2685</v>
      </c>
      <c r="CN9" s="71">
        <v>2426</v>
      </c>
      <c r="CO9" s="72">
        <v>5111</v>
      </c>
      <c r="CP9" s="244"/>
      <c r="CQ9" s="71">
        <v>5011</v>
      </c>
      <c r="CR9" s="71">
        <v>4110</v>
      </c>
      <c r="CS9" s="71">
        <v>2940</v>
      </c>
      <c r="CT9" s="71">
        <v>2592</v>
      </c>
      <c r="CU9" s="71">
        <v>1813</v>
      </c>
      <c r="CV9" s="72">
        <v>16466</v>
      </c>
      <c r="CW9" s="73">
        <v>21577</v>
      </c>
      <c r="CX9" s="123">
        <v>5119</v>
      </c>
      <c r="CY9" s="82">
        <v>5399</v>
      </c>
      <c r="CZ9" s="83">
        <v>10518</v>
      </c>
      <c r="DA9" s="241"/>
      <c r="DB9" s="82">
        <v>8554</v>
      </c>
      <c r="DC9" s="82">
        <v>6602</v>
      </c>
      <c r="DD9" s="82">
        <v>5326</v>
      </c>
      <c r="DE9" s="82">
        <v>5409</v>
      </c>
      <c r="DF9" s="82">
        <v>3663</v>
      </c>
      <c r="DG9" s="84">
        <v>29554</v>
      </c>
      <c r="DH9" s="85">
        <v>40072</v>
      </c>
      <c r="DI9" s="70">
        <v>125</v>
      </c>
      <c r="DJ9" s="71">
        <v>117</v>
      </c>
      <c r="DK9" s="72">
        <v>242</v>
      </c>
      <c r="DL9" s="244"/>
      <c r="DM9" s="71">
        <v>156</v>
      </c>
      <c r="DN9" s="71">
        <v>119</v>
      </c>
      <c r="DO9" s="71">
        <v>109</v>
      </c>
      <c r="DP9" s="71">
        <v>103</v>
      </c>
      <c r="DQ9" s="71">
        <v>79</v>
      </c>
      <c r="DR9" s="72">
        <v>566</v>
      </c>
      <c r="DS9" s="73">
        <v>808</v>
      </c>
      <c r="DT9" s="70">
        <v>347</v>
      </c>
      <c r="DU9" s="71">
        <v>353</v>
      </c>
      <c r="DV9" s="72">
        <v>700</v>
      </c>
      <c r="DW9" s="244"/>
      <c r="DX9" s="71">
        <v>477</v>
      </c>
      <c r="DY9" s="71">
        <v>379</v>
      </c>
      <c r="DZ9" s="71">
        <v>255</v>
      </c>
      <c r="EA9" s="71">
        <v>273</v>
      </c>
      <c r="EB9" s="71">
        <v>175</v>
      </c>
      <c r="EC9" s="72">
        <v>1559</v>
      </c>
      <c r="ED9" s="73">
        <v>2259</v>
      </c>
      <c r="EE9" s="70">
        <v>762</v>
      </c>
      <c r="EF9" s="71">
        <v>833</v>
      </c>
      <c r="EG9" s="72">
        <v>1595</v>
      </c>
      <c r="EH9" s="244"/>
      <c r="EI9" s="71">
        <v>1052</v>
      </c>
      <c r="EJ9" s="71">
        <v>684</v>
      </c>
      <c r="EK9" s="71">
        <v>486</v>
      </c>
      <c r="EL9" s="71">
        <v>495</v>
      </c>
      <c r="EM9" s="71">
        <v>366</v>
      </c>
      <c r="EN9" s="72">
        <v>3083</v>
      </c>
      <c r="EO9" s="73">
        <v>4678</v>
      </c>
      <c r="EP9" s="70">
        <v>1585</v>
      </c>
      <c r="EQ9" s="71">
        <v>1440</v>
      </c>
      <c r="ER9" s="72">
        <v>3025</v>
      </c>
      <c r="ES9" s="244"/>
      <c r="ET9" s="71">
        <v>1972</v>
      </c>
      <c r="EU9" s="71">
        <v>1354</v>
      </c>
      <c r="EV9" s="71">
        <v>950</v>
      </c>
      <c r="EW9" s="71">
        <v>883</v>
      </c>
      <c r="EX9" s="71">
        <v>629</v>
      </c>
      <c r="EY9" s="72">
        <v>5788</v>
      </c>
      <c r="EZ9" s="73">
        <v>8813</v>
      </c>
      <c r="FA9" s="70">
        <v>1513</v>
      </c>
      <c r="FB9" s="71">
        <v>1615</v>
      </c>
      <c r="FC9" s="72">
        <v>3128</v>
      </c>
      <c r="FD9" s="244"/>
      <c r="FE9" s="71">
        <v>2630</v>
      </c>
      <c r="FF9" s="71">
        <v>1963</v>
      </c>
      <c r="FG9" s="71">
        <v>1484</v>
      </c>
      <c r="FH9" s="71">
        <v>1374</v>
      </c>
      <c r="FI9" s="71">
        <v>980</v>
      </c>
      <c r="FJ9" s="72">
        <v>8431</v>
      </c>
      <c r="FK9" s="73">
        <v>11559</v>
      </c>
      <c r="FL9" s="70">
        <v>787</v>
      </c>
      <c r="FM9" s="71">
        <v>1041</v>
      </c>
      <c r="FN9" s="72">
        <v>1828</v>
      </c>
      <c r="FO9" s="244"/>
      <c r="FP9" s="71">
        <v>2267</v>
      </c>
      <c r="FQ9" s="71">
        <v>2103</v>
      </c>
      <c r="FR9" s="71">
        <v>2042</v>
      </c>
      <c r="FS9" s="71">
        <v>2281</v>
      </c>
      <c r="FT9" s="71">
        <v>1434</v>
      </c>
      <c r="FU9" s="72">
        <v>10127</v>
      </c>
      <c r="FV9" s="73">
        <v>11955</v>
      </c>
      <c r="FW9" s="70">
        <v>51</v>
      </c>
      <c r="FX9" s="71">
        <v>86</v>
      </c>
      <c r="FY9" s="72">
        <v>137</v>
      </c>
      <c r="FZ9" s="244"/>
      <c r="GA9" s="71">
        <v>139</v>
      </c>
      <c r="GB9" s="71">
        <v>125</v>
      </c>
      <c r="GC9" s="71">
        <v>102</v>
      </c>
      <c r="GD9" s="71">
        <v>104</v>
      </c>
      <c r="GE9" s="71">
        <v>95</v>
      </c>
      <c r="GF9" s="72">
        <v>565</v>
      </c>
      <c r="GG9" s="73">
        <v>702</v>
      </c>
      <c r="GH9" s="70">
        <v>5170</v>
      </c>
      <c r="GI9" s="71">
        <v>5485</v>
      </c>
      <c r="GJ9" s="72">
        <v>10655</v>
      </c>
      <c r="GK9" s="244"/>
      <c r="GL9" s="71">
        <v>8693</v>
      </c>
      <c r="GM9" s="71">
        <v>6727</v>
      </c>
      <c r="GN9" s="71">
        <v>5428</v>
      </c>
      <c r="GO9" s="71">
        <v>5513</v>
      </c>
      <c r="GP9" s="71">
        <v>3758</v>
      </c>
      <c r="GQ9" s="72">
        <v>30119</v>
      </c>
      <c r="GR9" s="73">
        <v>40774</v>
      </c>
      <c r="GS9" s="123">
        <v>7723</v>
      </c>
      <c r="GT9" s="82">
        <v>7732</v>
      </c>
      <c r="GU9" s="83">
        <v>15455</v>
      </c>
      <c r="GV9" s="241"/>
      <c r="GW9" s="82">
        <v>13401</v>
      </c>
      <c r="GX9" s="82">
        <v>10528</v>
      </c>
      <c r="GY9" s="82">
        <v>8157</v>
      </c>
      <c r="GZ9" s="82">
        <v>7868</v>
      </c>
      <c r="HA9" s="82">
        <v>5356</v>
      </c>
      <c r="HB9" s="84">
        <v>45310</v>
      </c>
      <c r="HC9" s="85">
        <v>60765</v>
      </c>
      <c r="HD9" s="70">
        <v>268</v>
      </c>
      <c r="HE9" s="71">
        <v>265</v>
      </c>
      <c r="HF9" s="72">
        <v>533</v>
      </c>
      <c r="HG9" s="244"/>
      <c r="HH9" s="71">
        <v>417</v>
      </c>
      <c r="HI9" s="71">
        <v>349</v>
      </c>
      <c r="HJ9" s="71">
        <v>264</v>
      </c>
      <c r="HK9" s="71">
        <v>238</v>
      </c>
      <c r="HL9" s="71">
        <v>207</v>
      </c>
      <c r="HM9" s="72">
        <v>1475</v>
      </c>
      <c r="HN9" s="73">
        <v>2008</v>
      </c>
      <c r="HO9" s="70">
        <v>644</v>
      </c>
      <c r="HP9" s="71">
        <v>625</v>
      </c>
      <c r="HQ9" s="72">
        <v>1269</v>
      </c>
      <c r="HR9" s="244"/>
      <c r="HS9" s="71">
        <v>1003</v>
      </c>
      <c r="HT9" s="71">
        <v>870</v>
      </c>
      <c r="HU9" s="71">
        <v>610</v>
      </c>
      <c r="HV9" s="71">
        <v>564</v>
      </c>
      <c r="HW9" s="71">
        <v>411</v>
      </c>
      <c r="HX9" s="72">
        <v>3458</v>
      </c>
      <c r="HY9" s="73">
        <v>4727</v>
      </c>
      <c r="HZ9" s="70">
        <v>1181</v>
      </c>
      <c r="IA9" s="71">
        <v>1237</v>
      </c>
      <c r="IB9" s="72">
        <v>2418</v>
      </c>
      <c r="IC9" s="244"/>
      <c r="ID9" s="71">
        <v>1873</v>
      </c>
      <c r="IE9" s="71">
        <v>1387</v>
      </c>
      <c r="IF9" s="71">
        <v>953</v>
      </c>
      <c r="IG9" s="71">
        <v>941</v>
      </c>
      <c r="IH9" s="71">
        <v>690</v>
      </c>
      <c r="II9" s="72">
        <v>5844</v>
      </c>
      <c r="IJ9" s="73">
        <v>8262</v>
      </c>
      <c r="IK9" s="70">
        <v>2205</v>
      </c>
      <c r="IL9" s="71">
        <v>1986</v>
      </c>
      <c r="IM9" s="72">
        <v>4191</v>
      </c>
      <c r="IN9" s="244"/>
      <c r="IO9" s="71">
        <v>3143</v>
      </c>
      <c r="IP9" s="71">
        <v>2264</v>
      </c>
      <c r="IQ9" s="71">
        <v>1619</v>
      </c>
      <c r="IR9" s="71">
        <v>1390</v>
      </c>
      <c r="IS9" s="71">
        <v>1009</v>
      </c>
      <c r="IT9" s="72">
        <v>9425</v>
      </c>
      <c r="IU9" s="73">
        <v>13616</v>
      </c>
      <c r="IV9" s="70">
        <v>2215</v>
      </c>
      <c r="IW9" s="71">
        <v>2184</v>
      </c>
      <c r="IX9" s="72">
        <v>4399</v>
      </c>
      <c r="IY9" s="244"/>
      <c r="IZ9" s="71">
        <v>3842</v>
      </c>
      <c r="JA9" s="71">
        <v>2870</v>
      </c>
      <c r="JB9" s="71">
        <v>2121</v>
      </c>
      <c r="JC9" s="71">
        <v>1945</v>
      </c>
      <c r="JD9" s="71">
        <v>1345</v>
      </c>
      <c r="JE9" s="72">
        <v>12123</v>
      </c>
      <c r="JF9" s="73">
        <v>16522</v>
      </c>
      <c r="JG9" s="70">
        <v>1210</v>
      </c>
      <c r="JH9" s="71">
        <v>1435</v>
      </c>
      <c r="JI9" s="72">
        <v>2645</v>
      </c>
      <c r="JJ9" s="244"/>
      <c r="JK9" s="71">
        <v>3123</v>
      </c>
      <c r="JL9" s="71">
        <v>2788</v>
      </c>
      <c r="JM9" s="71">
        <v>2590</v>
      </c>
      <c r="JN9" s="71">
        <v>2790</v>
      </c>
      <c r="JO9" s="71">
        <v>1694</v>
      </c>
      <c r="JP9" s="72">
        <v>12985</v>
      </c>
      <c r="JQ9" s="73">
        <v>15630</v>
      </c>
      <c r="JR9" s="70">
        <v>132</v>
      </c>
      <c r="JS9" s="71">
        <v>179</v>
      </c>
      <c r="JT9" s="72">
        <v>311</v>
      </c>
      <c r="JU9" s="244"/>
      <c r="JV9" s="71">
        <v>303</v>
      </c>
      <c r="JW9" s="71">
        <v>309</v>
      </c>
      <c r="JX9" s="71">
        <v>211</v>
      </c>
      <c r="JY9" s="71">
        <v>237</v>
      </c>
      <c r="JZ9" s="71">
        <v>215</v>
      </c>
      <c r="KA9" s="72">
        <v>1275</v>
      </c>
      <c r="KB9" s="73">
        <v>1586</v>
      </c>
      <c r="KC9" s="70">
        <v>7855</v>
      </c>
      <c r="KD9" s="71">
        <v>7911</v>
      </c>
      <c r="KE9" s="72">
        <v>15766</v>
      </c>
      <c r="KF9" s="244"/>
      <c r="KG9" s="71">
        <v>13704</v>
      </c>
      <c r="KH9" s="71">
        <v>10837</v>
      </c>
      <c r="KI9" s="71">
        <v>8368</v>
      </c>
      <c r="KJ9" s="71">
        <v>8105</v>
      </c>
      <c r="KK9" s="71">
        <v>5571</v>
      </c>
      <c r="KL9" s="72">
        <v>46585</v>
      </c>
      <c r="KM9" s="73">
        <v>62351</v>
      </c>
    </row>
    <row r="10" spans="2:299" ht="21" customHeight="1" x14ac:dyDescent="0.2">
      <c r="B10" s="126" t="s">
        <v>14</v>
      </c>
      <c r="C10" s="313">
        <v>1515</v>
      </c>
      <c r="D10" s="82">
        <v>1883</v>
      </c>
      <c r="E10" s="83">
        <v>3398</v>
      </c>
      <c r="F10" s="241"/>
      <c r="G10" s="82">
        <v>2253</v>
      </c>
      <c r="H10" s="82">
        <v>2519</v>
      </c>
      <c r="I10" s="82">
        <v>1882</v>
      </c>
      <c r="J10" s="82">
        <v>1487</v>
      </c>
      <c r="K10" s="82">
        <v>901</v>
      </c>
      <c r="L10" s="84">
        <v>9042</v>
      </c>
      <c r="M10" s="85">
        <v>12440</v>
      </c>
      <c r="N10" s="70">
        <v>66</v>
      </c>
      <c r="O10" s="71">
        <v>93</v>
      </c>
      <c r="P10" s="72">
        <v>159</v>
      </c>
      <c r="Q10" s="244"/>
      <c r="R10" s="71">
        <v>86</v>
      </c>
      <c r="S10" s="71">
        <v>131</v>
      </c>
      <c r="T10" s="71">
        <v>89</v>
      </c>
      <c r="U10" s="71">
        <v>80</v>
      </c>
      <c r="V10" s="71">
        <v>82</v>
      </c>
      <c r="W10" s="72">
        <v>468</v>
      </c>
      <c r="X10" s="73">
        <v>627</v>
      </c>
      <c r="Y10" s="70">
        <v>161</v>
      </c>
      <c r="Z10" s="71">
        <v>279</v>
      </c>
      <c r="AA10" s="72">
        <v>440</v>
      </c>
      <c r="AB10" s="244"/>
      <c r="AC10" s="71">
        <v>200</v>
      </c>
      <c r="AD10" s="71">
        <v>273</v>
      </c>
      <c r="AE10" s="71">
        <v>220</v>
      </c>
      <c r="AF10" s="71">
        <v>177</v>
      </c>
      <c r="AG10" s="71">
        <v>119</v>
      </c>
      <c r="AH10" s="72">
        <v>989</v>
      </c>
      <c r="AI10" s="73">
        <v>1429</v>
      </c>
      <c r="AJ10" s="70">
        <v>248</v>
      </c>
      <c r="AK10" s="71">
        <v>346</v>
      </c>
      <c r="AL10" s="72">
        <v>594</v>
      </c>
      <c r="AM10" s="244"/>
      <c r="AN10" s="71">
        <v>391</v>
      </c>
      <c r="AO10" s="71">
        <v>433</v>
      </c>
      <c r="AP10" s="71">
        <v>302</v>
      </c>
      <c r="AQ10" s="71">
        <v>259</v>
      </c>
      <c r="AR10" s="71">
        <v>160</v>
      </c>
      <c r="AS10" s="72">
        <v>1545</v>
      </c>
      <c r="AT10" s="73">
        <v>2139</v>
      </c>
      <c r="AU10" s="70">
        <v>441</v>
      </c>
      <c r="AV10" s="71">
        <v>510</v>
      </c>
      <c r="AW10" s="72">
        <v>951</v>
      </c>
      <c r="AX10" s="244"/>
      <c r="AY10" s="71">
        <v>620</v>
      </c>
      <c r="AZ10" s="71">
        <v>633</v>
      </c>
      <c r="BA10" s="71">
        <v>451</v>
      </c>
      <c r="BB10" s="71">
        <v>365</v>
      </c>
      <c r="BC10" s="71">
        <v>228</v>
      </c>
      <c r="BD10" s="72">
        <v>2297</v>
      </c>
      <c r="BE10" s="73">
        <v>3248</v>
      </c>
      <c r="BF10" s="70">
        <v>397</v>
      </c>
      <c r="BG10" s="71">
        <v>419</v>
      </c>
      <c r="BH10" s="72">
        <v>816</v>
      </c>
      <c r="BI10" s="244"/>
      <c r="BJ10" s="71">
        <v>597</v>
      </c>
      <c r="BK10" s="71">
        <v>622</v>
      </c>
      <c r="BL10" s="71">
        <v>478</v>
      </c>
      <c r="BM10" s="71">
        <v>352</v>
      </c>
      <c r="BN10" s="71">
        <v>190</v>
      </c>
      <c r="BO10" s="72">
        <v>2239</v>
      </c>
      <c r="BP10" s="73">
        <v>3055</v>
      </c>
      <c r="BQ10" s="70">
        <v>202</v>
      </c>
      <c r="BR10" s="71">
        <v>236</v>
      </c>
      <c r="BS10" s="72">
        <v>438</v>
      </c>
      <c r="BT10" s="244"/>
      <c r="BU10" s="71">
        <v>359</v>
      </c>
      <c r="BV10" s="71">
        <v>427</v>
      </c>
      <c r="BW10" s="71">
        <v>342</v>
      </c>
      <c r="BX10" s="71">
        <v>254</v>
      </c>
      <c r="BY10" s="71">
        <v>122</v>
      </c>
      <c r="BZ10" s="72">
        <v>1504</v>
      </c>
      <c r="CA10" s="73">
        <v>1942</v>
      </c>
      <c r="CB10" s="70">
        <v>38</v>
      </c>
      <c r="CC10" s="71">
        <v>91</v>
      </c>
      <c r="CD10" s="72">
        <v>129</v>
      </c>
      <c r="CE10" s="244"/>
      <c r="CF10" s="71">
        <v>39</v>
      </c>
      <c r="CG10" s="71">
        <v>109</v>
      </c>
      <c r="CH10" s="71">
        <v>68</v>
      </c>
      <c r="CI10" s="71">
        <v>78</v>
      </c>
      <c r="CJ10" s="71">
        <v>53</v>
      </c>
      <c r="CK10" s="72">
        <v>347</v>
      </c>
      <c r="CL10" s="73">
        <v>476</v>
      </c>
      <c r="CM10" s="70">
        <v>1553</v>
      </c>
      <c r="CN10" s="71">
        <v>1974</v>
      </c>
      <c r="CO10" s="72">
        <v>3527</v>
      </c>
      <c r="CP10" s="244"/>
      <c r="CQ10" s="71">
        <v>2292</v>
      </c>
      <c r="CR10" s="71">
        <v>2628</v>
      </c>
      <c r="CS10" s="71">
        <v>1950</v>
      </c>
      <c r="CT10" s="71">
        <v>1565</v>
      </c>
      <c r="CU10" s="71">
        <v>954</v>
      </c>
      <c r="CV10" s="72">
        <v>9389</v>
      </c>
      <c r="CW10" s="73">
        <v>12916</v>
      </c>
      <c r="CX10" s="123">
        <v>2910</v>
      </c>
      <c r="CY10" s="82">
        <v>4081</v>
      </c>
      <c r="CZ10" s="83">
        <v>6991</v>
      </c>
      <c r="DA10" s="241"/>
      <c r="DB10" s="82">
        <v>3730</v>
      </c>
      <c r="DC10" s="82">
        <v>4148</v>
      </c>
      <c r="DD10" s="82">
        <v>3216</v>
      </c>
      <c r="DE10" s="82">
        <v>3084</v>
      </c>
      <c r="DF10" s="82">
        <v>1931</v>
      </c>
      <c r="DG10" s="84">
        <v>16109</v>
      </c>
      <c r="DH10" s="85">
        <v>23100</v>
      </c>
      <c r="DI10" s="70">
        <v>71</v>
      </c>
      <c r="DJ10" s="71">
        <v>95</v>
      </c>
      <c r="DK10" s="72">
        <v>166</v>
      </c>
      <c r="DL10" s="244"/>
      <c r="DM10" s="71">
        <v>57</v>
      </c>
      <c r="DN10" s="71">
        <v>104</v>
      </c>
      <c r="DO10" s="71">
        <v>69</v>
      </c>
      <c r="DP10" s="71">
        <v>51</v>
      </c>
      <c r="DQ10" s="71">
        <v>42</v>
      </c>
      <c r="DR10" s="72">
        <v>323</v>
      </c>
      <c r="DS10" s="73">
        <v>489</v>
      </c>
      <c r="DT10" s="70">
        <v>223</v>
      </c>
      <c r="DU10" s="71">
        <v>358</v>
      </c>
      <c r="DV10" s="72">
        <v>581</v>
      </c>
      <c r="DW10" s="244"/>
      <c r="DX10" s="71">
        <v>203</v>
      </c>
      <c r="DY10" s="71">
        <v>290</v>
      </c>
      <c r="DZ10" s="71">
        <v>163</v>
      </c>
      <c r="EA10" s="71">
        <v>152</v>
      </c>
      <c r="EB10" s="71">
        <v>132</v>
      </c>
      <c r="EC10" s="72">
        <v>940</v>
      </c>
      <c r="ED10" s="73">
        <v>1521</v>
      </c>
      <c r="EE10" s="70">
        <v>576</v>
      </c>
      <c r="EF10" s="71">
        <v>691</v>
      </c>
      <c r="EG10" s="72">
        <v>1267</v>
      </c>
      <c r="EH10" s="244"/>
      <c r="EI10" s="71">
        <v>517</v>
      </c>
      <c r="EJ10" s="71">
        <v>539</v>
      </c>
      <c r="EK10" s="71">
        <v>346</v>
      </c>
      <c r="EL10" s="71">
        <v>322</v>
      </c>
      <c r="EM10" s="71">
        <v>251</v>
      </c>
      <c r="EN10" s="72">
        <v>1975</v>
      </c>
      <c r="EO10" s="73">
        <v>3242</v>
      </c>
      <c r="EP10" s="70">
        <v>882</v>
      </c>
      <c r="EQ10" s="71">
        <v>1189</v>
      </c>
      <c r="ER10" s="72">
        <v>2071</v>
      </c>
      <c r="ES10" s="244"/>
      <c r="ET10" s="71">
        <v>1013</v>
      </c>
      <c r="EU10" s="71">
        <v>954</v>
      </c>
      <c r="EV10" s="71">
        <v>713</v>
      </c>
      <c r="EW10" s="71">
        <v>554</v>
      </c>
      <c r="EX10" s="71">
        <v>382</v>
      </c>
      <c r="EY10" s="72">
        <v>3616</v>
      </c>
      <c r="EZ10" s="73">
        <v>5687</v>
      </c>
      <c r="FA10" s="70">
        <v>776</v>
      </c>
      <c r="FB10" s="71">
        <v>1116</v>
      </c>
      <c r="FC10" s="72">
        <v>1892</v>
      </c>
      <c r="FD10" s="244"/>
      <c r="FE10" s="71">
        <v>1111</v>
      </c>
      <c r="FF10" s="71">
        <v>1138</v>
      </c>
      <c r="FG10" s="71">
        <v>829</v>
      </c>
      <c r="FH10" s="71">
        <v>797</v>
      </c>
      <c r="FI10" s="71">
        <v>487</v>
      </c>
      <c r="FJ10" s="72">
        <v>4362</v>
      </c>
      <c r="FK10" s="73">
        <v>6254</v>
      </c>
      <c r="FL10" s="70">
        <v>382</v>
      </c>
      <c r="FM10" s="71">
        <v>632</v>
      </c>
      <c r="FN10" s="72">
        <v>1014</v>
      </c>
      <c r="FO10" s="244"/>
      <c r="FP10" s="71">
        <v>829</v>
      </c>
      <c r="FQ10" s="71">
        <v>1123</v>
      </c>
      <c r="FR10" s="71">
        <v>1096</v>
      </c>
      <c r="FS10" s="71">
        <v>1208</v>
      </c>
      <c r="FT10" s="71">
        <v>637</v>
      </c>
      <c r="FU10" s="72">
        <v>4893</v>
      </c>
      <c r="FV10" s="73">
        <v>5907</v>
      </c>
      <c r="FW10" s="70">
        <v>22</v>
      </c>
      <c r="FX10" s="71">
        <v>78</v>
      </c>
      <c r="FY10" s="72">
        <v>100</v>
      </c>
      <c r="FZ10" s="244"/>
      <c r="GA10" s="71">
        <v>43</v>
      </c>
      <c r="GB10" s="71">
        <v>91</v>
      </c>
      <c r="GC10" s="71">
        <v>37</v>
      </c>
      <c r="GD10" s="71">
        <v>50</v>
      </c>
      <c r="GE10" s="71">
        <v>56</v>
      </c>
      <c r="GF10" s="72">
        <v>277</v>
      </c>
      <c r="GG10" s="73">
        <v>377</v>
      </c>
      <c r="GH10" s="70">
        <v>2932</v>
      </c>
      <c r="GI10" s="71">
        <v>4159</v>
      </c>
      <c r="GJ10" s="72">
        <v>7091</v>
      </c>
      <c r="GK10" s="244"/>
      <c r="GL10" s="71">
        <v>3773</v>
      </c>
      <c r="GM10" s="71">
        <v>4239</v>
      </c>
      <c r="GN10" s="71">
        <v>3253</v>
      </c>
      <c r="GO10" s="71">
        <v>3134</v>
      </c>
      <c r="GP10" s="71">
        <v>1987</v>
      </c>
      <c r="GQ10" s="72">
        <v>16386</v>
      </c>
      <c r="GR10" s="73">
        <v>23477</v>
      </c>
      <c r="GS10" s="123">
        <v>4425</v>
      </c>
      <c r="GT10" s="82">
        <v>5964</v>
      </c>
      <c r="GU10" s="83">
        <v>10389</v>
      </c>
      <c r="GV10" s="241"/>
      <c r="GW10" s="82">
        <v>5983</v>
      </c>
      <c r="GX10" s="82">
        <v>6667</v>
      </c>
      <c r="GY10" s="82">
        <v>5098</v>
      </c>
      <c r="GZ10" s="82">
        <v>4571</v>
      </c>
      <c r="HA10" s="82">
        <v>2832</v>
      </c>
      <c r="HB10" s="84">
        <v>25151</v>
      </c>
      <c r="HC10" s="85">
        <v>35540</v>
      </c>
      <c r="HD10" s="70">
        <v>137</v>
      </c>
      <c r="HE10" s="71">
        <v>188</v>
      </c>
      <c r="HF10" s="72">
        <v>325</v>
      </c>
      <c r="HG10" s="244"/>
      <c r="HH10" s="71">
        <v>143</v>
      </c>
      <c r="HI10" s="71">
        <v>235</v>
      </c>
      <c r="HJ10" s="71">
        <v>158</v>
      </c>
      <c r="HK10" s="71">
        <v>131</v>
      </c>
      <c r="HL10" s="71">
        <v>124</v>
      </c>
      <c r="HM10" s="72">
        <v>791</v>
      </c>
      <c r="HN10" s="73">
        <v>1116</v>
      </c>
      <c r="HO10" s="70">
        <v>384</v>
      </c>
      <c r="HP10" s="71">
        <v>637</v>
      </c>
      <c r="HQ10" s="72">
        <v>1021</v>
      </c>
      <c r="HR10" s="244"/>
      <c r="HS10" s="71">
        <v>403</v>
      </c>
      <c r="HT10" s="71">
        <v>563</v>
      </c>
      <c r="HU10" s="71">
        <v>383</v>
      </c>
      <c r="HV10" s="71">
        <v>329</v>
      </c>
      <c r="HW10" s="71">
        <v>251</v>
      </c>
      <c r="HX10" s="72">
        <v>1929</v>
      </c>
      <c r="HY10" s="73">
        <v>2950</v>
      </c>
      <c r="HZ10" s="70">
        <v>824</v>
      </c>
      <c r="IA10" s="71">
        <v>1037</v>
      </c>
      <c r="IB10" s="72">
        <v>1861</v>
      </c>
      <c r="IC10" s="244"/>
      <c r="ID10" s="71">
        <v>908</v>
      </c>
      <c r="IE10" s="71">
        <v>972</v>
      </c>
      <c r="IF10" s="71">
        <v>648</v>
      </c>
      <c r="IG10" s="71">
        <v>581</v>
      </c>
      <c r="IH10" s="71">
        <v>411</v>
      </c>
      <c r="II10" s="72">
        <v>3520</v>
      </c>
      <c r="IJ10" s="73">
        <v>5381</v>
      </c>
      <c r="IK10" s="70">
        <v>1323</v>
      </c>
      <c r="IL10" s="71">
        <v>1699</v>
      </c>
      <c r="IM10" s="72">
        <v>3022</v>
      </c>
      <c r="IN10" s="244"/>
      <c r="IO10" s="71">
        <v>1633</v>
      </c>
      <c r="IP10" s="71">
        <v>1587</v>
      </c>
      <c r="IQ10" s="71">
        <v>1164</v>
      </c>
      <c r="IR10" s="71">
        <v>919</v>
      </c>
      <c r="IS10" s="71">
        <v>610</v>
      </c>
      <c r="IT10" s="72">
        <v>5913</v>
      </c>
      <c r="IU10" s="73">
        <v>8935</v>
      </c>
      <c r="IV10" s="70">
        <v>1173</v>
      </c>
      <c r="IW10" s="71">
        <v>1535</v>
      </c>
      <c r="IX10" s="72">
        <v>2708</v>
      </c>
      <c r="IY10" s="244"/>
      <c r="IZ10" s="71">
        <v>1708</v>
      </c>
      <c r="JA10" s="71">
        <v>1760</v>
      </c>
      <c r="JB10" s="71">
        <v>1307</v>
      </c>
      <c r="JC10" s="71">
        <v>1149</v>
      </c>
      <c r="JD10" s="71">
        <v>677</v>
      </c>
      <c r="JE10" s="72">
        <v>6601</v>
      </c>
      <c r="JF10" s="73">
        <v>9309</v>
      </c>
      <c r="JG10" s="70">
        <v>584</v>
      </c>
      <c r="JH10" s="71">
        <v>868</v>
      </c>
      <c r="JI10" s="72">
        <v>1452</v>
      </c>
      <c r="JJ10" s="244"/>
      <c r="JK10" s="71">
        <v>1188</v>
      </c>
      <c r="JL10" s="71">
        <v>1550</v>
      </c>
      <c r="JM10" s="71">
        <v>1438</v>
      </c>
      <c r="JN10" s="71">
        <v>1462</v>
      </c>
      <c r="JO10" s="71">
        <v>759</v>
      </c>
      <c r="JP10" s="72">
        <v>6397</v>
      </c>
      <c r="JQ10" s="73">
        <v>7849</v>
      </c>
      <c r="JR10" s="70">
        <v>60</v>
      </c>
      <c r="JS10" s="71">
        <v>169</v>
      </c>
      <c r="JT10" s="72">
        <v>229</v>
      </c>
      <c r="JU10" s="244"/>
      <c r="JV10" s="71">
        <v>82</v>
      </c>
      <c r="JW10" s="71">
        <v>200</v>
      </c>
      <c r="JX10" s="71">
        <v>105</v>
      </c>
      <c r="JY10" s="71">
        <v>128</v>
      </c>
      <c r="JZ10" s="71">
        <v>109</v>
      </c>
      <c r="KA10" s="72">
        <v>624</v>
      </c>
      <c r="KB10" s="73">
        <v>853</v>
      </c>
      <c r="KC10" s="70">
        <v>4485</v>
      </c>
      <c r="KD10" s="71">
        <v>6133</v>
      </c>
      <c r="KE10" s="72">
        <v>10618</v>
      </c>
      <c r="KF10" s="244"/>
      <c r="KG10" s="71">
        <v>6065</v>
      </c>
      <c r="KH10" s="71">
        <v>6867</v>
      </c>
      <c r="KI10" s="71">
        <v>5203</v>
      </c>
      <c r="KJ10" s="71">
        <v>4699</v>
      </c>
      <c r="KK10" s="71">
        <v>2941</v>
      </c>
      <c r="KL10" s="72">
        <v>25775</v>
      </c>
      <c r="KM10" s="73">
        <v>36393</v>
      </c>
    </row>
    <row r="11" spans="2:299" ht="21" customHeight="1" x14ac:dyDescent="0.2">
      <c r="B11" s="126" t="s">
        <v>7</v>
      </c>
      <c r="C11" s="313">
        <v>971</v>
      </c>
      <c r="D11" s="82">
        <v>763</v>
      </c>
      <c r="E11" s="83">
        <v>1734</v>
      </c>
      <c r="F11" s="241"/>
      <c r="G11" s="82">
        <v>2319</v>
      </c>
      <c r="H11" s="82">
        <v>1536</v>
      </c>
      <c r="I11" s="82">
        <v>956</v>
      </c>
      <c r="J11" s="82">
        <v>837</v>
      </c>
      <c r="K11" s="82">
        <v>440</v>
      </c>
      <c r="L11" s="84">
        <v>6088</v>
      </c>
      <c r="M11" s="85">
        <v>7822</v>
      </c>
      <c r="N11" s="70">
        <v>37</v>
      </c>
      <c r="O11" s="71">
        <v>22</v>
      </c>
      <c r="P11" s="72">
        <v>59</v>
      </c>
      <c r="Q11" s="244"/>
      <c r="R11" s="71">
        <v>100</v>
      </c>
      <c r="S11" s="71">
        <v>64</v>
      </c>
      <c r="T11" s="71">
        <v>43</v>
      </c>
      <c r="U11" s="71">
        <v>45</v>
      </c>
      <c r="V11" s="71">
        <v>33</v>
      </c>
      <c r="W11" s="72">
        <v>285</v>
      </c>
      <c r="X11" s="73">
        <v>344</v>
      </c>
      <c r="Y11" s="70">
        <v>88</v>
      </c>
      <c r="Z11" s="71">
        <v>88</v>
      </c>
      <c r="AA11" s="72">
        <v>176</v>
      </c>
      <c r="AB11" s="244"/>
      <c r="AC11" s="71">
        <v>233</v>
      </c>
      <c r="AD11" s="71">
        <v>169</v>
      </c>
      <c r="AE11" s="71">
        <v>103</v>
      </c>
      <c r="AF11" s="71">
        <v>83</v>
      </c>
      <c r="AG11" s="71">
        <v>70</v>
      </c>
      <c r="AH11" s="72">
        <v>658</v>
      </c>
      <c r="AI11" s="73">
        <v>834</v>
      </c>
      <c r="AJ11" s="70">
        <v>145</v>
      </c>
      <c r="AK11" s="71">
        <v>124</v>
      </c>
      <c r="AL11" s="72">
        <v>269</v>
      </c>
      <c r="AM11" s="244"/>
      <c r="AN11" s="71">
        <v>389</v>
      </c>
      <c r="AO11" s="71">
        <v>245</v>
      </c>
      <c r="AP11" s="71">
        <v>161</v>
      </c>
      <c r="AQ11" s="71">
        <v>133</v>
      </c>
      <c r="AR11" s="71">
        <v>75</v>
      </c>
      <c r="AS11" s="72">
        <v>1003</v>
      </c>
      <c r="AT11" s="73">
        <v>1272</v>
      </c>
      <c r="AU11" s="70">
        <v>247</v>
      </c>
      <c r="AV11" s="71">
        <v>170</v>
      </c>
      <c r="AW11" s="72">
        <v>417</v>
      </c>
      <c r="AX11" s="244"/>
      <c r="AY11" s="71">
        <v>563</v>
      </c>
      <c r="AZ11" s="71">
        <v>371</v>
      </c>
      <c r="BA11" s="71">
        <v>226</v>
      </c>
      <c r="BB11" s="71">
        <v>199</v>
      </c>
      <c r="BC11" s="71">
        <v>107</v>
      </c>
      <c r="BD11" s="72">
        <v>1466</v>
      </c>
      <c r="BE11" s="73">
        <v>1883</v>
      </c>
      <c r="BF11" s="70">
        <v>282</v>
      </c>
      <c r="BG11" s="71">
        <v>236</v>
      </c>
      <c r="BH11" s="72">
        <v>518</v>
      </c>
      <c r="BI11" s="244"/>
      <c r="BJ11" s="71">
        <v>609</v>
      </c>
      <c r="BK11" s="71">
        <v>385</v>
      </c>
      <c r="BL11" s="71">
        <v>235</v>
      </c>
      <c r="BM11" s="71">
        <v>207</v>
      </c>
      <c r="BN11" s="71">
        <v>95</v>
      </c>
      <c r="BO11" s="72">
        <v>1531</v>
      </c>
      <c r="BP11" s="73">
        <v>2049</v>
      </c>
      <c r="BQ11" s="70">
        <v>172</v>
      </c>
      <c r="BR11" s="71">
        <v>123</v>
      </c>
      <c r="BS11" s="72">
        <v>295</v>
      </c>
      <c r="BT11" s="244"/>
      <c r="BU11" s="71">
        <v>425</v>
      </c>
      <c r="BV11" s="71">
        <v>302</v>
      </c>
      <c r="BW11" s="71">
        <v>188</v>
      </c>
      <c r="BX11" s="71">
        <v>170</v>
      </c>
      <c r="BY11" s="71">
        <v>60</v>
      </c>
      <c r="BZ11" s="72">
        <v>1145</v>
      </c>
      <c r="CA11" s="73">
        <v>1440</v>
      </c>
      <c r="CB11" s="70">
        <v>13</v>
      </c>
      <c r="CC11" s="71">
        <v>16</v>
      </c>
      <c r="CD11" s="72">
        <v>29</v>
      </c>
      <c r="CE11" s="244"/>
      <c r="CF11" s="71">
        <v>64</v>
      </c>
      <c r="CG11" s="71">
        <v>63</v>
      </c>
      <c r="CH11" s="71">
        <v>36</v>
      </c>
      <c r="CI11" s="71">
        <v>40</v>
      </c>
      <c r="CJ11" s="71">
        <v>27</v>
      </c>
      <c r="CK11" s="72">
        <v>230</v>
      </c>
      <c r="CL11" s="73">
        <v>259</v>
      </c>
      <c r="CM11" s="70">
        <v>984</v>
      </c>
      <c r="CN11" s="71">
        <v>779</v>
      </c>
      <c r="CO11" s="72">
        <v>1763</v>
      </c>
      <c r="CP11" s="244"/>
      <c r="CQ11" s="71">
        <v>2383</v>
      </c>
      <c r="CR11" s="71">
        <v>1599</v>
      </c>
      <c r="CS11" s="71">
        <v>992</v>
      </c>
      <c r="CT11" s="71">
        <v>877</v>
      </c>
      <c r="CU11" s="71">
        <v>467</v>
      </c>
      <c r="CV11" s="72">
        <v>6318</v>
      </c>
      <c r="CW11" s="73">
        <v>8081</v>
      </c>
      <c r="CX11" s="123">
        <v>1916</v>
      </c>
      <c r="CY11" s="82">
        <v>1972</v>
      </c>
      <c r="CZ11" s="83">
        <v>3888</v>
      </c>
      <c r="DA11" s="241"/>
      <c r="DB11" s="82">
        <v>4353</v>
      </c>
      <c r="DC11" s="82">
        <v>2668</v>
      </c>
      <c r="DD11" s="82">
        <v>2044</v>
      </c>
      <c r="DE11" s="82">
        <v>2022</v>
      </c>
      <c r="DF11" s="82">
        <v>1175</v>
      </c>
      <c r="DG11" s="84">
        <v>12262</v>
      </c>
      <c r="DH11" s="85">
        <v>16150</v>
      </c>
      <c r="DI11" s="70">
        <v>38</v>
      </c>
      <c r="DJ11" s="71">
        <v>42</v>
      </c>
      <c r="DK11" s="72">
        <v>80</v>
      </c>
      <c r="DL11" s="244"/>
      <c r="DM11" s="71">
        <v>84</v>
      </c>
      <c r="DN11" s="71">
        <v>47</v>
      </c>
      <c r="DO11" s="71">
        <v>38</v>
      </c>
      <c r="DP11" s="71">
        <v>35</v>
      </c>
      <c r="DQ11" s="71">
        <v>41</v>
      </c>
      <c r="DR11" s="72">
        <v>245</v>
      </c>
      <c r="DS11" s="73">
        <v>325</v>
      </c>
      <c r="DT11" s="70">
        <v>134</v>
      </c>
      <c r="DU11" s="71">
        <v>109</v>
      </c>
      <c r="DV11" s="72">
        <v>243</v>
      </c>
      <c r="DW11" s="244"/>
      <c r="DX11" s="71">
        <v>249</v>
      </c>
      <c r="DY11" s="71">
        <v>164</v>
      </c>
      <c r="DZ11" s="71">
        <v>89</v>
      </c>
      <c r="EA11" s="71">
        <v>94</v>
      </c>
      <c r="EB11" s="71">
        <v>44</v>
      </c>
      <c r="EC11" s="72">
        <v>640</v>
      </c>
      <c r="ED11" s="73">
        <v>883</v>
      </c>
      <c r="EE11" s="70">
        <v>271</v>
      </c>
      <c r="EF11" s="71">
        <v>280</v>
      </c>
      <c r="EG11" s="72">
        <v>551</v>
      </c>
      <c r="EH11" s="244"/>
      <c r="EI11" s="71">
        <v>554</v>
      </c>
      <c r="EJ11" s="71">
        <v>310</v>
      </c>
      <c r="EK11" s="71">
        <v>203</v>
      </c>
      <c r="EL11" s="71">
        <v>195</v>
      </c>
      <c r="EM11" s="71">
        <v>134</v>
      </c>
      <c r="EN11" s="72">
        <v>1396</v>
      </c>
      <c r="EO11" s="73">
        <v>1947</v>
      </c>
      <c r="EP11" s="70">
        <v>590</v>
      </c>
      <c r="EQ11" s="71">
        <v>532</v>
      </c>
      <c r="ER11" s="72">
        <v>1122</v>
      </c>
      <c r="ES11" s="244"/>
      <c r="ET11" s="71">
        <v>1035</v>
      </c>
      <c r="EU11" s="71">
        <v>531</v>
      </c>
      <c r="EV11" s="71">
        <v>357</v>
      </c>
      <c r="EW11" s="71">
        <v>344</v>
      </c>
      <c r="EX11" s="71">
        <v>211</v>
      </c>
      <c r="EY11" s="72">
        <v>2478</v>
      </c>
      <c r="EZ11" s="73">
        <v>3600</v>
      </c>
      <c r="FA11" s="70">
        <v>560</v>
      </c>
      <c r="FB11" s="71">
        <v>618</v>
      </c>
      <c r="FC11" s="72">
        <v>1178</v>
      </c>
      <c r="FD11" s="244"/>
      <c r="FE11" s="71">
        <v>1277</v>
      </c>
      <c r="FF11" s="71">
        <v>715</v>
      </c>
      <c r="FG11" s="71">
        <v>553</v>
      </c>
      <c r="FH11" s="71">
        <v>519</v>
      </c>
      <c r="FI11" s="71">
        <v>307</v>
      </c>
      <c r="FJ11" s="72">
        <v>3371</v>
      </c>
      <c r="FK11" s="73">
        <v>4549</v>
      </c>
      <c r="FL11" s="70">
        <v>323</v>
      </c>
      <c r="FM11" s="71">
        <v>391</v>
      </c>
      <c r="FN11" s="72">
        <v>714</v>
      </c>
      <c r="FO11" s="244"/>
      <c r="FP11" s="71">
        <v>1154</v>
      </c>
      <c r="FQ11" s="71">
        <v>901</v>
      </c>
      <c r="FR11" s="71">
        <v>804</v>
      </c>
      <c r="FS11" s="71">
        <v>835</v>
      </c>
      <c r="FT11" s="71">
        <v>438</v>
      </c>
      <c r="FU11" s="72">
        <v>4132</v>
      </c>
      <c r="FV11" s="73">
        <v>4846</v>
      </c>
      <c r="FW11" s="70">
        <v>11</v>
      </c>
      <c r="FX11" s="71">
        <v>13</v>
      </c>
      <c r="FY11" s="72">
        <v>24</v>
      </c>
      <c r="FZ11" s="244"/>
      <c r="GA11" s="71">
        <v>73</v>
      </c>
      <c r="GB11" s="71">
        <v>57</v>
      </c>
      <c r="GC11" s="71">
        <v>33</v>
      </c>
      <c r="GD11" s="71">
        <v>24</v>
      </c>
      <c r="GE11" s="71">
        <v>28</v>
      </c>
      <c r="GF11" s="72">
        <v>215</v>
      </c>
      <c r="GG11" s="73">
        <v>239</v>
      </c>
      <c r="GH11" s="70">
        <v>1927</v>
      </c>
      <c r="GI11" s="71">
        <v>1985</v>
      </c>
      <c r="GJ11" s="72">
        <v>3912</v>
      </c>
      <c r="GK11" s="244"/>
      <c r="GL11" s="71">
        <v>4426</v>
      </c>
      <c r="GM11" s="71">
        <v>2725</v>
      </c>
      <c r="GN11" s="71">
        <v>2077</v>
      </c>
      <c r="GO11" s="71">
        <v>2046</v>
      </c>
      <c r="GP11" s="71">
        <v>1203</v>
      </c>
      <c r="GQ11" s="72">
        <v>12477</v>
      </c>
      <c r="GR11" s="73">
        <v>16389</v>
      </c>
      <c r="GS11" s="123">
        <v>2887</v>
      </c>
      <c r="GT11" s="82">
        <v>2735</v>
      </c>
      <c r="GU11" s="83">
        <v>5622</v>
      </c>
      <c r="GV11" s="241"/>
      <c r="GW11" s="82">
        <v>6672</v>
      </c>
      <c r="GX11" s="82">
        <v>4204</v>
      </c>
      <c r="GY11" s="82">
        <v>3000</v>
      </c>
      <c r="GZ11" s="82">
        <v>2859</v>
      </c>
      <c r="HA11" s="82">
        <v>1615</v>
      </c>
      <c r="HB11" s="84">
        <v>18350</v>
      </c>
      <c r="HC11" s="85">
        <v>23972</v>
      </c>
      <c r="HD11" s="70">
        <v>75</v>
      </c>
      <c r="HE11" s="71">
        <v>64</v>
      </c>
      <c r="HF11" s="72">
        <v>139</v>
      </c>
      <c r="HG11" s="244"/>
      <c r="HH11" s="71">
        <v>184</v>
      </c>
      <c r="HI11" s="71">
        <v>111</v>
      </c>
      <c r="HJ11" s="71">
        <v>81</v>
      </c>
      <c r="HK11" s="71">
        <v>80</v>
      </c>
      <c r="HL11" s="71">
        <v>74</v>
      </c>
      <c r="HM11" s="72">
        <v>530</v>
      </c>
      <c r="HN11" s="73">
        <v>669</v>
      </c>
      <c r="HO11" s="70">
        <v>222</v>
      </c>
      <c r="HP11" s="71">
        <v>197</v>
      </c>
      <c r="HQ11" s="72">
        <v>419</v>
      </c>
      <c r="HR11" s="244"/>
      <c r="HS11" s="71">
        <v>482</v>
      </c>
      <c r="HT11" s="71">
        <v>333</v>
      </c>
      <c r="HU11" s="71">
        <v>192</v>
      </c>
      <c r="HV11" s="71">
        <v>177</v>
      </c>
      <c r="HW11" s="71">
        <v>114</v>
      </c>
      <c r="HX11" s="72">
        <v>1298</v>
      </c>
      <c r="HY11" s="73">
        <v>1717</v>
      </c>
      <c r="HZ11" s="70">
        <v>416</v>
      </c>
      <c r="IA11" s="71">
        <v>404</v>
      </c>
      <c r="IB11" s="72">
        <v>820</v>
      </c>
      <c r="IC11" s="244"/>
      <c r="ID11" s="71">
        <v>943</v>
      </c>
      <c r="IE11" s="71">
        <v>555</v>
      </c>
      <c r="IF11" s="71">
        <v>364</v>
      </c>
      <c r="IG11" s="71">
        <v>328</v>
      </c>
      <c r="IH11" s="71">
        <v>209</v>
      </c>
      <c r="II11" s="72">
        <v>2399</v>
      </c>
      <c r="IJ11" s="73">
        <v>3219</v>
      </c>
      <c r="IK11" s="70">
        <v>837</v>
      </c>
      <c r="IL11" s="71">
        <v>702</v>
      </c>
      <c r="IM11" s="72">
        <v>1539</v>
      </c>
      <c r="IN11" s="244"/>
      <c r="IO11" s="71">
        <v>1598</v>
      </c>
      <c r="IP11" s="71">
        <v>902</v>
      </c>
      <c r="IQ11" s="71">
        <v>583</v>
      </c>
      <c r="IR11" s="71">
        <v>543</v>
      </c>
      <c r="IS11" s="71">
        <v>318</v>
      </c>
      <c r="IT11" s="72">
        <v>3944</v>
      </c>
      <c r="IU11" s="73">
        <v>5483</v>
      </c>
      <c r="IV11" s="70">
        <v>842</v>
      </c>
      <c r="IW11" s="71">
        <v>854</v>
      </c>
      <c r="IX11" s="72">
        <v>1696</v>
      </c>
      <c r="IY11" s="244"/>
      <c r="IZ11" s="71">
        <v>1886</v>
      </c>
      <c r="JA11" s="71">
        <v>1100</v>
      </c>
      <c r="JB11" s="71">
        <v>788</v>
      </c>
      <c r="JC11" s="71">
        <v>726</v>
      </c>
      <c r="JD11" s="71">
        <v>402</v>
      </c>
      <c r="JE11" s="72">
        <v>4902</v>
      </c>
      <c r="JF11" s="73">
        <v>6598</v>
      </c>
      <c r="JG11" s="70">
        <v>495</v>
      </c>
      <c r="JH11" s="71">
        <v>514</v>
      </c>
      <c r="JI11" s="72">
        <v>1009</v>
      </c>
      <c r="JJ11" s="244"/>
      <c r="JK11" s="71">
        <v>1579</v>
      </c>
      <c r="JL11" s="71">
        <v>1203</v>
      </c>
      <c r="JM11" s="71">
        <v>992</v>
      </c>
      <c r="JN11" s="71">
        <v>1005</v>
      </c>
      <c r="JO11" s="71">
        <v>498</v>
      </c>
      <c r="JP11" s="72">
        <v>5277</v>
      </c>
      <c r="JQ11" s="73">
        <v>6286</v>
      </c>
      <c r="JR11" s="70">
        <v>24</v>
      </c>
      <c r="JS11" s="71">
        <v>29</v>
      </c>
      <c r="JT11" s="72">
        <v>53</v>
      </c>
      <c r="JU11" s="244"/>
      <c r="JV11" s="71">
        <v>137</v>
      </c>
      <c r="JW11" s="71">
        <v>120</v>
      </c>
      <c r="JX11" s="71">
        <v>69</v>
      </c>
      <c r="JY11" s="71">
        <v>64</v>
      </c>
      <c r="JZ11" s="71">
        <v>55</v>
      </c>
      <c r="KA11" s="72">
        <v>445</v>
      </c>
      <c r="KB11" s="73">
        <v>498</v>
      </c>
      <c r="KC11" s="70">
        <v>2911</v>
      </c>
      <c r="KD11" s="71">
        <v>2764</v>
      </c>
      <c r="KE11" s="72">
        <v>5675</v>
      </c>
      <c r="KF11" s="244"/>
      <c r="KG11" s="71">
        <v>6809</v>
      </c>
      <c r="KH11" s="71">
        <v>4324</v>
      </c>
      <c r="KI11" s="71">
        <v>3069</v>
      </c>
      <c r="KJ11" s="71">
        <v>2923</v>
      </c>
      <c r="KK11" s="71">
        <v>1670</v>
      </c>
      <c r="KL11" s="72">
        <v>18795</v>
      </c>
      <c r="KM11" s="73">
        <v>24470</v>
      </c>
    </row>
    <row r="12" spans="2:299" ht="21" customHeight="1" x14ac:dyDescent="0.2">
      <c r="B12" s="126" t="s">
        <v>8</v>
      </c>
      <c r="C12" s="313">
        <v>543</v>
      </c>
      <c r="D12" s="82">
        <v>368</v>
      </c>
      <c r="E12" s="83">
        <v>911</v>
      </c>
      <c r="F12" s="241"/>
      <c r="G12" s="82">
        <v>975</v>
      </c>
      <c r="H12" s="82">
        <v>880</v>
      </c>
      <c r="I12" s="82">
        <v>643</v>
      </c>
      <c r="J12" s="82">
        <v>506</v>
      </c>
      <c r="K12" s="82">
        <v>283</v>
      </c>
      <c r="L12" s="84">
        <v>3287</v>
      </c>
      <c r="M12" s="85">
        <v>4198</v>
      </c>
      <c r="N12" s="70">
        <v>23</v>
      </c>
      <c r="O12" s="71">
        <v>26</v>
      </c>
      <c r="P12" s="72">
        <v>49</v>
      </c>
      <c r="Q12" s="244"/>
      <c r="R12" s="71">
        <v>48</v>
      </c>
      <c r="S12" s="71">
        <v>42</v>
      </c>
      <c r="T12" s="71">
        <v>25</v>
      </c>
      <c r="U12" s="71">
        <v>22</v>
      </c>
      <c r="V12" s="71">
        <v>18</v>
      </c>
      <c r="W12" s="72">
        <v>155</v>
      </c>
      <c r="X12" s="73">
        <v>204</v>
      </c>
      <c r="Y12" s="70">
        <v>52</v>
      </c>
      <c r="Z12" s="71">
        <v>47</v>
      </c>
      <c r="AA12" s="72">
        <v>99</v>
      </c>
      <c r="AB12" s="244"/>
      <c r="AC12" s="71">
        <v>97</v>
      </c>
      <c r="AD12" s="71">
        <v>117</v>
      </c>
      <c r="AE12" s="71">
        <v>70</v>
      </c>
      <c r="AF12" s="71">
        <v>72</v>
      </c>
      <c r="AG12" s="71">
        <v>43</v>
      </c>
      <c r="AH12" s="72">
        <v>399</v>
      </c>
      <c r="AI12" s="73">
        <v>498</v>
      </c>
      <c r="AJ12" s="70">
        <v>93</v>
      </c>
      <c r="AK12" s="71">
        <v>61</v>
      </c>
      <c r="AL12" s="72">
        <v>154</v>
      </c>
      <c r="AM12" s="244"/>
      <c r="AN12" s="71">
        <v>158</v>
      </c>
      <c r="AO12" s="71">
        <v>138</v>
      </c>
      <c r="AP12" s="71">
        <v>109</v>
      </c>
      <c r="AQ12" s="71">
        <v>80</v>
      </c>
      <c r="AR12" s="71">
        <v>54</v>
      </c>
      <c r="AS12" s="72">
        <v>539</v>
      </c>
      <c r="AT12" s="73">
        <v>693</v>
      </c>
      <c r="AU12" s="70">
        <v>143</v>
      </c>
      <c r="AV12" s="71">
        <v>80</v>
      </c>
      <c r="AW12" s="72">
        <v>223</v>
      </c>
      <c r="AX12" s="244"/>
      <c r="AY12" s="71">
        <v>254</v>
      </c>
      <c r="AZ12" s="71">
        <v>230</v>
      </c>
      <c r="BA12" s="71">
        <v>144</v>
      </c>
      <c r="BB12" s="71">
        <v>125</v>
      </c>
      <c r="BC12" s="71">
        <v>63</v>
      </c>
      <c r="BD12" s="72">
        <v>816</v>
      </c>
      <c r="BE12" s="73">
        <v>1039</v>
      </c>
      <c r="BF12" s="70">
        <v>148</v>
      </c>
      <c r="BG12" s="71">
        <v>85</v>
      </c>
      <c r="BH12" s="72">
        <v>233</v>
      </c>
      <c r="BI12" s="244"/>
      <c r="BJ12" s="71">
        <v>248</v>
      </c>
      <c r="BK12" s="71">
        <v>207</v>
      </c>
      <c r="BL12" s="71">
        <v>153</v>
      </c>
      <c r="BM12" s="71">
        <v>102</v>
      </c>
      <c r="BN12" s="71">
        <v>58</v>
      </c>
      <c r="BO12" s="72">
        <v>768</v>
      </c>
      <c r="BP12" s="73">
        <v>1001</v>
      </c>
      <c r="BQ12" s="70">
        <v>84</v>
      </c>
      <c r="BR12" s="71">
        <v>69</v>
      </c>
      <c r="BS12" s="72">
        <v>153</v>
      </c>
      <c r="BT12" s="244"/>
      <c r="BU12" s="71">
        <v>170</v>
      </c>
      <c r="BV12" s="71">
        <v>146</v>
      </c>
      <c r="BW12" s="71">
        <v>142</v>
      </c>
      <c r="BX12" s="71">
        <v>105</v>
      </c>
      <c r="BY12" s="71">
        <v>47</v>
      </c>
      <c r="BZ12" s="72">
        <v>610</v>
      </c>
      <c r="CA12" s="73">
        <v>763</v>
      </c>
      <c r="CB12" s="70">
        <v>16</v>
      </c>
      <c r="CC12" s="71">
        <v>13</v>
      </c>
      <c r="CD12" s="72">
        <v>29</v>
      </c>
      <c r="CE12" s="244"/>
      <c r="CF12" s="71">
        <v>28</v>
      </c>
      <c r="CG12" s="71">
        <v>45</v>
      </c>
      <c r="CH12" s="71">
        <v>25</v>
      </c>
      <c r="CI12" s="71">
        <v>25</v>
      </c>
      <c r="CJ12" s="71">
        <v>10</v>
      </c>
      <c r="CK12" s="72">
        <v>133</v>
      </c>
      <c r="CL12" s="73">
        <v>162</v>
      </c>
      <c r="CM12" s="70">
        <v>559</v>
      </c>
      <c r="CN12" s="71">
        <v>381</v>
      </c>
      <c r="CO12" s="72">
        <v>940</v>
      </c>
      <c r="CP12" s="244"/>
      <c r="CQ12" s="71">
        <v>1003</v>
      </c>
      <c r="CR12" s="71">
        <v>925</v>
      </c>
      <c r="CS12" s="71">
        <v>668</v>
      </c>
      <c r="CT12" s="71">
        <v>531</v>
      </c>
      <c r="CU12" s="71">
        <v>293</v>
      </c>
      <c r="CV12" s="72">
        <v>3420</v>
      </c>
      <c r="CW12" s="73">
        <v>4360</v>
      </c>
      <c r="CX12" s="123">
        <v>1043</v>
      </c>
      <c r="CY12" s="82">
        <v>942</v>
      </c>
      <c r="CZ12" s="83">
        <v>1985</v>
      </c>
      <c r="DA12" s="241"/>
      <c r="DB12" s="82">
        <v>1702</v>
      </c>
      <c r="DC12" s="82">
        <v>1604</v>
      </c>
      <c r="DD12" s="82">
        <v>1284</v>
      </c>
      <c r="DE12" s="82">
        <v>1092</v>
      </c>
      <c r="DF12" s="82">
        <v>655</v>
      </c>
      <c r="DG12" s="84">
        <v>6337</v>
      </c>
      <c r="DH12" s="85">
        <v>8322</v>
      </c>
      <c r="DI12" s="70">
        <v>29</v>
      </c>
      <c r="DJ12" s="71">
        <v>18</v>
      </c>
      <c r="DK12" s="72">
        <v>47</v>
      </c>
      <c r="DL12" s="244"/>
      <c r="DM12" s="71">
        <v>43</v>
      </c>
      <c r="DN12" s="71">
        <v>31</v>
      </c>
      <c r="DO12" s="71">
        <v>19</v>
      </c>
      <c r="DP12" s="71">
        <v>26</v>
      </c>
      <c r="DQ12" s="71">
        <v>14</v>
      </c>
      <c r="DR12" s="72">
        <v>133</v>
      </c>
      <c r="DS12" s="73">
        <v>180</v>
      </c>
      <c r="DT12" s="70">
        <v>76</v>
      </c>
      <c r="DU12" s="71">
        <v>68</v>
      </c>
      <c r="DV12" s="72">
        <v>144</v>
      </c>
      <c r="DW12" s="244"/>
      <c r="DX12" s="71">
        <v>92</v>
      </c>
      <c r="DY12" s="71">
        <v>79</v>
      </c>
      <c r="DZ12" s="71">
        <v>54</v>
      </c>
      <c r="EA12" s="71">
        <v>55</v>
      </c>
      <c r="EB12" s="71">
        <v>42</v>
      </c>
      <c r="EC12" s="72">
        <v>322</v>
      </c>
      <c r="ED12" s="73">
        <v>466</v>
      </c>
      <c r="EE12" s="70">
        <v>153</v>
      </c>
      <c r="EF12" s="71">
        <v>143</v>
      </c>
      <c r="EG12" s="72">
        <v>296</v>
      </c>
      <c r="EH12" s="244"/>
      <c r="EI12" s="71">
        <v>215</v>
      </c>
      <c r="EJ12" s="71">
        <v>161</v>
      </c>
      <c r="EK12" s="71">
        <v>127</v>
      </c>
      <c r="EL12" s="71">
        <v>109</v>
      </c>
      <c r="EM12" s="71">
        <v>71</v>
      </c>
      <c r="EN12" s="72">
        <v>683</v>
      </c>
      <c r="EO12" s="73">
        <v>979</v>
      </c>
      <c r="EP12" s="70">
        <v>341</v>
      </c>
      <c r="EQ12" s="71">
        <v>264</v>
      </c>
      <c r="ER12" s="72">
        <v>605</v>
      </c>
      <c r="ES12" s="244"/>
      <c r="ET12" s="71">
        <v>428</v>
      </c>
      <c r="EU12" s="71">
        <v>337</v>
      </c>
      <c r="EV12" s="71">
        <v>222</v>
      </c>
      <c r="EW12" s="71">
        <v>187</v>
      </c>
      <c r="EX12" s="71">
        <v>121</v>
      </c>
      <c r="EY12" s="72">
        <v>1295</v>
      </c>
      <c r="EZ12" s="73">
        <v>1900</v>
      </c>
      <c r="FA12" s="70">
        <v>286</v>
      </c>
      <c r="FB12" s="71">
        <v>280</v>
      </c>
      <c r="FC12" s="72">
        <v>566</v>
      </c>
      <c r="FD12" s="244"/>
      <c r="FE12" s="71">
        <v>507</v>
      </c>
      <c r="FF12" s="71">
        <v>465</v>
      </c>
      <c r="FG12" s="71">
        <v>367</v>
      </c>
      <c r="FH12" s="71">
        <v>252</v>
      </c>
      <c r="FI12" s="71">
        <v>165</v>
      </c>
      <c r="FJ12" s="72">
        <v>1756</v>
      </c>
      <c r="FK12" s="73">
        <v>2322</v>
      </c>
      <c r="FL12" s="70">
        <v>158</v>
      </c>
      <c r="FM12" s="71">
        <v>169</v>
      </c>
      <c r="FN12" s="72">
        <v>327</v>
      </c>
      <c r="FO12" s="244"/>
      <c r="FP12" s="71">
        <v>417</v>
      </c>
      <c r="FQ12" s="71">
        <v>531</v>
      </c>
      <c r="FR12" s="71">
        <v>495</v>
      </c>
      <c r="FS12" s="71">
        <v>463</v>
      </c>
      <c r="FT12" s="71">
        <v>242</v>
      </c>
      <c r="FU12" s="72">
        <v>2148</v>
      </c>
      <c r="FV12" s="73">
        <v>2475</v>
      </c>
      <c r="FW12" s="70">
        <v>7</v>
      </c>
      <c r="FX12" s="71">
        <v>19</v>
      </c>
      <c r="FY12" s="72">
        <v>26</v>
      </c>
      <c r="FZ12" s="244"/>
      <c r="GA12" s="71">
        <v>16</v>
      </c>
      <c r="GB12" s="71">
        <v>38</v>
      </c>
      <c r="GC12" s="71">
        <v>17</v>
      </c>
      <c r="GD12" s="71">
        <v>21</v>
      </c>
      <c r="GE12" s="71">
        <v>16</v>
      </c>
      <c r="GF12" s="72">
        <v>108</v>
      </c>
      <c r="GG12" s="73">
        <v>134</v>
      </c>
      <c r="GH12" s="70">
        <v>1050</v>
      </c>
      <c r="GI12" s="71">
        <v>961</v>
      </c>
      <c r="GJ12" s="72">
        <v>2011</v>
      </c>
      <c r="GK12" s="244"/>
      <c r="GL12" s="71">
        <v>1718</v>
      </c>
      <c r="GM12" s="71">
        <v>1642</v>
      </c>
      <c r="GN12" s="71">
        <v>1301</v>
      </c>
      <c r="GO12" s="71">
        <v>1113</v>
      </c>
      <c r="GP12" s="71">
        <v>671</v>
      </c>
      <c r="GQ12" s="72">
        <v>6445</v>
      </c>
      <c r="GR12" s="73">
        <v>8456</v>
      </c>
      <c r="GS12" s="123">
        <v>1586</v>
      </c>
      <c r="GT12" s="82">
        <v>1310</v>
      </c>
      <c r="GU12" s="83">
        <v>2896</v>
      </c>
      <c r="GV12" s="241"/>
      <c r="GW12" s="82">
        <v>2677</v>
      </c>
      <c r="GX12" s="82">
        <v>2484</v>
      </c>
      <c r="GY12" s="82">
        <v>1927</v>
      </c>
      <c r="GZ12" s="82">
        <v>1598</v>
      </c>
      <c r="HA12" s="82">
        <v>938</v>
      </c>
      <c r="HB12" s="84">
        <v>9624</v>
      </c>
      <c r="HC12" s="85">
        <v>12520</v>
      </c>
      <c r="HD12" s="70">
        <v>52</v>
      </c>
      <c r="HE12" s="71">
        <v>44</v>
      </c>
      <c r="HF12" s="72">
        <v>96</v>
      </c>
      <c r="HG12" s="244"/>
      <c r="HH12" s="71">
        <v>91</v>
      </c>
      <c r="HI12" s="71">
        <v>73</v>
      </c>
      <c r="HJ12" s="71">
        <v>44</v>
      </c>
      <c r="HK12" s="71">
        <v>48</v>
      </c>
      <c r="HL12" s="71">
        <v>32</v>
      </c>
      <c r="HM12" s="72">
        <v>288</v>
      </c>
      <c r="HN12" s="73">
        <v>384</v>
      </c>
      <c r="HO12" s="70">
        <v>128</v>
      </c>
      <c r="HP12" s="71">
        <v>115</v>
      </c>
      <c r="HQ12" s="72">
        <v>243</v>
      </c>
      <c r="HR12" s="244"/>
      <c r="HS12" s="71">
        <v>189</v>
      </c>
      <c r="HT12" s="71">
        <v>196</v>
      </c>
      <c r="HU12" s="71">
        <v>124</v>
      </c>
      <c r="HV12" s="71">
        <v>127</v>
      </c>
      <c r="HW12" s="71">
        <v>85</v>
      </c>
      <c r="HX12" s="72">
        <v>721</v>
      </c>
      <c r="HY12" s="73">
        <v>964</v>
      </c>
      <c r="HZ12" s="70">
        <v>246</v>
      </c>
      <c r="IA12" s="71">
        <v>204</v>
      </c>
      <c r="IB12" s="72">
        <v>450</v>
      </c>
      <c r="IC12" s="244"/>
      <c r="ID12" s="71">
        <v>373</v>
      </c>
      <c r="IE12" s="71">
        <v>299</v>
      </c>
      <c r="IF12" s="71">
        <v>236</v>
      </c>
      <c r="IG12" s="71">
        <v>189</v>
      </c>
      <c r="IH12" s="71">
        <v>125</v>
      </c>
      <c r="II12" s="72">
        <v>1222</v>
      </c>
      <c r="IJ12" s="73">
        <v>1672</v>
      </c>
      <c r="IK12" s="70">
        <v>484</v>
      </c>
      <c r="IL12" s="71">
        <v>344</v>
      </c>
      <c r="IM12" s="72">
        <v>828</v>
      </c>
      <c r="IN12" s="244"/>
      <c r="IO12" s="71">
        <v>682</v>
      </c>
      <c r="IP12" s="71">
        <v>567</v>
      </c>
      <c r="IQ12" s="71">
        <v>366</v>
      </c>
      <c r="IR12" s="71">
        <v>312</v>
      </c>
      <c r="IS12" s="71">
        <v>184</v>
      </c>
      <c r="IT12" s="72">
        <v>2111</v>
      </c>
      <c r="IU12" s="73">
        <v>2939</v>
      </c>
      <c r="IV12" s="70">
        <v>434</v>
      </c>
      <c r="IW12" s="71">
        <v>365</v>
      </c>
      <c r="IX12" s="72">
        <v>799</v>
      </c>
      <c r="IY12" s="244"/>
      <c r="IZ12" s="71">
        <v>755</v>
      </c>
      <c r="JA12" s="71">
        <v>672</v>
      </c>
      <c r="JB12" s="71">
        <v>520</v>
      </c>
      <c r="JC12" s="71">
        <v>354</v>
      </c>
      <c r="JD12" s="71">
        <v>223</v>
      </c>
      <c r="JE12" s="72">
        <v>2524</v>
      </c>
      <c r="JF12" s="73">
        <v>3323</v>
      </c>
      <c r="JG12" s="70">
        <v>242</v>
      </c>
      <c r="JH12" s="71">
        <v>238</v>
      </c>
      <c r="JI12" s="72">
        <v>480</v>
      </c>
      <c r="JJ12" s="244"/>
      <c r="JK12" s="71">
        <v>587</v>
      </c>
      <c r="JL12" s="71">
        <v>677</v>
      </c>
      <c r="JM12" s="71">
        <v>637</v>
      </c>
      <c r="JN12" s="71">
        <v>568</v>
      </c>
      <c r="JO12" s="71">
        <v>289</v>
      </c>
      <c r="JP12" s="72">
        <v>2758</v>
      </c>
      <c r="JQ12" s="73">
        <v>3238</v>
      </c>
      <c r="JR12" s="70">
        <v>23</v>
      </c>
      <c r="JS12" s="71">
        <v>32</v>
      </c>
      <c r="JT12" s="72">
        <v>55</v>
      </c>
      <c r="JU12" s="244"/>
      <c r="JV12" s="71">
        <v>44</v>
      </c>
      <c r="JW12" s="71">
        <v>83</v>
      </c>
      <c r="JX12" s="71">
        <v>42</v>
      </c>
      <c r="JY12" s="71">
        <v>46</v>
      </c>
      <c r="JZ12" s="71">
        <v>26</v>
      </c>
      <c r="KA12" s="72">
        <v>241</v>
      </c>
      <c r="KB12" s="73">
        <v>296</v>
      </c>
      <c r="KC12" s="70">
        <v>1609</v>
      </c>
      <c r="KD12" s="71">
        <v>1342</v>
      </c>
      <c r="KE12" s="72">
        <v>2951</v>
      </c>
      <c r="KF12" s="244"/>
      <c r="KG12" s="71">
        <v>2721</v>
      </c>
      <c r="KH12" s="71">
        <v>2567</v>
      </c>
      <c r="KI12" s="71">
        <v>1969</v>
      </c>
      <c r="KJ12" s="71">
        <v>1644</v>
      </c>
      <c r="KK12" s="71">
        <v>964</v>
      </c>
      <c r="KL12" s="72">
        <v>9865</v>
      </c>
      <c r="KM12" s="73">
        <v>12816</v>
      </c>
    </row>
    <row r="13" spans="2:299" ht="21" customHeight="1" x14ac:dyDescent="0.2">
      <c r="B13" s="126" t="s">
        <v>9</v>
      </c>
      <c r="C13" s="313">
        <v>695</v>
      </c>
      <c r="D13" s="82">
        <v>397</v>
      </c>
      <c r="E13" s="83">
        <v>1092</v>
      </c>
      <c r="F13" s="241"/>
      <c r="G13" s="82">
        <v>830</v>
      </c>
      <c r="H13" s="82">
        <v>591</v>
      </c>
      <c r="I13" s="82">
        <v>435</v>
      </c>
      <c r="J13" s="82">
        <v>379</v>
      </c>
      <c r="K13" s="82">
        <v>226</v>
      </c>
      <c r="L13" s="84">
        <v>2461</v>
      </c>
      <c r="M13" s="85">
        <v>3553</v>
      </c>
      <c r="N13" s="70">
        <v>22</v>
      </c>
      <c r="O13" s="71">
        <v>15</v>
      </c>
      <c r="P13" s="72">
        <v>37</v>
      </c>
      <c r="Q13" s="244"/>
      <c r="R13" s="71">
        <v>20</v>
      </c>
      <c r="S13" s="71">
        <v>23</v>
      </c>
      <c r="T13" s="71">
        <v>17</v>
      </c>
      <c r="U13" s="71">
        <v>12</v>
      </c>
      <c r="V13" s="71">
        <v>10</v>
      </c>
      <c r="W13" s="72">
        <v>82</v>
      </c>
      <c r="X13" s="73">
        <v>119</v>
      </c>
      <c r="Y13" s="70">
        <v>35</v>
      </c>
      <c r="Z13" s="71">
        <v>28</v>
      </c>
      <c r="AA13" s="72">
        <v>63</v>
      </c>
      <c r="AB13" s="244"/>
      <c r="AC13" s="71">
        <v>50</v>
      </c>
      <c r="AD13" s="71">
        <v>45</v>
      </c>
      <c r="AE13" s="71">
        <v>24</v>
      </c>
      <c r="AF13" s="71">
        <v>22</v>
      </c>
      <c r="AG13" s="71">
        <v>30</v>
      </c>
      <c r="AH13" s="72">
        <v>171</v>
      </c>
      <c r="AI13" s="73">
        <v>234</v>
      </c>
      <c r="AJ13" s="70">
        <v>80</v>
      </c>
      <c r="AK13" s="71">
        <v>49</v>
      </c>
      <c r="AL13" s="72">
        <v>129</v>
      </c>
      <c r="AM13" s="244"/>
      <c r="AN13" s="71">
        <v>104</v>
      </c>
      <c r="AO13" s="71">
        <v>75</v>
      </c>
      <c r="AP13" s="71">
        <v>72</v>
      </c>
      <c r="AQ13" s="71">
        <v>59</v>
      </c>
      <c r="AR13" s="71">
        <v>41</v>
      </c>
      <c r="AS13" s="72">
        <v>351</v>
      </c>
      <c r="AT13" s="73">
        <v>480</v>
      </c>
      <c r="AU13" s="70">
        <v>184</v>
      </c>
      <c r="AV13" s="71">
        <v>77</v>
      </c>
      <c r="AW13" s="72">
        <v>261</v>
      </c>
      <c r="AX13" s="244"/>
      <c r="AY13" s="71">
        <v>198</v>
      </c>
      <c r="AZ13" s="71">
        <v>128</v>
      </c>
      <c r="BA13" s="71">
        <v>81</v>
      </c>
      <c r="BB13" s="71">
        <v>59</v>
      </c>
      <c r="BC13" s="71">
        <v>44</v>
      </c>
      <c r="BD13" s="72">
        <v>510</v>
      </c>
      <c r="BE13" s="73">
        <v>771</v>
      </c>
      <c r="BF13" s="70">
        <v>220</v>
      </c>
      <c r="BG13" s="71">
        <v>140</v>
      </c>
      <c r="BH13" s="72">
        <v>360</v>
      </c>
      <c r="BI13" s="244"/>
      <c r="BJ13" s="71">
        <v>239</v>
      </c>
      <c r="BK13" s="71">
        <v>157</v>
      </c>
      <c r="BL13" s="71">
        <v>118</v>
      </c>
      <c r="BM13" s="71">
        <v>124</v>
      </c>
      <c r="BN13" s="71">
        <v>45</v>
      </c>
      <c r="BO13" s="72">
        <v>683</v>
      </c>
      <c r="BP13" s="73">
        <v>1043</v>
      </c>
      <c r="BQ13" s="70">
        <v>154</v>
      </c>
      <c r="BR13" s="71">
        <v>88</v>
      </c>
      <c r="BS13" s="72">
        <v>242</v>
      </c>
      <c r="BT13" s="244"/>
      <c r="BU13" s="71">
        <v>219</v>
      </c>
      <c r="BV13" s="71">
        <v>163</v>
      </c>
      <c r="BW13" s="71">
        <v>123</v>
      </c>
      <c r="BX13" s="71">
        <v>103</v>
      </c>
      <c r="BY13" s="71">
        <v>56</v>
      </c>
      <c r="BZ13" s="72">
        <v>664</v>
      </c>
      <c r="CA13" s="73">
        <v>906</v>
      </c>
      <c r="CB13" s="70">
        <v>5</v>
      </c>
      <c r="CC13" s="71">
        <v>15</v>
      </c>
      <c r="CD13" s="72">
        <v>20</v>
      </c>
      <c r="CE13" s="244"/>
      <c r="CF13" s="71">
        <v>31</v>
      </c>
      <c r="CG13" s="71">
        <v>19</v>
      </c>
      <c r="CH13" s="71">
        <v>19</v>
      </c>
      <c r="CI13" s="71">
        <v>12</v>
      </c>
      <c r="CJ13" s="71">
        <v>10</v>
      </c>
      <c r="CK13" s="72">
        <v>91</v>
      </c>
      <c r="CL13" s="73">
        <v>111</v>
      </c>
      <c r="CM13" s="70">
        <v>700</v>
      </c>
      <c r="CN13" s="71">
        <v>412</v>
      </c>
      <c r="CO13" s="72">
        <v>1112</v>
      </c>
      <c r="CP13" s="244"/>
      <c r="CQ13" s="71">
        <v>861</v>
      </c>
      <c r="CR13" s="71">
        <v>610</v>
      </c>
      <c r="CS13" s="71">
        <v>454</v>
      </c>
      <c r="CT13" s="71">
        <v>391</v>
      </c>
      <c r="CU13" s="71">
        <v>236</v>
      </c>
      <c r="CV13" s="72">
        <v>2552</v>
      </c>
      <c r="CW13" s="73">
        <v>3664</v>
      </c>
      <c r="CX13" s="123">
        <v>1427</v>
      </c>
      <c r="CY13" s="82">
        <v>985</v>
      </c>
      <c r="CZ13" s="83">
        <v>2412</v>
      </c>
      <c r="DA13" s="241"/>
      <c r="DB13" s="82">
        <v>1694</v>
      </c>
      <c r="DC13" s="82">
        <v>1135</v>
      </c>
      <c r="DD13" s="82">
        <v>948</v>
      </c>
      <c r="DE13" s="82">
        <v>1030</v>
      </c>
      <c r="DF13" s="82">
        <v>711</v>
      </c>
      <c r="DG13" s="84">
        <v>5518</v>
      </c>
      <c r="DH13" s="85">
        <v>7930</v>
      </c>
      <c r="DI13" s="70">
        <v>23</v>
      </c>
      <c r="DJ13" s="71">
        <v>16</v>
      </c>
      <c r="DK13" s="72">
        <v>39</v>
      </c>
      <c r="DL13" s="244"/>
      <c r="DM13" s="71">
        <v>8</v>
      </c>
      <c r="DN13" s="71">
        <v>16</v>
      </c>
      <c r="DO13" s="71">
        <v>12</v>
      </c>
      <c r="DP13" s="71">
        <v>8</v>
      </c>
      <c r="DQ13" s="71">
        <v>15</v>
      </c>
      <c r="DR13" s="72">
        <v>59</v>
      </c>
      <c r="DS13" s="73">
        <v>98</v>
      </c>
      <c r="DT13" s="70">
        <v>75</v>
      </c>
      <c r="DU13" s="71">
        <v>55</v>
      </c>
      <c r="DV13" s="72">
        <v>130</v>
      </c>
      <c r="DW13" s="244"/>
      <c r="DX13" s="71">
        <v>77</v>
      </c>
      <c r="DY13" s="71">
        <v>37</v>
      </c>
      <c r="DZ13" s="71">
        <v>26</v>
      </c>
      <c r="EA13" s="71">
        <v>28</v>
      </c>
      <c r="EB13" s="71">
        <v>24</v>
      </c>
      <c r="EC13" s="72">
        <v>192</v>
      </c>
      <c r="ED13" s="73">
        <v>322</v>
      </c>
      <c r="EE13" s="70">
        <v>200</v>
      </c>
      <c r="EF13" s="71">
        <v>141</v>
      </c>
      <c r="EG13" s="72">
        <v>341</v>
      </c>
      <c r="EH13" s="244"/>
      <c r="EI13" s="71">
        <v>172</v>
      </c>
      <c r="EJ13" s="71">
        <v>94</v>
      </c>
      <c r="EK13" s="71">
        <v>72</v>
      </c>
      <c r="EL13" s="71">
        <v>57</v>
      </c>
      <c r="EM13" s="71">
        <v>66</v>
      </c>
      <c r="EN13" s="72">
        <v>461</v>
      </c>
      <c r="EO13" s="73">
        <v>802</v>
      </c>
      <c r="EP13" s="70">
        <v>397</v>
      </c>
      <c r="EQ13" s="71">
        <v>243</v>
      </c>
      <c r="ER13" s="72">
        <v>640</v>
      </c>
      <c r="ES13" s="244"/>
      <c r="ET13" s="71">
        <v>347</v>
      </c>
      <c r="EU13" s="71">
        <v>185</v>
      </c>
      <c r="EV13" s="71">
        <v>144</v>
      </c>
      <c r="EW13" s="71">
        <v>170</v>
      </c>
      <c r="EX13" s="71">
        <v>109</v>
      </c>
      <c r="EY13" s="72">
        <v>955</v>
      </c>
      <c r="EZ13" s="73">
        <v>1595</v>
      </c>
      <c r="FA13" s="70">
        <v>466</v>
      </c>
      <c r="FB13" s="71">
        <v>287</v>
      </c>
      <c r="FC13" s="72">
        <v>753</v>
      </c>
      <c r="FD13" s="244"/>
      <c r="FE13" s="71">
        <v>515</v>
      </c>
      <c r="FF13" s="71">
        <v>346</v>
      </c>
      <c r="FG13" s="71">
        <v>243</v>
      </c>
      <c r="FH13" s="71">
        <v>237</v>
      </c>
      <c r="FI13" s="71">
        <v>188</v>
      </c>
      <c r="FJ13" s="72">
        <v>1529</v>
      </c>
      <c r="FK13" s="73">
        <v>2282</v>
      </c>
      <c r="FL13" s="70">
        <v>266</v>
      </c>
      <c r="FM13" s="71">
        <v>243</v>
      </c>
      <c r="FN13" s="72">
        <v>509</v>
      </c>
      <c r="FO13" s="244"/>
      <c r="FP13" s="71">
        <v>575</v>
      </c>
      <c r="FQ13" s="71">
        <v>457</v>
      </c>
      <c r="FR13" s="71">
        <v>451</v>
      </c>
      <c r="FS13" s="71">
        <v>530</v>
      </c>
      <c r="FT13" s="71">
        <v>309</v>
      </c>
      <c r="FU13" s="72">
        <v>2322</v>
      </c>
      <c r="FV13" s="73">
        <v>2831</v>
      </c>
      <c r="FW13" s="70">
        <v>7</v>
      </c>
      <c r="FX13" s="71">
        <v>15</v>
      </c>
      <c r="FY13" s="72">
        <v>22</v>
      </c>
      <c r="FZ13" s="244"/>
      <c r="GA13" s="71">
        <v>13</v>
      </c>
      <c r="GB13" s="71">
        <v>14</v>
      </c>
      <c r="GC13" s="71">
        <v>14</v>
      </c>
      <c r="GD13" s="71">
        <v>14</v>
      </c>
      <c r="GE13" s="71">
        <v>10</v>
      </c>
      <c r="GF13" s="72">
        <v>65</v>
      </c>
      <c r="GG13" s="73">
        <v>87</v>
      </c>
      <c r="GH13" s="70">
        <v>1434</v>
      </c>
      <c r="GI13" s="71">
        <v>1000</v>
      </c>
      <c r="GJ13" s="72">
        <v>2434</v>
      </c>
      <c r="GK13" s="244"/>
      <c r="GL13" s="71">
        <v>1707</v>
      </c>
      <c r="GM13" s="71">
        <v>1149</v>
      </c>
      <c r="GN13" s="71">
        <v>962</v>
      </c>
      <c r="GO13" s="71">
        <v>1044</v>
      </c>
      <c r="GP13" s="71">
        <v>721</v>
      </c>
      <c r="GQ13" s="72">
        <v>5583</v>
      </c>
      <c r="GR13" s="73">
        <v>8017</v>
      </c>
      <c r="GS13" s="123">
        <v>2122</v>
      </c>
      <c r="GT13" s="82">
        <v>1382</v>
      </c>
      <c r="GU13" s="83">
        <v>3504</v>
      </c>
      <c r="GV13" s="241"/>
      <c r="GW13" s="82">
        <v>2524</v>
      </c>
      <c r="GX13" s="82">
        <v>1726</v>
      </c>
      <c r="GY13" s="82">
        <v>1383</v>
      </c>
      <c r="GZ13" s="82">
        <v>1409</v>
      </c>
      <c r="HA13" s="82">
        <v>937</v>
      </c>
      <c r="HB13" s="84">
        <v>7979</v>
      </c>
      <c r="HC13" s="85">
        <v>11483</v>
      </c>
      <c r="HD13" s="70">
        <v>45</v>
      </c>
      <c r="HE13" s="71">
        <v>31</v>
      </c>
      <c r="HF13" s="72">
        <v>76</v>
      </c>
      <c r="HG13" s="244"/>
      <c r="HH13" s="71">
        <v>28</v>
      </c>
      <c r="HI13" s="71">
        <v>39</v>
      </c>
      <c r="HJ13" s="71">
        <v>29</v>
      </c>
      <c r="HK13" s="71">
        <v>20</v>
      </c>
      <c r="HL13" s="71">
        <v>25</v>
      </c>
      <c r="HM13" s="72">
        <v>141</v>
      </c>
      <c r="HN13" s="73">
        <v>217</v>
      </c>
      <c r="HO13" s="70">
        <v>110</v>
      </c>
      <c r="HP13" s="71">
        <v>83</v>
      </c>
      <c r="HQ13" s="72">
        <v>193</v>
      </c>
      <c r="HR13" s="244"/>
      <c r="HS13" s="71">
        <v>127</v>
      </c>
      <c r="HT13" s="71">
        <v>82</v>
      </c>
      <c r="HU13" s="71">
        <v>50</v>
      </c>
      <c r="HV13" s="71">
        <v>50</v>
      </c>
      <c r="HW13" s="71">
        <v>54</v>
      </c>
      <c r="HX13" s="72">
        <v>363</v>
      </c>
      <c r="HY13" s="73">
        <v>556</v>
      </c>
      <c r="HZ13" s="70">
        <v>280</v>
      </c>
      <c r="IA13" s="71">
        <v>190</v>
      </c>
      <c r="IB13" s="72">
        <v>470</v>
      </c>
      <c r="IC13" s="244"/>
      <c r="ID13" s="71">
        <v>276</v>
      </c>
      <c r="IE13" s="71">
        <v>169</v>
      </c>
      <c r="IF13" s="71">
        <v>144</v>
      </c>
      <c r="IG13" s="71">
        <v>116</v>
      </c>
      <c r="IH13" s="71">
        <v>107</v>
      </c>
      <c r="II13" s="72">
        <v>812</v>
      </c>
      <c r="IJ13" s="73">
        <v>1282</v>
      </c>
      <c r="IK13" s="70">
        <v>581</v>
      </c>
      <c r="IL13" s="71">
        <v>320</v>
      </c>
      <c r="IM13" s="72">
        <v>901</v>
      </c>
      <c r="IN13" s="244"/>
      <c r="IO13" s="71">
        <v>545</v>
      </c>
      <c r="IP13" s="71">
        <v>313</v>
      </c>
      <c r="IQ13" s="71">
        <v>225</v>
      </c>
      <c r="IR13" s="71">
        <v>229</v>
      </c>
      <c r="IS13" s="71">
        <v>153</v>
      </c>
      <c r="IT13" s="72">
        <v>1465</v>
      </c>
      <c r="IU13" s="73">
        <v>2366</v>
      </c>
      <c r="IV13" s="70">
        <v>686</v>
      </c>
      <c r="IW13" s="71">
        <v>427</v>
      </c>
      <c r="IX13" s="72">
        <v>1113</v>
      </c>
      <c r="IY13" s="244"/>
      <c r="IZ13" s="71">
        <v>754</v>
      </c>
      <c r="JA13" s="71">
        <v>503</v>
      </c>
      <c r="JB13" s="71">
        <v>361</v>
      </c>
      <c r="JC13" s="71">
        <v>361</v>
      </c>
      <c r="JD13" s="71">
        <v>233</v>
      </c>
      <c r="JE13" s="72">
        <v>2212</v>
      </c>
      <c r="JF13" s="73">
        <v>3325</v>
      </c>
      <c r="JG13" s="70">
        <v>420</v>
      </c>
      <c r="JH13" s="71">
        <v>331</v>
      </c>
      <c r="JI13" s="72">
        <v>751</v>
      </c>
      <c r="JJ13" s="244"/>
      <c r="JK13" s="71">
        <v>794</v>
      </c>
      <c r="JL13" s="71">
        <v>620</v>
      </c>
      <c r="JM13" s="71">
        <v>574</v>
      </c>
      <c r="JN13" s="71">
        <v>633</v>
      </c>
      <c r="JO13" s="71">
        <v>365</v>
      </c>
      <c r="JP13" s="72">
        <v>2986</v>
      </c>
      <c r="JQ13" s="73">
        <v>3737</v>
      </c>
      <c r="JR13" s="70">
        <v>12</v>
      </c>
      <c r="JS13" s="71">
        <v>30</v>
      </c>
      <c r="JT13" s="72">
        <v>42</v>
      </c>
      <c r="JU13" s="244"/>
      <c r="JV13" s="71">
        <v>44</v>
      </c>
      <c r="JW13" s="71">
        <v>33</v>
      </c>
      <c r="JX13" s="71">
        <v>33</v>
      </c>
      <c r="JY13" s="71">
        <v>26</v>
      </c>
      <c r="JZ13" s="71">
        <v>20</v>
      </c>
      <c r="KA13" s="72">
        <v>156</v>
      </c>
      <c r="KB13" s="73">
        <v>198</v>
      </c>
      <c r="KC13" s="70">
        <v>2134</v>
      </c>
      <c r="KD13" s="71">
        <v>1412</v>
      </c>
      <c r="KE13" s="72">
        <v>3546</v>
      </c>
      <c r="KF13" s="244"/>
      <c r="KG13" s="71">
        <v>2568</v>
      </c>
      <c r="KH13" s="71">
        <v>1759</v>
      </c>
      <c r="KI13" s="71">
        <v>1416</v>
      </c>
      <c r="KJ13" s="71">
        <v>1435</v>
      </c>
      <c r="KK13" s="71">
        <v>957</v>
      </c>
      <c r="KL13" s="72">
        <v>8135</v>
      </c>
      <c r="KM13" s="73">
        <v>11681</v>
      </c>
    </row>
    <row r="14" spans="2:299" ht="21" customHeight="1" x14ac:dyDescent="0.2">
      <c r="B14" s="126" t="s">
        <v>10</v>
      </c>
      <c r="C14" s="313">
        <v>1470</v>
      </c>
      <c r="D14" s="82">
        <v>1000</v>
      </c>
      <c r="E14" s="83">
        <v>2470</v>
      </c>
      <c r="F14" s="241"/>
      <c r="G14" s="82">
        <v>1731</v>
      </c>
      <c r="H14" s="82">
        <v>1025</v>
      </c>
      <c r="I14" s="82">
        <v>689</v>
      </c>
      <c r="J14" s="82">
        <v>622</v>
      </c>
      <c r="K14" s="82">
        <v>447</v>
      </c>
      <c r="L14" s="84">
        <v>4514</v>
      </c>
      <c r="M14" s="85">
        <v>6984</v>
      </c>
      <c r="N14" s="70">
        <v>62</v>
      </c>
      <c r="O14" s="71">
        <v>57</v>
      </c>
      <c r="P14" s="72">
        <v>119</v>
      </c>
      <c r="Q14" s="244"/>
      <c r="R14" s="71">
        <v>83</v>
      </c>
      <c r="S14" s="71">
        <v>51</v>
      </c>
      <c r="T14" s="71">
        <v>29</v>
      </c>
      <c r="U14" s="71">
        <v>33</v>
      </c>
      <c r="V14" s="71">
        <v>26</v>
      </c>
      <c r="W14" s="72">
        <v>222</v>
      </c>
      <c r="X14" s="73">
        <v>341</v>
      </c>
      <c r="Y14" s="70">
        <v>151</v>
      </c>
      <c r="Z14" s="71">
        <v>109</v>
      </c>
      <c r="AA14" s="72">
        <v>260</v>
      </c>
      <c r="AB14" s="244"/>
      <c r="AC14" s="71">
        <v>177</v>
      </c>
      <c r="AD14" s="71">
        <v>111</v>
      </c>
      <c r="AE14" s="71">
        <v>72</v>
      </c>
      <c r="AF14" s="71">
        <v>62</v>
      </c>
      <c r="AG14" s="71">
        <v>65</v>
      </c>
      <c r="AH14" s="72">
        <v>487</v>
      </c>
      <c r="AI14" s="73">
        <v>747</v>
      </c>
      <c r="AJ14" s="70">
        <v>217</v>
      </c>
      <c r="AK14" s="71">
        <v>173</v>
      </c>
      <c r="AL14" s="72">
        <v>390</v>
      </c>
      <c r="AM14" s="244"/>
      <c r="AN14" s="71">
        <v>283</v>
      </c>
      <c r="AO14" s="71">
        <v>160</v>
      </c>
      <c r="AP14" s="71">
        <v>110</v>
      </c>
      <c r="AQ14" s="71">
        <v>96</v>
      </c>
      <c r="AR14" s="71">
        <v>66</v>
      </c>
      <c r="AS14" s="72">
        <v>715</v>
      </c>
      <c r="AT14" s="73">
        <v>1105</v>
      </c>
      <c r="AU14" s="70">
        <v>374</v>
      </c>
      <c r="AV14" s="71">
        <v>231</v>
      </c>
      <c r="AW14" s="72">
        <v>605</v>
      </c>
      <c r="AX14" s="244"/>
      <c r="AY14" s="71">
        <v>422</v>
      </c>
      <c r="AZ14" s="71">
        <v>229</v>
      </c>
      <c r="BA14" s="71">
        <v>143</v>
      </c>
      <c r="BB14" s="71">
        <v>135</v>
      </c>
      <c r="BC14" s="71">
        <v>106</v>
      </c>
      <c r="BD14" s="72">
        <v>1035</v>
      </c>
      <c r="BE14" s="73">
        <v>1640</v>
      </c>
      <c r="BF14" s="70">
        <v>425</v>
      </c>
      <c r="BG14" s="71">
        <v>274</v>
      </c>
      <c r="BH14" s="72">
        <v>699</v>
      </c>
      <c r="BI14" s="244"/>
      <c r="BJ14" s="71">
        <v>441</v>
      </c>
      <c r="BK14" s="71">
        <v>260</v>
      </c>
      <c r="BL14" s="71">
        <v>176</v>
      </c>
      <c r="BM14" s="71">
        <v>141</v>
      </c>
      <c r="BN14" s="71">
        <v>103</v>
      </c>
      <c r="BO14" s="72">
        <v>1121</v>
      </c>
      <c r="BP14" s="73">
        <v>1820</v>
      </c>
      <c r="BQ14" s="70">
        <v>241</v>
      </c>
      <c r="BR14" s="71">
        <v>156</v>
      </c>
      <c r="BS14" s="72">
        <v>397</v>
      </c>
      <c r="BT14" s="244"/>
      <c r="BU14" s="71">
        <v>325</v>
      </c>
      <c r="BV14" s="71">
        <v>214</v>
      </c>
      <c r="BW14" s="71">
        <v>159</v>
      </c>
      <c r="BX14" s="71">
        <v>155</v>
      </c>
      <c r="BY14" s="71">
        <v>81</v>
      </c>
      <c r="BZ14" s="72">
        <v>934</v>
      </c>
      <c r="CA14" s="73">
        <v>1331</v>
      </c>
      <c r="CB14" s="70">
        <v>49</v>
      </c>
      <c r="CC14" s="71">
        <v>34</v>
      </c>
      <c r="CD14" s="72">
        <v>83</v>
      </c>
      <c r="CE14" s="244"/>
      <c r="CF14" s="71">
        <v>76</v>
      </c>
      <c r="CG14" s="71">
        <v>45</v>
      </c>
      <c r="CH14" s="71">
        <v>29</v>
      </c>
      <c r="CI14" s="71">
        <v>26</v>
      </c>
      <c r="CJ14" s="71">
        <v>37</v>
      </c>
      <c r="CK14" s="72">
        <v>213</v>
      </c>
      <c r="CL14" s="73">
        <v>296</v>
      </c>
      <c r="CM14" s="70">
        <v>1519</v>
      </c>
      <c r="CN14" s="71">
        <v>1034</v>
      </c>
      <c r="CO14" s="72">
        <v>2553</v>
      </c>
      <c r="CP14" s="244"/>
      <c r="CQ14" s="71">
        <v>1807</v>
      </c>
      <c r="CR14" s="71">
        <v>1070</v>
      </c>
      <c r="CS14" s="71">
        <v>718</v>
      </c>
      <c r="CT14" s="71">
        <v>648</v>
      </c>
      <c r="CU14" s="71">
        <v>484</v>
      </c>
      <c r="CV14" s="72">
        <v>4727</v>
      </c>
      <c r="CW14" s="73">
        <v>7280</v>
      </c>
      <c r="CX14" s="123">
        <v>3055</v>
      </c>
      <c r="CY14" s="82">
        <v>2188</v>
      </c>
      <c r="CZ14" s="83">
        <v>5243</v>
      </c>
      <c r="DA14" s="241"/>
      <c r="DB14" s="82">
        <v>3244</v>
      </c>
      <c r="DC14" s="82">
        <v>1759</v>
      </c>
      <c r="DD14" s="82">
        <v>1519</v>
      </c>
      <c r="DE14" s="82">
        <v>1496</v>
      </c>
      <c r="DF14" s="82">
        <v>1256</v>
      </c>
      <c r="DG14" s="84">
        <v>9274</v>
      </c>
      <c r="DH14" s="85">
        <v>14517</v>
      </c>
      <c r="DI14" s="70">
        <v>52</v>
      </c>
      <c r="DJ14" s="71">
        <v>64</v>
      </c>
      <c r="DK14" s="72">
        <v>116</v>
      </c>
      <c r="DL14" s="244"/>
      <c r="DM14" s="71">
        <v>70</v>
      </c>
      <c r="DN14" s="71">
        <v>27</v>
      </c>
      <c r="DO14" s="71">
        <v>23</v>
      </c>
      <c r="DP14" s="71">
        <v>22</v>
      </c>
      <c r="DQ14" s="71">
        <v>23</v>
      </c>
      <c r="DR14" s="72">
        <v>165</v>
      </c>
      <c r="DS14" s="73">
        <v>281</v>
      </c>
      <c r="DT14" s="70">
        <v>195</v>
      </c>
      <c r="DU14" s="71">
        <v>139</v>
      </c>
      <c r="DV14" s="72">
        <v>334</v>
      </c>
      <c r="DW14" s="244"/>
      <c r="DX14" s="71">
        <v>190</v>
      </c>
      <c r="DY14" s="71">
        <v>99</v>
      </c>
      <c r="DZ14" s="71">
        <v>56</v>
      </c>
      <c r="EA14" s="71">
        <v>49</v>
      </c>
      <c r="EB14" s="71">
        <v>67</v>
      </c>
      <c r="EC14" s="72">
        <v>461</v>
      </c>
      <c r="ED14" s="73">
        <v>795</v>
      </c>
      <c r="EE14" s="70">
        <v>483</v>
      </c>
      <c r="EF14" s="71">
        <v>292</v>
      </c>
      <c r="EG14" s="72">
        <v>775</v>
      </c>
      <c r="EH14" s="244"/>
      <c r="EI14" s="71">
        <v>392</v>
      </c>
      <c r="EJ14" s="71">
        <v>180</v>
      </c>
      <c r="EK14" s="71">
        <v>142</v>
      </c>
      <c r="EL14" s="71">
        <v>116</v>
      </c>
      <c r="EM14" s="71">
        <v>112</v>
      </c>
      <c r="EN14" s="72">
        <v>942</v>
      </c>
      <c r="EO14" s="73">
        <v>1717</v>
      </c>
      <c r="EP14" s="70">
        <v>865</v>
      </c>
      <c r="EQ14" s="71">
        <v>573</v>
      </c>
      <c r="ER14" s="72">
        <v>1438</v>
      </c>
      <c r="ES14" s="244"/>
      <c r="ET14" s="71">
        <v>672</v>
      </c>
      <c r="EU14" s="71">
        <v>334</v>
      </c>
      <c r="EV14" s="71">
        <v>257</v>
      </c>
      <c r="EW14" s="71">
        <v>243</v>
      </c>
      <c r="EX14" s="71">
        <v>201</v>
      </c>
      <c r="EY14" s="72">
        <v>1707</v>
      </c>
      <c r="EZ14" s="73">
        <v>3145</v>
      </c>
      <c r="FA14" s="70">
        <v>945</v>
      </c>
      <c r="FB14" s="71">
        <v>615</v>
      </c>
      <c r="FC14" s="72">
        <v>1560</v>
      </c>
      <c r="FD14" s="244"/>
      <c r="FE14" s="71">
        <v>1005</v>
      </c>
      <c r="FF14" s="71">
        <v>505</v>
      </c>
      <c r="FG14" s="71">
        <v>433</v>
      </c>
      <c r="FH14" s="71">
        <v>357</v>
      </c>
      <c r="FI14" s="71">
        <v>322</v>
      </c>
      <c r="FJ14" s="72">
        <v>2622</v>
      </c>
      <c r="FK14" s="73">
        <v>4182</v>
      </c>
      <c r="FL14" s="70">
        <v>515</v>
      </c>
      <c r="FM14" s="71">
        <v>505</v>
      </c>
      <c r="FN14" s="72">
        <v>1020</v>
      </c>
      <c r="FO14" s="244"/>
      <c r="FP14" s="71">
        <v>915</v>
      </c>
      <c r="FQ14" s="71">
        <v>614</v>
      </c>
      <c r="FR14" s="71">
        <v>608</v>
      </c>
      <c r="FS14" s="71">
        <v>709</v>
      </c>
      <c r="FT14" s="71">
        <v>531</v>
      </c>
      <c r="FU14" s="72">
        <v>3377</v>
      </c>
      <c r="FV14" s="73">
        <v>4397</v>
      </c>
      <c r="FW14" s="70">
        <v>34</v>
      </c>
      <c r="FX14" s="71">
        <v>38</v>
      </c>
      <c r="FY14" s="72">
        <v>72</v>
      </c>
      <c r="FZ14" s="244"/>
      <c r="GA14" s="71">
        <v>61</v>
      </c>
      <c r="GB14" s="71">
        <v>35</v>
      </c>
      <c r="GC14" s="71">
        <v>16</v>
      </c>
      <c r="GD14" s="71">
        <v>24</v>
      </c>
      <c r="GE14" s="71">
        <v>34</v>
      </c>
      <c r="GF14" s="72">
        <v>170</v>
      </c>
      <c r="GG14" s="73">
        <v>242</v>
      </c>
      <c r="GH14" s="70">
        <v>3089</v>
      </c>
      <c r="GI14" s="71">
        <v>2226</v>
      </c>
      <c r="GJ14" s="72">
        <v>5315</v>
      </c>
      <c r="GK14" s="244"/>
      <c r="GL14" s="71">
        <v>3305</v>
      </c>
      <c r="GM14" s="71">
        <v>1794</v>
      </c>
      <c r="GN14" s="71">
        <v>1535</v>
      </c>
      <c r="GO14" s="71">
        <v>1520</v>
      </c>
      <c r="GP14" s="71">
        <v>1290</v>
      </c>
      <c r="GQ14" s="72">
        <v>9444</v>
      </c>
      <c r="GR14" s="73">
        <v>14759</v>
      </c>
      <c r="GS14" s="123">
        <v>4525</v>
      </c>
      <c r="GT14" s="82">
        <v>3188</v>
      </c>
      <c r="GU14" s="83">
        <v>7713</v>
      </c>
      <c r="GV14" s="241"/>
      <c r="GW14" s="82">
        <v>4975</v>
      </c>
      <c r="GX14" s="82">
        <v>2784</v>
      </c>
      <c r="GY14" s="82">
        <v>2208</v>
      </c>
      <c r="GZ14" s="82">
        <v>2118</v>
      </c>
      <c r="HA14" s="82">
        <v>1703</v>
      </c>
      <c r="HB14" s="84">
        <v>13788</v>
      </c>
      <c r="HC14" s="85">
        <v>21501</v>
      </c>
      <c r="HD14" s="70">
        <v>114</v>
      </c>
      <c r="HE14" s="71">
        <v>121</v>
      </c>
      <c r="HF14" s="72">
        <v>235</v>
      </c>
      <c r="HG14" s="244"/>
      <c r="HH14" s="71">
        <v>153</v>
      </c>
      <c r="HI14" s="71">
        <v>78</v>
      </c>
      <c r="HJ14" s="71">
        <v>52</v>
      </c>
      <c r="HK14" s="71">
        <v>55</v>
      </c>
      <c r="HL14" s="71">
        <v>49</v>
      </c>
      <c r="HM14" s="72">
        <v>387</v>
      </c>
      <c r="HN14" s="73">
        <v>622</v>
      </c>
      <c r="HO14" s="70">
        <v>346</v>
      </c>
      <c r="HP14" s="71">
        <v>248</v>
      </c>
      <c r="HQ14" s="72">
        <v>594</v>
      </c>
      <c r="HR14" s="244"/>
      <c r="HS14" s="71">
        <v>367</v>
      </c>
      <c r="HT14" s="71">
        <v>210</v>
      </c>
      <c r="HU14" s="71">
        <v>128</v>
      </c>
      <c r="HV14" s="71">
        <v>111</v>
      </c>
      <c r="HW14" s="71">
        <v>132</v>
      </c>
      <c r="HX14" s="72">
        <v>948</v>
      </c>
      <c r="HY14" s="73">
        <v>1542</v>
      </c>
      <c r="HZ14" s="70">
        <v>700</v>
      </c>
      <c r="IA14" s="71">
        <v>465</v>
      </c>
      <c r="IB14" s="72">
        <v>1165</v>
      </c>
      <c r="IC14" s="244"/>
      <c r="ID14" s="71">
        <v>675</v>
      </c>
      <c r="IE14" s="71">
        <v>340</v>
      </c>
      <c r="IF14" s="71">
        <v>252</v>
      </c>
      <c r="IG14" s="71">
        <v>212</v>
      </c>
      <c r="IH14" s="71">
        <v>178</v>
      </c>
      <c r="II14" s="72">
        <v>1657</v>
      </c>
      <c r="IJ14" s="73">
        <v>2822</v>
      </c>
      <c r="IK14" s="70">
        <v>1239</v>
      </c>
      <c r="IL14" s="71">
        <v>804</v>
      </c>
      <c r="IM14" s="72">
        <v>2043</v>
      </c>
      <c r="IN14" s="244"/>
      <c r="IO14" s="71">
        <v>1094</v>
      </c>
      <c r="IP14" s="71">
        <v>563</v>
      </c>
      <c r="IQ14" s="71">
        <v>400</v>
      </c>
      <c r="IR14" s="71">
        <v>378</v>
      </c>
      <c r="IS14" s="71">
        <v>307</v>
      </c>
      <c r="IT14" s="72">
        <v>2742</v>
      </c>
      <c r="IU14" s="73">
        <v>4785</v>
      </c>
      <c r="IV14" s="70">
        <v>1370</v>
      </c>
      <c r="IW14" s="71">
        <v>889</v>
      </c>
      <c r="IX14" s="72">
        <v>2259</v>
      </c>
      <c r="IY14" s="244"/>
      <c r="IZ14" s="71">
        <v>1446</v>
      </c>
      <c r="JA14" s="71">
        <v>765</v>
      </c>
      <c r="JB14" s="71">
        <v>609</v>
      </c>
      <c r="JC14" s="71">
        <v>498</v>
      </c>
      <c r="JD14" s="71">
        <v>425</v>
      </c>
      <c r="JE14" s="72">
        <v>3743</v>
      </c>
      <c r="JF14" s="73">
        <v>6002</v>
      </c>
      <c r="JG14" s="70">
        <v>756</v>
      </c>
      <c r="JH14" s="71">
        <v>661</v>
      </c>
      <c r="JI14" s="72">
        <v>1417</v>
      </c>
      <c r="JJ14" s="244"/>
      <c r="JK14" s="71">
        <v>1240</v>
      </c>
      <c r="JL14" s="71">
        <v>828</v>
      </c>
      <c r="JM14" s="71">
        <v>767</v>
      </c>
      <c r="JN14" s="71">
        <v>864</v>
      </c>
      <c r="JO14" s="71">
        <v>612</v>
      </c>
      <c r="JP14" s="72">
        <v>4311</v>
      </c>
      <c r="JQ14" s="73">
        <v>5728</v>
      </c>
      <c r="JR14" s="70">
        <v>83</v>
      </c>
      <c r="JS14" s="71">
        <v>72</v>
      </c>
      <c r="JT14" s="72">
        <v>155</v>
      </c>
      <c r="JU14" s="244"/>
      <c r="JV14" s="71">
        <v>137</v>
      </c>
      <c r="JW14" s="71">
        <v>80</v>
      </c>
      <c r="JX14" s="71">
        <v>45</v>
      </c>
      <c r="JY14" s="71">
        <v>50</v>
      </c>
      <c r="JZ14" s="71">
        <v>71</v>
      </c>
      <c r="KA14" s="72">
        <v>383</v>
      </c>
      <c r="KB14" s="73">
        <v>538</v>
      </c>
      <c r="KC14" s="70">
        <v>4608</v>
      </c>
      <c r="KD14" s="71">
        <v>3260</v>
      </c>
      <c r="KE14" s="72">
        <v>7868</v>
      </c>
      <c r="KF14" s="244"/>
      <c r="KG14" s="71">
        <v>5112</v>
      </c>
      <c r="KH14" s="71">
        <v>2864</v>
      </c>
      <c r="KI14" s="71">
        <v>2253</v>
      </c>
      <c r="KJ14" s="71">
        <v>2168</v>
      </c>
      <c r="KK14" s="71">
        <v>1774</v>
      </c>
      <c r="KL14" s="72">
        <v>14171</v>
      </c>
      <c r="KM14" s="73">
        <v>22039</v>
      </c>
    </row>
    <row r="15" spans="2:299" ht="21" customHeight="1" x14ac:dyDescent="0.2">
      <c r="B15" s="126" t="s">
        <v>11</v>
      </c>
      <c r="C15" s="313">
        <v>461</v>
      </c>
      <c r="D15" s="82">
        <v>346</v>
      </c>
      <c r="E15" s="83">
        <v>807</v>
      </c>
      <c r="F15" s="241"/>
      <c r="G15" s="82">
        <v>865</v>
      </c>
      <c r="H15" s="82">
        <v>574</v>
      </c>
      <c r="I15" s="82">
        <v>465</v>
      </c>
      <c r="J15" s="82">
        <v>417</v>
      </c>
      <c r="K15" s="82">
        <v>213</v>
      </c>
      <c r="L15" s="84">
        <v>2534</v>
      </c>
      <c r="M15" s="85">
        <v>3341</v>
      </c>
      <c r="N15" s="70">
        <v>15</v>
      </c>
      <c r="O15" s="71">
        <v>15</v>
      </c>
      <c r="P15" s="72">
        <v>30</v>
      </c>
      <c r="Q15" s="244"/>
      <c r="R15" s="71">
        <v>44</v>
      </c>
      <c r="S15" s="71">
        <v>23</v>
      </c>
      <c r="T15" s="71">
        <v>20</v>
      </c>
      <c r="U15" s="71">
        <v>16</v>
      </c>
      <c r="V15" s="71">
        <v>14</v>
      </c>
      <c r="W15" s="72">
        <v>117</v>
      </c>
      <c r="X15" s="73">
        <v>147</v>
      </c>
      <c r="Y15" s="70">
        <v>55</v>
      </c>
      <c r="Z15" s="71">
        <v>39</v>
      </c>
      <c r="AA15" s="72">
        <v>94</v>
      </c>
      <c r="AB15" s="244"/>
      <c r="AC15" s="71">
        <v>95</v>
      </c>
      <c r="AD15" s="71">
        <v>63</v>
      </c>
      <c r="AE15" s="71">
        <v>57</v>
      </c>
      <c r="AF15" s="71">
        <v>43</v>
      </c>
      <c r="AG15" s="71">
        <v>30</v>
      </c>
      <c r="AH15" s="72">
        <v>288</v>
      </c>
      <c r="AI15" s="73">
        <v>382</v>
      </c>
      <c r="AJ15" s="70">
        <v>64</v>
      </c>
      <c r="AK15" s="71">
        <v>71</v>
      </c>
      <c r="AL15" s="72">
        <v>135</v>
      </c>
      <c r="AM15" s="244"/>
      <c r="AN15" s="71">
        <v>152</v>
      </c>
      <c r="AO15" s="71">
        <v>111</v>
      </c>
      <c r="AP15" s="71">
        <v>81</v>
      </c>
      <c r="AQ15" s="71">
        <v>72</v>
      </c>
      <c r="AR15" s="71">
        <v>32</v>
      </c>
      <c r="AS15" s="72">
        <v>448</v>
      </c>
      <c r="AT15" s="73">
        <v>583</v>
      </c>
      <c r="AU15" s="70">
        <v>119</v>
      </c>
      <c r="AV15" s="71">
        <v>78</v>
      </c>
      <c r="AW15" s="72">
        <v>197</v>
      </c>
      <c r="AX15" s="244"/>
      <c r="AY15" s="71">
        <v>216</v>
      </c>
      <c r="AZ15" s="71">
        <v>131</v>
      </c>
      <c r="BA15" s="71">
        <v>107</v>
      </c>
      <c r="BB15" s="71">
        <v>103</v>
      </c>
      <c r="BC15" s="71">
        <v>53</v>
      </c>
      <c r="BD15" s="72">
        <v>610</v>
      </c>
      <c r="BE15" s="73">
        <v>807</v>
      </c>
      <c r="BF15" s="70">
        <v>130</v>
      </c>
      <c r="BG15" s="71">
        <v>90</v>
      </c>
      <c r="BH15" s="72">
        <v>220</v>
      </c>
      <c r="BI15" s="244"/>
      <c r="BJ15" s="71">
        <v>201</v>
      </c>
      <c r="BK15" s="71">
        <v>141</v>
      </c>
      <c r="BL15" s="71">
        <v>111</v>
      </c>
      <c r="BM15" s="71">
        <v>97</v>
      </c>
      <c r="BN15" s="71">
        <v>47</v>
      </c>
      <c r="BO15" s="72">
        <v>597</v>
      </c>
      <c r="BP15" s="73">
        <v>817</v>
      </c>
      <c r="BQ15" s="70">
        <v>78</v>
      </c>
      <c r="BR15" s="71">
        <v>53</v>
      </c>
      <c r="BS15" s="72">
        <v>131</v>
      </c>
      <c r="BT15" s="244"/>
      <c r="BU15" s="71">
        <v>157</v>
      </c>
      <c r="BV15" s="71">
        <v>105</v>
      </c>
      <c r="BW15" s="71">
        <v>89</v>
      </c>
      <c r="BX15" s="71">
        <v>86</v>
      </c>
      <c r="BY15" s="71">
        <v>37</v>
      </c>
      <c r="BZ15" s="72">
        <v>474</v>
      </c>
      <c r="CA15" s="73">
        <v>605</v>
      </c>
      <c r="CB15" s="70">
        <v>10</v>
      </c>
      <c r="CC15" s="71">
        <v>9</v>
      </c>
      <c r="CD15" s="72">
        <v>19</v>
      </c>
      <c r="CE15" s="244"/>
      <c r="CF15" s="71">
        <v>33</v>
      </c>
      <c r="CG15" s="71">
        <v>20</v>
      </c>
      <c r="CH15" s="71">
        <v>12</v>
      </c>
      <c r="CI15" s="71">
        <v>17</v>
      </c>
      <c r="CJ15" s="71">
        <v>12</v>
      </c>
      <c r="CK15" s="72">
        <v>94</v>
      </c>
      <c r="CL15" s="73">
        <v>113</v>
      </c>
      <c r="CM15" s="70">
        <v>471</v>
      </c>
      <c r="CN15" s="71">
        <v>355</v>
      </c>
      <c r="CO15" s="72">
        <v>826</v>
      </c>
      <c r="CP15" s="244"/>
      <c r="CQ15" s="71">
        <v>898</v>
      </c>
      <c r="CR15" s="71">
        <v>594</v>
      </c>
      <c r="CS15" s="71">
        <v>477</v>
      </c>
      <c r="CT15" s="71">
        <v>434</v>
      </c>
      <c r="CU15" s="71">
        <v>225</v>
      </c>
      <c r="CV15" s="72">
        <v>2628</v>
      </c>
      <c r="CW15" s="73">
        <v>3454</v>
      </c>
      <c r="CX15" s="123">
        <v>946</v>
      </c>
      <c r="CY15" s="82">
        <v>767</v>
      </c>
      <c r="CZ15" s="83">
        <v>1713</v>
      </c>
      <c r="DA15" s="241"/>
      <c r="DB15" s="82">
        <v>1752</v>
      </c>
      <c r="DC15" s="82">
        <v>1054</v>
      </c>
      <c r="DD15" s="82">
        <v>936</v>
      </c>
      <c r="DE15" s="82">
        <v>964</v>
      </c>
      <c r="DF15" s="82">
        <v>540</v>
      </c>
      <c r="DG15" s="84">
        <v>5246</v>
      </c>
      <c r="DH15" s="85">
        <v>6959</v>
      </c>
      <c r="DI15" s="70">
        <v>22</v>
      </c>
      <c r="DJ15" s="71">
        <v>16</v>
      </c>
      <c r="DK15" s="72">
        <v>38</v>
      </c>
      <c r="DL15" s="244"/>
      <c r="DM15" s="71">
        <v>45</v>
      </c>
      <c r="DN15" s="71">
        <v>21</v>
      </c>
      <c r="DO15" s="71">
        <v>15</v>
      </c>
      <c r="DP15" s="71">
        <v>18</v>
      </c>
      <c r="DQ15" s="71">
        <v>14</v>
      </c>
      <c r="DR15" s="72">
        <v>113</v>
      </c>
      <c r="DS15" s="73">
        <v>151</v>
      </c>
      <c r="DT15" s="70">
        <v>68</v>
      </c>
      <c r="DU15" s="71">
        <v>57</v>
      </c>
      <c r="DV15" s="72">
        <v>125</v>
      </c>
      <c r="DW15" s="244"/>
      <c r="DX15" s="71">
        <v>102</v>
      </c>
      <c r="DY15" s="71">
        <v>42</v>
      </c>
      <c r="DZ15" s="71">
        <v>50</v>
      </c>
      <c r="EA15" s="71">
        <v>44</v>
      </c>
      <c r="EB15" s="71">
        <v>28</v>
      </c>
      <c r="EC15" s="72">
        <v>266</v>
      </c>
      <c r="ED15" s="73">
        <v>391</v>
      </c>
      <c r="EE15" s="70">
        <v>121</v>
      </c>
      <c r="EF15" s="71">
        <v>107</v>
      </c>
      <c r="EG15" s="72">
        <v>228</v>
      </c>
      <c r="EH15" s="244"/>
      <c r="EI15" s="71">
        <v>165</v>
      </c>
      <c r="EJ15" s="71">
        <v>110</v>
      </c>
      <c r="EK15" s="71">
        <v>97</v>
      </c>
      <c r="EL15" s="71">
        <v>80</v>
      </c>
      <c r="EM15" s="71">
        <v>43</v>
      </c>
      <c r="EN15" s="72">
        <v>495</v>
      </c>
      <c r="EO15" s="73">
        <v>723</v>
      </c>
      <c r="EP15" s="70">
        <v>277</v>
      </c>
      <c r="EQ15" s="71">
        <v>214</v>
      </c>
      <c r="ER15" s="72">
        <v>491</v>
      </c>
      <c r="ES15" s="244"/>
      <c r="ET15" s="71">
        <v>412</v>
      </c>
      <c r="EU15" s="71">
        <v>204</v>
      </c>
      <c r="EV15" s="71">
        <v>157</v>
      </c>
      <c r="EW15" s="71">
        <v>156</v>
      </c>
      <c r="EX15" s="71">
        <v>99</v>
      </c>
      <c r="EY15" s="72">
        <v>1028</v>
      </c>
      <c r="EZ15" s="73">
        <v>1519</v>
      </c>
      <c r="FA15" s="70">
        <v>284</v>
      </c>
      <c r="FB15" s="71">
        <v>213</v>
      </c>
      <c r="FC15" s="72">
        <v>497</v>
      </c>
      <c r="FD15" s="244"/>
      <c r="FE15" s="71">
        <v>544</v>
      </c>
      <c r="FF15" s="71">
        <v>296</v>
      </c>
      <c r="FG15" s="71">
        <v>252</v>
      </c>
      <c r="FH15" s="71">
        <v>238</v>
      </c>
      <c r="FI15" s="71">
        <v>133</v>
      </c>
      <c r="FJ15" s="72">
        <v>1463</v>
      </c>
      <c r="FK15" s="73">
        <v>1960</v>
      </c>
      <c r="FL15" s="70">
        <v>174</v>
      </c>
      <c r="FM15" s="71">
        <v>160</v>
      </c>
      <c r="FN15" s="72">
        <v>334</v>
      </c>
      <c r="FO15" s="244"/>
      <c r="FP15" s="71">
        <v>484</v>
      </c>
      <c r="FQ15" s="71">
        <v>381</v>
      </c>
      <c r="FR15" s="71">
        <v>365</v>
      </c>
      <c r="FS15" s="71">
        <v>428</v>
      </c>
      <c r="FT15" s="71">
        <v>223</v>
      </c>
      <c r="FU15" s="72">
        <v>1881</v>
      </c>
      <c r="FV15" s="73">
        <v>2215</v>
      </c>
      <c r="FW15" s="70">
        <v>11</v>
      </c>
      <c r="FX15" s="71">
        <v>9</v>
      </c>
      <c r="FY15" s="72">
        <v>20</v>
      </c>
      <c r="FZ15" s="244"/>
      <c r="GA15" s="71">
        <v>24</v>
      </c>
      <c r="GB15" s="71">
        <v>14</v>
      </c>
      <c r="GC15" s="71">
        <v>17</v>
      </c>
      <c r="GD15" s="71">
        <v>9</v>
      </c>
      <c r="GE15" s="71">
        <v>10</v>
      </c>
      <c r="GF15" s="72">
        <v>74</v>
      </c>
      <c r="GG15" s="73">
        <v>94</v>
      </c>
      <c r="GH15" s="70">
        <v>957</v>
      </c>
      <c r="GI15" s="71">
        <v>776</v>
      </c>
      <c r="GJ15" s="72">
        <v>1733</v>
      </c>
      <c r="GK15" s="244"/>
      <c r="GL15" s="71">
        <v>1776</v>
      </c>
      <c r="GM15" s="71">
        <v>1068</v>
      </c>
      <c r="GN15" s="71">
        <v>953</v>
      </c>
      <c r="GO15" s="71">
        <v>973</v>
      </c>
      <c r="GP15" s="71">
        <v>550</v>
      </c>
      <c r="GQ15" s="72">
        <v>5320</v>
      </c>
      <c r="GR15" s="73">
        <v>7053</v>
      </c>
      <c r="GS15" s="123">
        <v>1407</v>
      </c>
      <c r="GT15" s="82">
        <v>1113</v>
      </c>
      <c r="GU15" s="83">
        <v>2520</v>
      </c>
      <c r="GV15" s="241"/>
      <c r="GW15" s="82">
        <v>2617</v>
      </c>
      <c r="GX15" s="82">
        <v>1628</v>
      </c>
      <c r="GY15" s="82">
        <v>1401</v>
      </c>
      <c r="GZ15" s="82">
        <v>1381</v>
      </c>
      <c r="HA15" s="82">
        <v>753</v>
      </c>
      <c r="HB15" s="84">
        <v>7780</v>
      </c>
      <c r="HC15" s="85">
        <v>10300</v>
      </c>
      <c r="HD15" s="70">
        <v>37</v>
      </c>
      <c r="HE15" s="71">
        <v>31</v>
      </c>
      <c r="HF15" s="72">
        <v>68</v>
      </c>
      <c r="HG15" s="244"/>
      <c r="HH15" s="71">
        <v>89</v>
      </c>
      <c r="HI15" s="71">
        <v>44</v>
      </c>
      <c r="HJ15" s="71">
        <v>35</v>
      </c>
      <c r="HK15" s="71">
        <v>34</v>
      </c>
      <c r="HL15" s="71">
        <v>28</v>
      </c>
      <c r="HM15" s="72">
        <v>230</v>
      </c>
      <c r="HN15" s="73">
        <v>298</v>
      </c>
      <c r="HO15" s="70">
        <v>123</v>
      </c>
      <c r="HP15" s="71">
        <v>96</v>
      </c>
      <c r="HQ15" s="72">
        <v>219</v>
      </c>
      <c r="HR15" s="244"/>
      <c r="HS15" s="71">
        <v>197</v>
      </c>
      <c r="HT15" s="71">
        <v>105</v>
      </c>
      <c r="HU15" s="71">
        <v>107</v>
      </c>
      <c r="HV15" s="71">
        <v>87</v>
      </c>
      <c r="HW15" s="71">
        <v>58</v>
      </c>
      <c r="HX15" s="72">
        <v>554</v>
      </c>
      <c r="HY15" s="73">
        <v>773</v>
      </c>
      <c r="HZ15" s="70">
        <v>185</v>
      </c>
      <c r="IA15" s="71">
        <v>178</v>
      </c>
      <c r="IB15" s="72">
        <v>363</v>
      </c>
      <c r="IC15" s="244"/>
      <c r="ID15" s="71">
        <v>317</v>
      </c>
      <c r="IE15" s="71">
        <v>221</v>
      </c>
      <c r="IF15" s="71">
        <v>178</v>
      </c>
      <c r="IG15" s="71">
        <v>152</v>
      </c>
      <c r="IH15" s="71">
        <v>75</v>
      </c>
      <c r="II15" s="72">
        <v>943</v>
      </c>
      <c r="IJ15" s="73">
        <v>1306</v>
      </c>
      <c r="IK15" s="70">
        <v>396</v>
      </c>
      <c r="IL15" s="71">
        <v>292</v>
      </c>
      <c r="IM15" s="72">
        <v>688</v>
      </c>
      <c r="IN15" s="244"/>
      <c r="IO15" s="71">
        <v>628</v>
      </c>
      <c r="IP15" s="71">
        <v>335</v>
      </c>
      <c r="IQ15" s="71">
        <v>264</v>
      </c>
      <c r="IR15" s="71">
        <v>259</v>
      </c>
      <c r="IS15" s="71">
        <v>152</v>
      </c>
      <c r="IT15" s="72">
        <v>1638</v>
      </c>
      <c r="IU15" s="73">
        <v>2326</v>
      </c>
      <c r="IV15" s="70">
        <v>414</v>
      </c>
      <c r="IW15" s="71">
        <v>303</v>
      </c>
      <c r="IX15" s="72">
        <v>717</v>
      </c>
      <c r="IY15" s="244"/>
      <c r="IZ15" s="71">
        <v>745</v>
      </c>
      <c r="JA15" s="71">
        <v>437</v>
      </c>
      <c r="JB15" s="71">
        <v>363</v>
      </c>
      <c r="JC15" s="71">
        <v>335</v>
      </c>
      <c r="JD15" s="71">
        <v>180</v>
      </c>
      <c r="JE15" s="72">
        <v>2060</v>
      </c>
      <c r="JF15" s="73">
        <v>2777</v>
      </c>
      <c r="JG15" s="70">
        <v>252</v>
      </c>
      <c r="JH15" s="71">
        <v>213</v>
      </c>
      <c r="JI15" s="72">
        <v>465</v>
      </c>
      <c r="JJ15" s="244"/>
      <c r="JK15" s="71">
        <v>641</v>
      </c>
      <c r="JL15" s="71">
        <v>486</v>
      </c>
      <c r="JM15" s="71">
        <v>454</v>
      </c>
      <c r="JN15" s="71">
        <v>514</v>
      </c>
      <c r="JO15" s="71">
        <v>260</v>
      </c>
      <c r="JP15" s="72">
        <v>2355</v>
      </c>
      <c r="JQ15" s="73">
        <v>2820</v>
      </c>
      <c r="JR15" s="70">
        <v>21</v>
      </c>
      <c r="JS15" s="71">
        <v>18</v>
      </c>
      <c r="JT15" s="72">
        <v>39</v>
      </c>
      <c r="JU15" s="244"/>
      <c r="JV15" s="71">
        <v>57</v>
      </c>
      <c r="JW15" s="71">
        <v>34</v>
      </c>
      <c r="JX15" s="71">
        <v>29</v>
      </c>
      <c r="JY15" s="71">
        <v>26</v>
      </c>
      <c r="JZ15" s="71">
        <v>22</v>
      </c>
      <c r="KA15" s="72">
        <v>168</v>
      </c>
      <c r="KB15" s="73">
        <v>207</v>
      </c>
      <c r="KC15" s="70">
        <v>1428</v>
      </c>
      <c r="KD15" s="71">
        <v>1131</v>
      </c>
      <c r="KE15" s="72">
        <v>2559</v>
      </c>
      <c r="KF15" s="244"/>
      <c r="KG15" s="71">
        <v>2674</v>
      </c>
      <c r="KH15" s="71">
        <v>1662</v>
      </c>
      <c r="KI15" s="71">
        <v>1430</v>
      </c>
      <c r="KJ15" s="71">
        <v>1407</v>
      </c>
      <c r="KK15" s="71">
        <v>775</v>
      </c>
      <c r="KL15" s="72">
        <v>7948</v>
      </c>
      <c r="KM15" s="73">
        <v>10507</v>
      </c>
    </row>
    <row r="16" spans="2:299" ht="21" customHeight="1" x14ac:dyDescent="0.2">
      <c r="B16" s="126" t="s">
        <v>12</v>
      </c>
      <c r="C16" s="313">
        <v>685</v>
      </c>
      <c r="D16" s="82">
        <v>639</v>
      </c>
      <c r="E16" s="83">
        <v>1324</v>
      </c>
      <c r="F16" s="241"/>
      <c r="G16" s="82">
        <v>709</v>
      </c>
      <c r="H16" s="82">
        <v>630</v>
      </c>
      <c r="I16" s="82">
        <v>471</v>
      </c>
      <c r="J16" s="82">
        <v>458</v>
      </c>
      <c r="K16" s="82">
        <v>227</v>
      </c>
      <c r="L16" s="84">
        <v>2495</v>
      </c>
      <c r="M16" s="85">
        <v>3819</v>
      </c>
      <c r="N16" s="86">
        <v>24</v>
      </c>
      <c r="O16" s="71">
        <v>30</v>
      </c>
      <c r="P16" s="72">
        <v>54</v>
      </c>
      <c r="Q16" s="244"/>
      <c r="R16" s="71">
        <v>17</v>
      </c>
      <c r="S16" s="71">
        <v>27</v>
      </c>
      <c r="T16" s="71">
        <v>21</v>
      </c>
      <c r="U16" s="71">
        <v>25</v>
      </c>
      <c r="V16" s="71">
        <v>10</v>
      </c>
      <c r="W16" s="72">
        <v>100</v>
      </c>
      <c r="X16" s="73">
        <v>154</v>
      </c>
      <c r="Y16" s="70">
        <v>53</v>
      </c>
      <c r="Z16" s="71">
        <v>73</v>
      </c>
      <c r="AA16" s="72">
        <v>126</v>
      </c>
      <c r="AB16" s="244"/>
      <c r="AC16" s="71">
        <v>52</v>
      </c>
      <c r="AD16" s="71">
        <v>49</v>
      </c>
      <c r="AE16" s="71">
        <v>37</v>
      </c>
      <c r="AF16" s="71">
        <v>41</v>
      </c>
      <c r="AG16" s="71">
        <v>25</v>
      </c>
      <c r="AH16" s="72">
        <v>204</v>
      </c>
      <c r="AI16" s="73">
        <v>330</v>
      </c>
      <c r="AJ16" s="86">
        <v>94</v>
      </c>
      <c r="AK16" s="71">
        <v>95</v>
      </c>
      <c r="AL16" s="72">
        <v>189</v>
      </c>
      <c r="AM16" s="244"/>
      <c r="AN16" s="71">
        <v>94</v>
      </c>
      <c r="AO16" s="71">
        <v>92</v>
      </c>
      <c r="AP16" s="71">
        <v>80</v>
      </c>
      <c r="AQ16" s="71">
        <v>59</v>
      </c>
      <c r="AR16" s="71">
        <v>48</v>
      </c>
      <c r="AS16" s="72">
        <v>373</v>
      </c>
      <c r="AT16" s="73">
        <v>562</v>
      </c>
      <c r="AU16" s="70">
        <v>180</v>
      </c>
      <c r="AV16" s="71">
        <v>159</v>
      </c>
      <c r="AW16" s="72">
        <v>339</v>
      </c>
      <c r="AX16" s="244"/>
      <c r="AY16" s="71">
        <v>179</v>
      </c>
      <c r="AZ16" s="71">
        <v>160</v>
      </c>
      <c r="BA16" s="71">
        <v>114</v>
      </c>
      <c r="BB16" s="71">
        <v>86</v>
      </c>
      <c r="BC16" s="71">
        <v>46</v>
      </c>
      <c r="BD16" s="72">
        <v>585</v>
      </c>
      <c r="BE16" s="73">
        <v>924</v>
      </c>
      <c r="BF16" s="86">
        <v>209</v>
      </c>
      <c r="BG16" s="71">
        <v>150</v>
      </c>
      <c r="BH16" s="72">
        <v>359</v>
      </c>
      <c r="BI16" s="244"/>
      <c r="BJ16" s="71">
        <v>216</v>
      </c>
      <c r="BK16" s="71">
        <v>161</v>
      </c>
      <c r="BL16" s="71">
        <v>134</v>
      </c>
      <c r="BM16" s="71">
        <v>139</v>
      </c>
      <c r="BN16" s="71">
        <v>61</v>
      </c>
      <c r="BO16" s="72">
        <v>711</v>
      </c>
      <c r="BP16" s="73">
        <v>1070</v>
      </c>
      <c r="BQ16" s="70">
        <v>125</v>
      </c>
      <c r="BR16" s="71">
        <v>132</v>
      </c>
      <c r="BS16" s="72">
        <v>257</v>
      </c>
      <c r="BT16" s="244"/>
      <c r="BU16" s="71">
        <v>151</v>
      </c>
      <c r="BV16" s="71">
        <v>141</v>
      </c>
      <c r="BW16" s="71">
        <v>85</v>
      </c>
      <c r="BX16" s="71">
        <v>108</v>
      </c>
      <c r="BY16" s="71">
        <v>37</v>
      </c>
      <c r="BZ16" s="72">
        <v>522</v>
      </c>
      <c r="CA16" s="73">
        <v>779</v>
      </c>
      <c r="CB16" s="70">
        <v>19</v>
      </c>
      <c r="CC16" s="71">
        <v>35</v>
      </c>
      <c r="CD16" s="72">
        <v>54</v>
      </c>
      <c r="CE16" s="244"/>
      <c r="CF16" s="71">
        <v>18</v>
      </c>
      <c r="CG16" s="71">
        <v>18</v>
      </c>
      <c r="CH16" s="71">
        <v>16</v>
      </c>
      <c r="CI16" s="71">
        <v>10</v>
      </c>
      <c r="CJ16" s="71">
        <v>13</v>
      </c>
      <c r="CK16" s="72">
        <v>75</v>
      </c>
      <c r="CL16" s="73">
        <v>129</v>
      </c>
      <c r="CM16" s="70">
        <v>704</v>
      </c>
      <c r="CN16" s="71">
        <v>674</v>
      </c>
      <c r="CO16" s="72">
        <v>1378</v>
      </c>
      <c r="CP16" s="244"/>
      <c r="CQ16" s="71">
        <v>727</v>
      </c>
      <c r="CR16" s="71">
        <v>648</v>
      </c>
      <c r="CS16" s="71">
        <v>487</v>
      </c>
      <c r="CT16" s="71">
        <v>468</v>
      </c>
      <c r="CU16" s="71">
        <v>240</v>
      </c>
      <c r="CV16" s="72">
        <v>2570</v>
      </c>
      <c r="CW16" s="73">
        <v>3948</v>
      </c>
      <c r="CX16" s="123">
        <v>1327</v>
      </c>
      <c r="CY16" s="82">
        <v>1355</v>
      </c>
      <c r="CZ16" s="83">
        <v>2682</v>
      </c>
      <c r="DA16" s="241"/>
      <c r="DB16" s="82">
        <v>1457</v>
      </c>
      <c r="DC16" s="82">
        <v>1131</v>
      </c>
      <c r="DD16" s="82">
        <v>933</v>
      </c>
      <c r="DE16" s="82">
        <v>1031</v>
      </c>
      <c r="DF16" s="82">
        <v>694</v>
      </c>
      <c r="DG16" s="84">
        <v>5246</v>
      </c>
      <c r="DH16" s="85">
        <v>7928</v>
      </c>
      <c r="DI16" s="86">
        <v>34</v>
      </c>
      <c r="DJ16" s="71">
        <v>34</v>
      </c>
      <c r="DK16" s="72">
        <v>68</v>
      </c>
      <c r="DL16" s="244"/>
      <c r="DM16" s="71">
        <v>22</v>
      </c>
      <c r="DN16" s="71">
        <v>17</v>
      </c>
      <c r="DO16" s="71">
        <v>14</v>
      </c>
      <c r="DP16" s="71">
        <v>15</v>
      </c>
      <c r="DQ16" s="71">
        <v>12</v>
      </c>
      <c r="DR16" s="72">
        <v>80</v>
      </c>
      <c r="DS16" s="73">
        <v>148</v>
      </c>
      <c r="DT16" s="70">
        <v>85</v>
      </c>
      <c r="DU16" s="71">
        <v>82</v>
      </c>
      <c r="DV16" s="72">
        <v>167</v>
      </c>
      <c r="DW16" s="244"/>
      <c r="DX16" s="71">
        <v>50</v>
      </c>
      <c r="DY16" s="71">
        <v>58</v>
      </c>
      <c r="DZ16" s="71">
        <v>33</v>
      </c>
      <c r="EA16" s="71">
        <v>48</v>
      </c>
      <c r="EB16" s="71">
        <v>37</v>
      </c>
      <c r="EC16" s="72">
        <v>226</v>
      </c>
      <c r="ED16" s="73">
        <v>393</v>
      </c>
      <c r="EE16" s="86">
        <v>195</v>
      </c>
      <c r="EF16" s="71">
        <v>218</v>
      </c>
      <c r="EG16" s="72">
        <v>413</v>
      </c>
      <c r="EH16" s="244"/>
      <c r="EI16" s="71">
        <v>139</v>
      </c>
      <c r="EJ16" s="71">
        <v>115</v>
      </c>
      <c r="EK16" s="71">
        <v>91</v>
      </c>
      <c r="EL16" s="71">
        <v>84</v>
      </c>
      <c r="EM16" s="71">
        <v>74</v>
      </c>
      <c r="EN16" s="72">
        <v>503</v>
      </c>
      <c r="EO16" s="73">
        <v>916</v>
      </c>
      <c r="EP16" s="70">
        <v>389</v>
      </c>
      <c r="EQ16" s="71">
        <v>338</v>
      </c>
      <c r="ER16" s="72">
        <v>727</v>
      </c>
      <c r="ES16" s="244"/>
      <c r="ET16" s="71">
        <v>344</v>
      </c>
      <c r="EU16" s="71">
        <v>216</v>
      </c>
      <c r="EV16" s="71">
        <v>152</v>
      </c>
      <c r="EW16" s="71">
        <v>142</v>
      </c>
      <c r="EX16" s="71">
        <v>126</v>
      </c>
      <c r="EY16" s="72">
        <v>980</v>
      </c>
      <c r="EZ16" s="73">
        <v>1707</v>
      </c>
      <c r="FA16" s="86">
        <v>397</v>
      </c>
      <c r="FB16" s="71">
        <v>381</v>
      </c>
      <c r="FC16" s="72">
        <v>778</v>
      </c>
      <c r="FD16" s="244"/>
      <c r="FE16" s="71">
        <v>459</v>
      </c>
      <c r="FF16" s="71">
        <v>344</v>
      </c>
      <c r="FG16" s="71">
        <v>269</v>
      </c>
      <c r="FH16" s="71">
        <v>282</v>
      </c>
      <c r="FI16" s="71">
        <v>154</v>
      </c>
      <c r="FJ16" s="72">
        <v>1508</v>
      </c>
      <c r="FK16" s="73">
        <v>2286</v>
      </c>
      <c r="FL16" s="70">
        <v>227</v>
      </c>
      <c r="FM16" s="71">
        <v>302</v>
      </c>
      <c r="FN16" s="72">
        <v>529</v>
      </c>
      <c r="FO16" s="244"/>
      <c r="FP16" s="71">
        <v>443</v>
      </c>
      <c r="FQ16" s="71">
        <v>381</v>
      </c>
      <c r="FR16" s="71">
        <v>374</v>
      </c>
      <c r="FS16" s="71">
        <v>460</v>
      </c>
      <c r="FT16" s="71">
        <v>291</v>
      </c>
      <c r="FU16" s="72">
        <v>1949</v>
      </c>
      <c r="FV16" s="73">
        <v>2478</v>
      </c>
      <c r="FW16" s="70">
        <v>16</v>
      </c>
      <c r="FX16" s="71">
        <v>21</v>
      </c>
      <c r="FY16" s="72">
        <v>37</v>
      </c>
      <c r="FZ16" s="244"/>
      <c r="GA16" s="71">
        <v>19</v>
      </c>
      <c r="GB16" s="71">
        <v>16</v>
      </c>
      <c r="GC16" s="71">
        <v>17</v>
      </c>
      <c r="GD16" s="71">
        <v>17</v>
      </c>
      <c r="GE16" s="71">
        <v>9</v>
      </c>
      <c r="GF16" s="72">
        <v>78</v>
      </c>
      <c r="GG16" s="73">
        <v>115</v>
      </c>
      <c r="GH16" s="70">
        <v>1343</v>
      </c>
      <c r="GI16" s="71">
        <v>1376</v>
      </c>
      <c r="GJ16" s="72">
        <v>2719</v>
      </c>
      <c r="GK16" s="244"/>
      <c r="GL16" s="71">
        <v>1476</v>
      </c>
      <c r="GM16" s="71">
        <v>1147</v>
      </c>
      <c r="GN16" s="71">
        <v>950</v>
      </c>
      <c r="GO16" s="71">
        <v>1048</v>
      </c>
      <c r="GP16" s="71">
        <v>703</v>
      </c>
      <c r="GQ16" s="72">
        <v>5324</v>
      </c>
      <c r="GR16" s="73">
        <v>8043</v>
      </c>
      <c r="GS16" s="123">
        <v>2012</v>
      </c>
      <c r="GT16" s="82">
        <v>1994</v>
      </c>
      <c r="GU16" s="83">
        <v>4006</v>
      </c>
      <c r="GV16" s="241"/>
      <c r="GW16" s="82">
        <v>2166</v>
      </c>
      <c r="GX16" s="82">
        <v>1761</v>
      </c>
      <c r="GY16" s="82">
        <v>1404</v>
      </c>
      <c r="GZ16" s="82">
        <v>1489</v>
      </c>
      <c r="HA16" s="82">
        <v>921</v>
      </c>
      <c r="HB16" s="84">
        <v>7741</v>
      </c>
      <c r="HC16" s="85">
        <v>11747</v>
      </c>
      <c r="HD16" s="86">
        <v>58</v>
      </c>
      <c r="HE16" s="71">
        <v>64</v>
      </c>
      <c r="HF16" s="72">
        <v>122</v>
      </c>
      <c r="HG16" s="244"/>
      <c r="HH16" s="71">
        <v>39</v>
      </c>
      <c r="HI16" s="71">
        <v>44</v>
      </c>
      <c r="HJ16" s="71">
        <v>35</v>
      </c>
      <c r="HK16" s="71">
        <v>40</v>
      </c>
      <c r="HL16" s="71">
        <v>22</v>
      </c>
      <c r="HM16" s="72">
        <v>180</v>
      </c>
      <c r="HN16" s="73">
        <v>302</v>
      </c>
      <c r="HO16" s="70">
        <v>138</v>
      </c>
      <c r="HP16" s="71">
        <v>155</v>
      </c>
      <c r="HQ16" s="72">
        <v>293</v>
      </c>
      <c r="HR16" s="244"/>
      <c r="HS16" s="71">
        <v>102</v>
      </c>
      <c r="HT16" s="71">
        <v>107</v>
      </c>
      <c r="HU16" s="71">
        <v>70</v>
      </c>
      <c r="HV16" s="71">
        <v>89</v>
      </c>
      <c r="HW16" s="71">
        <v>62</v>
      </c>
      <c r="HX16" s="72">
        <v>430</v>
      </c>
      <c r="HY16" s="73">
        <v>723</v>
      </c>
      <c r="HZ16" s="86">
        <v>289</v>
      </c>
      <c r="IA16" s="71">
        <v>313</v>
      </c>
      <c r="IB16" s="72">
        <v>602</v>
      </c>
      <c r="IC16" s="244"/>
      <c r="ID16" s="71">
        <v>233</v>
      </c>
      <c r="IE16" s="71">
        <v>207</v>
      </c>
      <c r="IF16" s="71">
        <v>171</v>
      </c>
      <c r="IG16" s="71">
        <v>143</v>
      </c>
      <c r="IH16" s="71">
        <v>122</v>
      </c>
      <c r="II16" s="72">
        <v>876</v>
      </c>
      <c r="IJ16" s="73">
        <v>1478</v>
      </c>
      <c r="IK16" s="70">
        <v>569</v>
      </c>
      <c r="IL16" s="71">
        <v>497</v>
      </c>
      <c r="IM16" s="72">
        <v>1066</v>
      </c>
      <c r="IN16" s="244"/>
      <c r="IO16" s="71">
        <v>523</v>
      </c>
      <c r="IP16" s="71">
        <v>376</v>
      </c>
      <c r="IQ16" s="71">
        <v>266</v>
      </c>
      <c r="IR16" s="71">
        <v>228</v>
      </c>
      <c r="IS16" s="71">
        <v>172</v>
      </c>
      <c r="IT16" s="72">
        <v>1565</v>
      </c>
      <c r="IU16" s="73">
        <v>2631</v>
      </c>
      <c r="IV16" s="86">
        <v>606</v>
      </c>
      <c r="IW16" s="71">
        <v>531</v>
      </c>
      <c r="IX16" s="72">
        <v>1137</v>
      </c>
      <c r="IY16" s="244"/>
      <c r="IZ16" s="71">
        <v>675</v>
      </c>
      <c r="JA16" s="71">
        <v>505</v>
      </c>
      <c r="JB16" s="71">
        <v>403</v>
      </c>
      <c r="JC16" s="71">
        <v>421</v>
      </c>
      <c r="JD16" s="71">
        <v>215</v>
      </c>
      <c r="JE16" s="72">
        <v>2219</v>
      </c>
      <c r="JF16" s="73">
        <v>3356</v>
      </c>
      <c r="JG16" s="70">
        <v>352</v>
      </c>
      <c r="JH16" s="71">
        <v>434</v>
      </c>
      <c r="JI16" s="72">
        <v>786</v>
      </c>
      <c r="JJ16" s="244"/>
      <c r="JK16" s="71">
        <v>594</v>
      </c>
      <c r="JL16" s="71">
        <v>522</v>
      </c>
      <c r="JM16" s="71">
        <v>459</v>
      </c>
      <c r="JN16" s="71">
        <v>568</v>
      </c>
      <c r="JO16" s="71">
        <v>328</v>
      </c>
      <c r="JP16" s="72">
        <v>2471</v>
      </c>
      <c r="JQ16" s="73">
        <v>3257</v>
      </c>
      <c r="JR16" s="70">
        <v>35</v>
      </c>
      <c r="JS16" s="71">
        <v>56</v>
      </c>
      <c r="JT16" s="72">
        <v>91</v>
      </c>
      <c r="JU16" s="244"/>
      <c r="JV16" s="71">
        <v>37</v>
      </c>
      <c r="JW16" s="71">
        <v>34</v>
      </c>
      <c r="JX16" s="71">
        <v>33</v>
      </c>
      <c r="JY16" s="71">
        <v>27</v>
      </c>
      <c r="JZ16" s="71">
        <v>22</v>
      </c>
      <c r="KA16" s="72">
        <v>153</v>
      </c>
      <c r="KB16" s="73">
        <v>244</v>
      </c>
      <c r="KC16" s="70">
        <v>2047</v>
      </c>
      <c r="KD16" s="71">
        <v>2050</v>
      </c>
      <c r="KE16" s="72">
        <v>4097</v>
      </c>
      <c r="KF16" s="244"/>
      <c r="KG16" s="71">
        <v>2203</v>
      </c>
      <c r="KH16" s="71">
        <v>1795</v>
      </c>
      <c r="KI16" s="71">
        <v>1437</v>
      </c>
      <c r="KJ16" s="71">
        <v>1516</v>
      </c>
      <c r="KK16" s="71">
        <v>943</v>
      </c>
      <c r="KL16" s="72">
        <v>7894</v>
      </c>
      <c r="KM16" s="73">
        <v>11991</v>
      </c>
    </row>
    <row r="17" spans="2:299" ht="21" customHeight="1" x14ac:dyDescent="0.2">
      <c r="B17" s="126" t="s">
        <v>13</v>
      </c>
      <c r="C17" s="313">
        <v>162</v>
      </c>
      <c r="D17" s="82">
        <v>173</v>
      </c>
      <c r="E17" s="83">
        <v>335</v>
      </c>
      <c r="F17" s="241"/>
      <c r="G17" s="82">
        <v>309</v>
      </c>
      <c r="H17" s="82">
        <v>251</v>
      </c>
      <c r="I17" s="82">
        <v>174</v>
      </c>
      <c r="J17" s="82">
        <v>152</v>
      </c>
      <c r="K17" s="82">
        <v>108</v>
      </c>
      <c r="L17" s="84">
        <v>994</v>
      </c>
      <c r="M17" s="85">
        <v>1329</v>
      </c>
      <c r="N17" s="70">
        <v>4</v>
      </c>
      <c r="O17" s="71">
        <v>2</v>
      </c>
      <c r="P17" s="72">
        <v>6</v>
      </c>
      <c r="Q17" s="244"/>
      <c r="R17" s="71">
        <v>15</v>
      </c>
      <c r="S17" s="71">
        <v>6</v>
      </c>
      <c r="T17" s="71">
        <v>9</v>
      </c>
      <c r="U17" s="71">
        <v>7</v>
      </c>
      <c r="V17" s="71">
        <v>5</v>
      </c>
      <c r="W17" s="72">
        <v>42</v>
      </c>
      <c r="X17" s="73">
        <v>48</v>
      </c>
      <c r="Y17" s="70">
        <v>11</v>
      </c>
      <c r="Z17" s="71">
        <v>10</v>
      </c>
      <c r="AA17" s="72">
        <v>21</v>
      </c>
      <c r="AB17" s="244"/>
      <c r="AC17" s="71">
        <v>28</v>
      </c>
      <c r="AD17" s="71">
        <v>18</v>
      </c>
      <c r="AE17" s="71">
        <v>9</v>
      </c>
      <c r="AF17" s="71">
        <v>14</v>
      </c>
      <c r="AG17" s="71">
        <v>13</v>
      </c>
      <c r="AH17" s="72">
        <v>82</v>
      </c>
      <c r="AI17" s="73">
        <v>103</v>
      </c>
      <c r="AJ17" s="70">
        <v>22</v>
      </c>
      <c r="AK17" s="71">
        <v>22</v>
      </c>
      <c r="AL17" s="72">
        <v>44</v>
      </c>
      <c r="AM17" s="244"/>
      <c r="AN17" s="71">
        <v>40</v>
      </c>
      <c r="AO17" s="71">
        <v>32</v>
      </c>
      <c r="AP17" s="71">
        <v>26</v>
      </c>
      <c r="AQ17" s="71">
        <v>12</v>
      </c>
      <c r="AR17" s="71">
        <v>15</v>
      </c>
      <c r="AS17" s="72">
        <v>125</v>
      </c>
      <c r="AT17" s="73">
        <v>169</v>
      </c>
      <c r="AU17" s="70">
        <v>35</v>
      </c>
      <c r="AV17" s="71">
        <v>48</v>
      </c>
      <c r="AW17" s="72">
        <v>83</v>
      </c>
      <c r="AX17" s="244"/>
      <c r="AY17" s="71">
        <v>75</v>
      </c>
      <c r="AZ17" s="71">
        <v>45</v>
      </c>
      <c r="BA17" s="71">
        <v>35</v>
      </c>
      <c r="BB17" s="71">
        <v>27</v>
      </c>
      <c r="BC17" s="71">
        <v>28</v>
      </c>
      <c r="BD17" s="72">
        <v>210</v>
      </c>
      <c r="BE17" s="73">
        <v>293</v>
      </c>
      <c r="BF17" s="70">
        <v>54</v>
      </c>
      <c r="BG17" s="71">
        <v>57</v>
      </c>
      <c r="BH17" s="72">
        <v>111</v>
      </c>
      <c r="BI17" s="244"/>
      <c r="BJ17" s="71">
        <v>82</v>
      </c>
      <c r="BK17" s="71">
        <v>74</v>
      </c>
      <c r="BL17" s="71">
        <v>53</v>
      </c>
      <c r="BM17" s="71">
        <v>52</v>
      </c>
      <c r="BN17" s="71">
        <v>25</v>
      </c>
      <c r="BO17" s="72">
        <v>286</v>
      </c>
      <c r="BP17" s="73">
        <v>397</v>
      </c>
      <c r="BQ17" s="70">
        <v>36</v>
      </c>
      <c r="BR17" s="71">
        <v>34</v>
      </c>
      <c r="BS17" s="72">
        <v>70</v>
      </c>
      <c r="BT17" s="244"/>
      <c r="BU17" s="71">
        <v>69</v>
      </c>
      <c r="BV17" s="71">
        <v>76</v>
      </c>
      <c r="BW17" s="71">
        <v>42</v>
      </c>
      <c r="BX17" s="71">
        <v>40</v>
      </c>
      <c r="BY17" s="71">
        <v>22</v>
      </c>
      <c r="BZ17" s="72">
        <v>249</v>
      </c>
      <c r="CA17" s="73">
        <v>319</v>
      </c>
      <c r="CB17" s="70">
        <v>4</v>
      </c>
      <c r="CC17" s="71">
        <v>2</v>
      </c>
      <c r="CD17" s="72">
        <v>6</v>
      </c>
      <c r="CE17" s="244"/>
      <c r="CF17" s="71">
        <v>12</v>
      </c>
      <c r="CG17" s="71">
        <v>6</v>
      </c>
      <c r="CH17" s="71">
        <v>6</v>
      </c>
      <c r="CI17" s="71">
        <v>5</v>
      </c>
      <c r="CJ17" s="71">
        <v>8</v>
      </c>
      <c r="CK17" s="72">
        <v>37</v>
      </c>
      <c r="CL17" s="73">
        <v>43</v>
      </c>
      <c r="CM17" s="70">
        <v>166</v>
      </c>
      <c r="CN17" s="71">
        <v>175</v>
      </c>
      <c r="CO17" s="72">
        <v>341</v>
      </c>
      <c r="CP17" s="244"/>
      <c r="CQ17" s="71">
        <v>321</v>
      </c>
      <c r="CR17" s="71">
        <v>257</v>
      </c>
      <c r="CS17" s="71">
        <v>180</v>
      </c>
      <c r="CT17" s="71">
        <v>157</v>
      </c>
      <c r="CU17" s="71">
        <v>116</v>
      </c>
      <c r="CV17" s="72">
        <v>1031</v>
      </c>
      <c r="CW17" s="73">
        <v>1372</v>
      </c>
      <c r="CX17" s="123">
        <v>391</v>
      </c>
      <c r="CY17" s="82">
        <v>396</v>
      </c>
      <c r="CZ17" s="83">
        <v>787</v>
      </c>
      <c r="DA17" s="241"/>
      <c r="DB17" s="82">
        <v>589</v>
      </c>
      <c r="DC17" s="82">
        <v>470</v>
      </c>
      <c r="DD17" s="82">
        <v>355</v>
      </c>
      <c r="DE17" s="82">
        <v>399</v>
      </c>
      <c r="DF17" s="82">
        <v>295</v>
      </c>
      <c r="DG17" s="84">
        <v>2108</v>
      </c>
      <c r="DH17" s="85">
        <v>2895</v>
      </c>
      <c r="DI17" s="70">
        <v>6</v>
      </c>
      <c r="DJ17" s="71">
        <v>6</v>
      </c>
      <c r="DK17" s="72">
        <v>12</v>
      </c>
      <c r="DL17" s="244"/>
      <c r="DM17" s="71">
        <v>7</v>
      </c>
      <c r="DN17" s="71">
        <v>9</v>
      </c>
      <c r="DO17" s="71">
        <v>2</v>
      </c>
      <c r="DP17" s="71">
        <v>5</v>
      </c>
      <c r="DQ17" s="71">
        <v>3</v>
      </c>
      <c r="DR17" s="72">
        <v>26</v>
      </c>
      <c r="DS17" s="73">
        <v>38</v>
      </c>
      <c r="DT17" s="70">
        <v>15</v>
      </c>
      <c r="DU17" s="71">
        <v>21</v>
      </c>
      <c r="DV17" s="72">
        <v>36</v>
      </c>
      <c r="DW17" s="244"/>
      <c r="DX17" s="71">
        <v>24</v>
      </c>
      <c r="DY17" s="71">
        <v>21</v>
      </c>
      <c r="DZ17" s="71">
        <v>10</v>
      </c>
      <c r="EA17" s="71">
        <v>9</v>
      </c>
      <c r="EB17" s="71">
        <v>12</v>
      </c>
      <c r="EC17" s="72">
        <v>76</v>
      </c>
      <c r="ED17" s="73">
        <v>112</v>
      </c>
      <c r="EE17" s="70">
        <v>34</v>
      </c>
      <c r="EF17" s="71">
        <v>40</v>
      </c>
      <c r="EG17" s="72">
        <v>74</v>
      </c>
      <c r="EH17" s="244"/>
      <c r="EI17" s="71">
        <v>76</v>
      </c>
      <c r="EJ17" s="71">
        <v>37</v>
      </c>
      <c r="EK17" s="71">
        <v>32</v>
      </c>
      <c r="EL17" s="71">
        <v>21</v>
      </c>
      <c r="EM17" s="71">
        <v>32</v>
      </c>
      <c r="EN17" s="72">
        <v>198</v>
      </c>
      <c r="EO17" s="73">
        <v>272</v>
      </c>
      <c r="EP17" s="70">
        <v>117</v>
      </c>
      <c r="EQ17" s="71">
        <v>112</v>
      </c>
      <c r="ER17" s="72">
        <v>229</v>
      </c>
      <c r="ES17" s="244"/>
      <c r="ET17" s="71">
        <v>138</v>
      </c>
      <c r="EU17" s="71">
        <v>82</v>
      </c>
      <c r="EV17" s="71">
        <v>51</v>
      </c>
      <c r="EW17" s="71">
        <v>59</v>
      </c>
      <c r="EX17" s="71">
        <v>50</v>
      </c>
      <c r="EY17" s="72">
        <v>380</v>
      </c>
      <c r="EZ17" s="73">
        <v>609</v>
      </c>
      <c r="FA17" s="70">
        <v>135</v>
      </c>
      <c r="FB17" s="71">
        <v>120</v>
      </c>
      <c r="FC17" s="72">
        <v>255</v>
      </c>
      <c r="FD17" s="244"/>
      <c r="FE17" s="71">
        <v>180</v>
      </c>
      <c r="FF17" s="71">
        <v>139</v>
      </c>
      <c r="FG17" s="71">
        <v>94</v>
      </c>
      <c r="FH17" s="71">
        <v>104</v>
      </c>
      <c r="FI17" s="71">
        <v>67</v>
      </c>
      <c r="FJ17" s="72">
        <v>584</v>
      </c>
      <c r="FK17" s="73">
        <v>839</v>
      </c>
      <c r="FL17" s="70">
        <v>84</v>
      </c>
      <c r="FM17" s="71">
        <v>97</v>
      </c>
      <c r="FN17" s="72">
        <v>181</v>
      </c>
      <c r="FO17" s="244"/>
      <c r="FP17" s="71">
        <v>164</v>
      </c>
      <c r="FQ17" s="71">
        <v>182</v>
      </c>
      <c r="FR17" s="71">
        <v>166</v>
      </c>
      <c r="FS17" s="71">
        <v>201</v>
      </c>
      <c r="FT17" s="71">
        <v>131</v>
      </c>
      <c r="FU17" s="72">
        <v>844</v>
      </c>
      <c r="FV17" s="73">
        <v>1025</v>
      </c>
      <c r="FW17" s="70">
        <v>0</v>
      </c>
      <c r="FX17" s="71">
        <v>2</v>
      </c>
      <c r="FY17" s="72">
        <v>2</v>
      </c>
      <c r="FZ17" s="244"/>
      <c r="GA17" s="71">
        <v>7</v>
      </c>
      <c r="GB17" s="71">
        <v>8</v>
      </c>
      <c r="GC17" s="71">
        <v>5</v>
      </c>
      <c r="GD17" s="71">
        <v>3</v>
      </c>
      <c r="GE17" s="71">
        <v>6</v>
      </c>
      <c r="GF17" s="72">
        <v>29</v>
      </c>
      <c r="GG17" s="73">
        <v>31</v>
      </c>
      <c r="GH17" s="70">
        <v>391</v>
      </c>
      <c r="GI17" s="71">
        <v>398</v>
      </c>
      <c r="GJ17" s="72">
        <v>789</v>
      </c>
      <c r="GK17" s="244"/>
      <c r="GL17" s="71">
        <v>596</v>
      </c>
      <c r="GM17" s="71">
        <v>478</v>
      </c>
      <c r="GN17" s="71">
        <v>360</v>
      </c>
      <c r="GO17" s="71">
        <v>402</v>
      </c>
      <c r="GP17" s="71">
        <v>301</v>
      </c>
      <c r="GQ17" s="72">
        <v>2137</v>
      </c>
      <c r="GR17" s="73">
        <v>2926</v>
      </c>
      <c r="GS17" s="123">
        <v>553</v>
      </c>
      <c r="GT17" s="82">
        <v>569</v>
      </c>
      <c r="GU17" s="83">
        <v>1122</v>
      </c>
      <c r="GV17" s="241"/>
      <c r="GW17" s="82">
        <v>898</v>
      </c>
      <c r="GX17" s="82">
        <v>721</v>
      </c>
      <c r="GY17" s="82">
        <v>529</v>
      </c>
      <c r="GZ17" s="82">
        <v>551</v>
      </c>
      <c r="HA17" s="82">
        <v>403</v>
      </c>
      <c r="HB17" s="84">
        <v>3102</v>
      </c>
      <c r="HC17" s="85">
        <v>4224</v>
      </c>
      <c r="HD17" s="70">
        <v>10</v>
      </c>
      <c r="HE17" s="71">
        <v>8</v>
      </c>
      <c r="HF17" s="72">
        <v>18</v>
      </c>
      <c r="HG17" s="244"/>
      <c r="HH17" s="71">
        <v>22</v>
      </c>
      <c r="HI17" s="71">
        <v>15</v>
      </c>
      <c r="HJ17" s="71">
        <v>11</v>
      </c>
      <c r="HK17" s="71">
        <v>12</v>
      </c>
      <c r="HL17" s="71">
        <v>8</v>
      </c>
      <c r="HM17" s="72">
        <v>68</v>
      </c>
      <c r="HN17" s="73">
        <v>86</v>
      </c>
      <c r="HO17" s="70">
        <v>26</v>
      </c>
      <c r="HP17" s="71">
        <v>31</v>
      </c>
      <c r="HQ17" s="72">
        <v>57</v>
      </c>
      <c r="HR17" s="244"/>
      <c r="HS17" s="71">
        <v>52</v>
      </c>
      <c r="HT17" s="71">
        <v>39</v>
      </c>
      <c r="HU17" s="71">
        <v>19</v>
      </c>
      <c r="HV17" s="71">
        <v>23</v>
      </c>
      <c r="HW17" s="71">
        <v>25</v>
      </c>
      <c r="HX17" s="72">
        <v>158</v>
      </c>
      <c r="HY17" s="73">
        <v>215</v>
      </c>
      <c r="HZ17" s="70">
        <v>56</v>
      </c>
      <c r="IA17" s="71">
        <v>62</v>
      </c>
      <c r="IB17" s="72">
        <v>118</v>
      </c>
      <c r="IC17" s="244"/>
      <c r="ID17" s="71">
        <v>116</v>
      </c>
      <c r="IE17" s="71">
        <v>69</v>
      </c>
      <c r="IF17" s="71">
        <v>58</v>
      </c>
      <c r="IG17" s="71">
        <v>33</v>
      </c>
      <c r="IH17" s="71">
        <v>47</v>
      </c>
      <c r="II17" s="72">
        <v>323</v>
      </c>
      <c r="IJ17" s="73">
        <v>441</v>
      </c>
      <c r="IK17" s="70">
        <v>152</v>
      </c>
      <c r="IL17" s="71">
        <v>160</v>
      </c>
      <c r="IM17" s="72">
        <v>312</v>
      </c>
      <c r="IN17" s="244"/>
      <c r="IO17" s="71">
        <v>213</v>
      </c>
      <c r="IP17" s="71">
        <v>127</v>
      </c>
      <c r="IQ17" s="71">
        <v>86</v>
      </c>
      <c r="IR17" s="71">
        <v>86</v>
      </c>
      <c r="IS17" s="71">
        <v>78</v>
      </c>
      <c r="IT17" s="72">
        <v>590</v>
      </c>
      <c r="IU17" s="73">
        <v>902</v>
      </c>
      <c r="IV17" s="70">
        <v>189</v>
      </c>
      <c r="IW17" s="71">
        <v>177</v>
      </c>
      <c r="IX17" s="72">
        <v>366</v>
      </c>
      <c r="IY17" s="244"/>
      <c r="IZ17" s="71">
        <v>262</v>
      </c>
      <c r="JA17" s="71">
        <v>213</v>
      </c>
      <c r="JB17" s="71">
        <v>147</v>
      </c>
      <c r="JC17" s="71">
        <v>156</v>
      </c>
      <c r="JD17" s="71">
        <v>92</v>
      </c>
      <c r="JE17" s="72">
        <v>870</v>
      </c>
      <c r="JF17" s="73">
        <v>1236</v>
      </c>
      <c r="JG17" s="70">
        <v>120</v>
      </c>
      <c r="JH17" s="71">
        <v>131</v>
      </c>
      <c r="JI17" s="72">
        <v>251</v>
      </c>
      <c r="JJ17" s="244"/>
      <c r="JK17" s="71">
        <v>233</v>
      </c>
      <c r="JL17" s="71">
        <v>258</v>
      </c>
      <c r="JM17" s="71">
        <v>208</v>
      </c>
      <c r="JN17" s="71">
        <v>241</v>
      </c>
      <c r="JO17" s="71">
        <v>153</v>
      </c>
      <c r="JP17" s="72">
        <v>1093</v>
      </c>
      <c r="JQ17" s="73">
        <v>1344</v>
      </c>
      <c r="JR17" s="70">
        <v>4</v>
      </c>
      <c r="JS17" s="71">
        <v>4</v>
      </c>
      <c r="JT17" s="72">
        <v>8</v>
      </c>
      <c r="JU17" s="244"/>
      <c r="JV17" s="71">
        <v>19</v>
      </c>
      <c r="JW17" s="71">
        <v>14</v>
      </c>
      <c r="JX17" s="71">
        <v>11</v>
      </c>
      <c r="JY17" s="71">
        <v>8</v>
      </c>
      <c r="JZ17" s="71">
        <v>14</v>
      </c>
      <c r="KA17" s="72">
        <v>66</v>
      </c>
      <c r="KB17" s="73">
        <v>74</v>
      </c>
      <c r="KC17" s="70">
        <v>557</v>
      </c>
      <c r="KD17" s="71">
        <v>573</v>
      </c>
      <c r="KE17" s="72">
        <v>1130</v>
      </c>
      <c r="KF17" s="244"/>
      <c r="KG17" s="71">
        <v>917</v>
      </c>
      <c r="KH17" s="71">
        <v>735</v>
      </c>
      <c r="KI17" s="71">
        <v>540</v>
      </c>
      <c r="KJ17" s="71">
        <v>559</v>
      </c>
      <c r="KK17" s="71">
        <v>417</v>
      </c>
      <c r="KL17" s="72">
        <v>3168</v>
      </c>
      <c r="KM17" s="73">
        <v>4298</v>
      </c>
    </row>
    <row r="18" spans="2:299" ht="21" customHeight="1" x14ac:dyDescent="0.2">
      <c r="B18" s="126" t="s">
        <v>15</v>
      </c>
      <c r="C18" s="313">
        <v>116</v>
      </c>
      <c r="D18" s="82">
        <v>145</v>
      </c>
      <c r="E18" s="83">
        <v>261</v>
      </c>
      <c r="F18" s="241"/>
      <c r="G18" s="82">
        <v>265</v>
      </c>
      <c r="H18" s="82">
        <v>222</v>
      </c>
      <c r="I18" s="82">
        <v>163</v>
      </c>
      <c r="J18" s="82">
        <v>140</v>
      </c>
      <c r="K18" s="82">
        <v>69</v>
      </c>
      <c r="L18" s="84">
        <v>859</v>
      </c>
      <c r="M18" s="85">
        <v>1120</v>
      </c>
      <c r="N18" s="70">
        <v>4</v>
      </c>
      <c r="O18" s="71">
        <v>3</v>
      </c>
      <c r="P18" s="72">
        <v>7</v>
      </c>
      <c r="Q18" s="244"/>
      <c r="R18" s="71">
        <v>14</v>
      </c>
      <c r="S18" s="71">
        <v>14</v>
      </c>
      <c r="T18" s="71">
        <v>10</v>
      </c>
      <c r="U18" s="71">
        <v>6</v>
      </c>
      <c r="V18" s="71">
        <v>6</v>
      </c>
      <c r="W18" s="72">
        <v>50</v>
      </c>
      <c r="X18" s="73">
        <v>57</v>
      </c>
      <c r="Y18" s="70">
        <v>11</v>
      </c>
      <c r="Z18" s="71">
        <v>15</v>
      </c>
      <c r="AA18" s="72">
        <v>26</v>
      </c>
      <c r="AB18" s="244"/>
      <c r="AC18" s="71">
        <v>31</v>
      </c>
      <c r="AD18" s="71">
        <v>25</v>
      </c>
      <c r="AE18" s="71">
        <v>19</v>
      </c>
      <c r="AF18" s="71">
        <v>15</v>
      </c>
      <c r="AG18" s="71">
        <v>10</v>
      </c>
      <c r="AH18" s="72">
        <v>100</v>
      </c>
      <c r="AI18" s="73">
        <v>126</v>
      </c>
      <c r="AJ18" s="70">
        <v>18</v>
      </c>
      <c r="AK18" s="71">
        <v>28</v>
      </c>
      <c r="AL18" s="72">
        <v>46</v>
      </c>
      <c r="AM18" s="244"/>
      <c r="AN18" s="71">
        <v>40</v>
      </c>
      <c r="AO18" s="71">
        <v>42</v>
      </c>
      <c r="AP18" s="71">
        <v>22</v>
      </c>
      <c r="AQ18" s="71">
        <v>23</v>
      </c>
      <c r="AR18" s="71">
        <v>16</v>
      </c>
      <c r="AS18" s="72">
        <v>143</v>
      </c>
      <c r="AT18" s="73">
        <v>189</v>
      </c>
      <c r="AU18" s="70">
        <v>32</v>
      </c>
      <c r="AV18" s="71">
        <v>33</v>
      </c>
      <c r="AW18" s="72">
        <v>65</v>
      </c>
      <c r="AX18" s="244"/>
      <c r="AY18" s="71">
        <v>71</v>
      </c>
      <c r="AZ18" s="71">
        <v>48</v>
      </c>
      <c r="BA18" s="71">
        <v>35</v>
      </c>
      <c r="BB18" s="71">
        <v>32</v>
      </c>
      <c r="BC18" s="71">
        <v>17</v>
      </c>
      <c r="BD18" s="72">
        <v>203</v>
      </c>
      <c r="BE18" s="73">
        <v>268</v>
      </c>
      <c r="BF18" s="70">
        <v>34</v>
      </c>
      <c r="BG18" s="71">
        <v>44</v>
      </c>
      <c r="BH18" s="72">
        <v>78</v>
      </c>
      <c r="BI18" s="244"/>
      <c r="BJ18" s="71">
        <v>65</v>
      </c>
      <c r="BK18" s="71">
        <v>47</v>
      </c>
      <c r="BL18" s="71">
        <v>42</v>
      </c>
      <c r="BM18" s="71">
        <v>33</v>
      </c>
      <c r="BN18" s="71">
        <v>10</v>
      </c>
      <c r="BO18" s="72">
        <v>197</v>
      </c>
      <c r="BP18" s="73">
        <v>275</v>
      </c>
      <c r="BQ18" s="70">
        <v>17</v>
      </c>
      <c r="BR18" s="71">
        <v>22</v>
      </c>
      <c r="BS18" s="72">
        <v>39</v>
      </c>
      <c r="BT18" s="244"/>
      <c r="BU18" s="71">
        <v>44</v>
      </c>
      <c r="BV18" s="71">
        <v>46</v>
      </c>
      <c r="BW18" s="71">
        <v>35</v>
      </c>
      <c r="BX18" s="71">
        <v>31</v>
      </c>
      <c r="BY18" s="71">
        <v>10</v>
      </c>
      <c r="BZ18" s="72">
        <v>166</v>
      </c>
      <c r="CA18" s="73">
        <v>205</v>
      </c>
      <c r="CB18" s="70">
        <v>0</v>
      </c>
      <c r="CC18" s="71">
        <v>4</v>
      </c>
      <c r="CD18" s="72">
        <v>4</v>
      </c>
      <c r="CE18" s="244"/>
      <c r="CF18" s="71">
        <v>7</v>
      </c>
      <c r="CG18" s="71">
        <v>6</v>
      </c>
      <c r="CH18" s="71">
        <v>2</v>
      </c>
      <c r="CI18" s="71">
        <v>3</v>
      </c>
      <c r="CJ18" s="71">
        <v>5</v>
      </c>
      <c r="CK18" s="72">
        <v>23</v>
      </c>
      <c r="CL18" s="73">
        <v>27</v>
      </c>
      <c r="CM18" s="70">
        <v>116</v>
      </c>
      <c r="CN18" s="71">
        <v>149</v>
      </c>
      <c r="CO18" s="72">
        <v>265</v>
      </c>
      <c r="CP18" s="244"/>
      <c r="CQ18" s="71">
        <v>272</v>
      </c>
      <c r="CR18" s="71">
        <v>228</v>
      </c>
      <c r="CS18" s="71">
        <v>165</v>
      </c>
      <c r="CT18" s="71">
        <v>143</v>
      </c>
      <c r="CU18" s="71">
        <v>74</v>
      </c>
      <c r="CV18" s="72">
        <v>882</v>
      </c>
      <c r="CW18" s="73">
        <v>1147</v>
      </c>
      <c r="CX18" s="123">
        <v>262</v>
      </c>
      <c r="CY18" s="82">
        <v>338</v>
      </c>
      <c r="CZ18" s="83">
        <v>600</v>
      </c>
      <c r="DA18" s="241"/>
      <c r="DB18" s="82">
        <v>465</v>
      </c>
      <c r="DC18" s="82">
        <v>446</v>
      </c>
      <c r="DD18" s="82">
        <v>317</v>
      </c>
      <c r="DE18" s="82">
        <v>303</v>
      </c>
      <c r="DF18" s="82">
        <v>190</v>
      </c>
      <c r="DG18" s="84">
        <v>1721</v>
      </c>
      <c r="DH18" s="85">
        <v>2321</v>
      </c>
      <c r="DI18" s="70">
        <v>6</v>
      </c>
      <c r="DJ18" s="71">
        <v>4</v>
      </c>
      <c r="DK18" s="72">
        <v>10</v>
      </c>
      <c r="DL18" s="244"/>
      <c r="DM18" s="71">
        <v>13</v>
      </c>
      <c r="DN18" s="71">
        <v>10</v>
      </c>
      <c r="DO18" s="71">
        <v>2</v>
      </c>
      <c r="DP18" s="71">
        <v>1</v>
      </c>
      <c r="DQ18" s="71">
        <v>4</v>
      </c>
      <c r="DR18" s="72">
        <v>30</v>
      </c>
      <c r="DS18" s="73">
        <v>40</v>
      </c>
      <c r="DT18" s="70">
        <v>15</v>
      </c>
      <c r="DU18" s="71">
        <v>17</v>
      </c>
      <c r="DV18" s="72">
        <v>32</v>
      </c>
      <c r="DW18" s="244"/>
      <c r="DX18" s="71">
        <v>29</v>
      </c>
      <c r="DY18" s="71">
        <v>33</v>
      </c>
      <c r="DZ18" s="71">
        <v>19</v>
      </c>
      <c r="EA18" s="71">
        <v>11</v>
      </c>
      <c r="EB18" s="71">
        <v>9</v>
      </c>
      <c r="EC18" s="72">
        <v>101</v>
      </c>
      <c r="ED18" s="73">
        <v>133</v>
      </c>
      <c r="EE18" s="70">
        <v>57</v>
      </c>
      <c r="EF18" s="71">
        <v>48</v>
      </c>
      <c r="EG18" s="72">
        <v>105</v>
      </c>
      <c r="EH18" s="244"/>
      <c r="EI18" s="71">
        <v>64</v>
      </c>
      <c r="EJ18" s="71">
        <v>58</v>
      </c>
      <c r="EK18" s="71">
        <v>25</v>
      </c>
      <c r="EL18" s="71">
        <v>18</v>
      </c>
      <c r="EM18" s="71">
        <v>20</v>
      </c>
      <c r="EN18" s="72">
        <v>185</v>
      </c>
      <c r="EO18" s="73">
        <v>290</v>
      </c>
      <c r="EP18" s="70">
        <v>91</v>
      </c>
      <c r="EQ18" s="71">
        <v>101</v>
      </c>
      <c r="ER18" s="72">
        <v>192</v>
      </c>
      <c r="ES18" s="244"/>
      <c r="ET18" s="71">
        <v>113</v>
      </c>
      <c r="EU18" s="71">
        <v>86</v>
      </c>
      <c r="EV18" s="71">
        <v>51</v>
      </c>
      <c r="EW18" s="71">
        <v>39</v>
      </c>
      <c r="EX18" s="71">
        <v>38</v>
      </c>
      <c r="EY18" s="72">
        <v>327</v>
      </c>
      <c r="EZ18" s="73">
        <v>519</v>
      </c>
      <c r="FA18" s="70">
        <v>60</v>
      </c>
      <c r="FB18" s="71">
        <v>103</v>
      </c>
      <c r="FC18" s="72">
        <v>163</v>
      </c>
      <c r="FD18" s="244"/>
      <c r="FE18" s="71">
        <v>131</v>
      </c>
      <c r="FF18" s="71">
        <v>123</v>
      </c>
      <c r="FG18" s="71">
        <v>83</v>
      </c>
      <c r="FH18" s="71">
        <v>92</v>
      </c>
      <c r="FI18" s="71">
        <v>41</v>
      </c>
      <c r="FJ18" s="72">
        <v>470</v>
      </c>
      <c r="FK18" s="73">
        <v>633</v>
      </c>
      <c r="FL18" s="70">
        <v>33</v>
      </c>
      <c r="FM18" s="71">
        <v>65</v>
      </c>
      <c r="FN18" s="72">
        <v>98</v>
      </c>
      <c r="FO18" s="244"/>
      <c r="FP18" s="71">
        <v>115</v>
      </c>
      <c r="FQ18" s="71">
        <v>136</v>
      </c>
      <c r="FR18" s="71">
        <v>137</v>
      </c>
      <c r="FS18" s="71">
        <v>142</v>
      </c>
      <c r="FT18" s="71">
        <v>78</v>
      </c>
      <c r="FU18" s="72">
        <v>608</v>
      </c>
      <c r="FV18" s="73">
        <v>706</v>
      </c>
      <c r="FW18" s="70">
        <v>1</v>
      </c>
      <c r="FX18" s="71">
        <v>4</v>
      </c>
      <c r="FY18" s="72">
        <v>5</v>
      </c>
      <c r="FZ18" s="244"/>
      <c r="GA18" s="71">
        <v>5</v>
      </c>
      <c r="GB18" s="71">
        <v>7</v>
      </c>
      <c r="GC18" s="71">
        <v>1</v>
      </c>
      <c r="GD18" s="71">
        <v>1</v>
      </c>
      <c r="GE18" s="71">
        <v>7</v>
      </c>
      <c r="GF18" s="72">
        <v>21</v>
      </c>
      <c r="GG18" s="73">
        <v>26</v>
      </c>
      <c r="GH18" s="70">
        <v>263</v>
      </c>
      <c r="GI18" s="71">
        <v>342</v>
      </c>
      <c r="GJ18" s="72">
        <v>605</v>
      </c>
      <c r="GK18" s="244"/>
      <c r="GL18" s="71">
        <v>470</v>
      </c>
      <c r="GM18" s="71">
        <v>453</v>
      </c>
      <c r="GN18" s="71">
        <v>318</v>
      </c>
      <c r="GO18" s="71">
        <v>304</v>
      </c>
      <c r="GP18" s="71">
        <v>197</v>
      </c>
      <c r="GQ18" s="72">
        <v>1742</v>
      </c>
      <c r="GR18" s="73">
        <v>2347</v>
      </c>
      <c r="GS18" s="123">
        <v>378</v>
      </c>
      <c r="GT18" s="82">
        <v>483</v>
      </c>
      <c r="GU18" s="83">
        <v>861</v>
      </c>
      <c r="GV18" s="241"/>
      <c r="GW18" s="82">
        <v>730</v>
      </c>
      <c r="GX18" s="82">
        <v>668</v>
      </c>
      <c r="GY18" s="82">
        <v>480</v>
      </c>
      <c r="GZ18" s="82">
        <v>443</v>
      </c>
      <c r="HA18" s="82">
        <v>259</v>
      </c>
      <c r="HB18" s="84">
        <v>2580</v>
      </c>
      <c r="HC18" s="85">
        <v>3441</v>
      </c>
      <c r="HD18" s="70">
        <v>10</v>
      </c>
      <c r="HE18" s="71">
        <v>7</v>
      </c>
      <c r="HF18" s="72">
        <v>17</v>
      </c>
      <c r="HG18" s="244"/>
      <c r="HH18" s="71">
        <v>27</v>
      </c>
      <c r="HI18" s="71">
        <v>24</v>
      </c>
      <c r="HJ18" s="71">
        <v>12</v>
      </c>
      <c r="HK18" s="71">
        <v>7</v>
      </c>
      <c r="HL18" s="71">
        <v>10</v>
      </c>
      <c r="HM18" s="72">
        <v>80</v>
      </c>
      <c r="HN18" s="73">
        <v>97</v>
      </c>
      <c r="HO18" s="70">
        <v>26</v>
      </c>
      <c r="HP18" s="71">
        <v>32</v>
      </c>
      <c r="HQ18" s="72">
        <v>58</v>
      </c>
      <c r="HR18" s="244"/>
      <c r="HS18" s="71">
        <v>60</v>
      </c>
      <c r="HT18" s="71">
        <v>58</v>
      </c>
      <c r="HU18" s="71">
        <v>38</v>
      </c>
      <c r="HV18" s="71">
        <v>26</v>
      </c>
      <c r="HW18" s="71">
        <v>19</v>
      </c>
      <c r="HX18" s="72">
        <v>201</v>
      </c>
      <c r="HY18" s="73">
        <v>259</v>
      </c>
      <c r="HZ18" s="70">
        <v>75</v>
      </c>
      <c r="IA18" s="71">
        <v>76</v>
      </c>
      <c r="IB18" s="72">
        <v>151</v>
      </c>
      <c r="IC18" s="244"/>
      <c r="ID18" s="71">
        <v>104</v>
      </c>
      <c r="IE18" s="71">
        <v>100</v>
      </c>
      <c r="IF18" s="71">
        <v>47</v>
      </c>
      <c r="IG18" s="71">
        <v>41</v>
      </c>
      <c r="IH18" s="71">
        <v>36</v>
      </c>
      <c r="II18" s="72">
        <v>328</v>
      </c>
      <c r="IJ18" s="73">
        <v>479</v>
      </c>
      <c r="IK18" s="70">
        <v>123</v>
      </c>
      <c r="IL18" s="71">
        <v>134</v>
      </c>
      <c r="IM18" s="72">
        <v>257</v>
      </c>
      <c r="IN18" s="244"/>
      <c r="IO18" s="71">
        <v>184</v>
      </c>
      <c r="IP18" s="71">
        <v>134</v>
      </c>
      <c r="IQ18" s="71">
        <v>86</v>
      </c>
      <c r="IR18" s="71">
        <v>71</v>
      </c>
      <c r="IS18" s="71">
        <v>55</v>
      </c>
      <c r="IT18" s="72">
        <v>530</v>
      </c>
      <c r="IU18" s="73">
        <v>787</v>
      </c>
      <c r="IV18" s="70">
        <v>94</v>
      </c>
      <c r="IW18" s="71">
        <v>147</v>
      </c>
      <c r="IX18" s="72">
        <v>241</v>
      </c>
      <c r="IY18" s="244"/>
      <c r="IZ18" s="71">
        <v>196</v>
      </c>
      <c r="JA18" s="71">
        <v>170</v>
      </c>
      <c r="JB18" s="71">
        <v>125</v>
      </c>
      <c r="JC18" s="71">
        <v>125</v>
      </c>
      <c r="JD18" s="71">
        <v>51</v>
      </c>
      <c r="JE18" s="72">
        <v>667</v>
      </c>
      <c r="JF18" s="73">
        <v>908</v>
      </c>
      <c r="JG18" s="70">
        <v>50</v>
      </c>
      <c r="JH18" s="71">
        <v>87</v>
      </c>
      <c r="JI18" s="72">
        <v>137</v>
      </c>
      <c r="JJ18" s="244"/>
      <c r="JK18" s="71">
        <v>159</v>
      </c>
      <c r="JL18" s="71">
        <v>182</v>
      </c>
      <c r="JM18" s="71">
        <v>172</v>
      </c>
      <c r="JN18" s="71">
        <v>173</v>
      </c>
      <c r="JO18" s="71">
        <v>88</v>
      </c>
      <c r="JP18" s="72">
        <v>774</v>
      </c>
      <c r="JQ18" s="73">
        <v>911</v>
      </c>
      <c r="JR18" s="70">
        <v>1</v>
      </c>
      <c r="JS18" s="71">
        <v>8</v>
      </c>
      <c r="JT18" s="72">
        <v>9</v>
      </c>
      <c r="JU18" s="244"/>
      <c r="JV18" s="71">
        <v>12</v>
      </c>
      <c r="JW18" s="71">
        <v>13</v>
      </c>
      <c r="JX18" s="71">
        <v>3</v>
      </c>
      <c r="JY18" s="71">
        <v>4</v>
      </c>
      <c r="JZ18" s="71">
        <v>12</v>
      </c>
      <c r="KA18" s="72">
        <v>44</v>
      </c>
      <c r="KB18" s="73">
        <v>53</v>
      </c>
      <c r="KC18" s="70">
        <v>379</v>
      </c>
      <c r="KD18" s="71">
        <v>491</v>
      </c>
      <c r="KE18" s="72">
        <v>870</v>
      </c>
      <c r="KF18" s="244"/>
      <c r="KG18" s="71">
        <v>742</v>
      </c>
      <c r="KH18" s="71">
        <v>681</v>
      </c>
      <c r="KI18" s="71">
        <v>483</v>
      </c>
      <c r="KJ18" s="71">
        <v>447</v>
      </c>
      <c r="KK18" s="71">
        <v>271</v>
      </c>
      <c r="KL18" s="72">
        <v>2624</v>
      </c>
      <c r="KM18" s="73">
        <v>3494</v>
      </c>
    </row>
    <row r="19" spans="2:299" ht="21" customHeight="1" x14ac:dyDescent="0.2">
      <c r="B19" s="126" t="s">
        <v>16</v>
      </c>
      <c r="C19" s="313">
        <v>243</v>
      </c>
      <c r="D19" s="82">
        <v>283</v>
      </c>
      <c r="E19" s="83">
        <v>526</v>
      </c>
      <c r="F19" s="241"/>
      <c r="G19" s="82">
        <v>502</v>
      </c>
      <c r="H19" s="82">
        <v>620</v>
      </c>
      <c r="I19" s="82">
        <v>401</v>
      </c>
      <c r="J19" s="82">
        <v>310</v>
      </c>
      <c r="K19" s="82">
        <v>212</v>
      </c>
      <c r="L19" s="84">
        <v>2045</v>
      </c>
      <c r="M19" s="85">
        <v>2571</v>
      </c>
      <c r="N19" s="70">
        <v>13</v>
      </c>
      <c r="O19" s="71">
        <v>13</v>
      </c>
      <c r="P19" s="72">
        <v>26</v>
      </c>
      <c r="Q19" s="244"/>
      <c r="R19" s="71">
        <v>19</v>
      </c>
      <c r="S19" s="71">
        <v>29</v>
      </c>
      <c r="T19" s="71">
        <v>23</v>
      </c>
      <c r="U19" s="71">
        <v>20</v>
      </c>
      <c r="V19" s="71">
        <v>24</v>
      </c>
      <c r="W19" s="72">
        <v>115</v>
      </c>
      <c r="X19" s="73">
        <v>141</v>
      </c>
      <c r="Y19" s="70">
        <v>30</v>
      </c>
      <c r="Z19" s="71">
        <v>49</v>
      </c>
      <c r="AA19" s="72">
        <v>79</v>
      </c>
      <c r="AB19" s="244"/>
      <c r="AC19" s="71">
        <v>68</v>
      </c>
      <c r="AD19" s="71">
        <v>76</v>
      </c>
      <c r="AE19" s="71">
        <v>48</v>
      </c>
      <c r="AF19" s="71">
        <v>39</v>
      </c>
      <c r="AG19" s="71">
        <v>33</v>
      </c>
      <c r="AH19" s="72">
        <v>264</v>
      </c>
      <c r="AI19" s="73">
        <v>343</v>
      </c>
      <c r="AJ19" s="70">
        <v>58</v>
      </c>
      <c r="AK19" s="71">
        <v>49</v>
      </c>
      <c r="AL19" s="72">
        <v>107</v>
      </c>
      <c r="AM19" s="244"/>
      <c r="AN19" s="71">
        <v>84</v>
      </c>
      <c r="AO19" s="71">
        <v>106</v>
      </c>
      <c r="AP19" s="71">
        <v>69</v>
      </c>
      <c r="AQ19" s="71">
        <v>56</v>
      </c>
      <c r="AR19" s="71">
        <v>41</v>
      </c>
      <c r="AS19" s="72">
        <v>356</v>
      </c>
      <c r="AT19" s="73">
        <v>463</v>
      </c>
      <c r="AU19" s="70">
        <v>66</v>
      </c>
      <c r="AV19" s="71">
        <v>69</v>
      </c>
      <c r="AW19" s="72">
        <v>135</v>
      </c>
      <c r="AX19" s="244"/>
      <c r="AY19" s="71">
        <v>151</v>
      </c>
      <c r="AZ19" s="71">
        <v>163</v>
      </c>
      <c r="BA19" s="71">
        <v>90</v>
      </c>
      <c r="BB19" s="71">
        <v>66</v>
      </c>
      <c r="BC19" s="71">
        <v>48</v>
      </c>
      <c r="BD19" s="72">
        <v>518</v>
      </c>
      <c r="BE19" s="73">
        <v>653</v>
      </c>
      <c r="BF19" s="70">
        <v>50</v>
      </c>
      <c r="BG19" s="71">
        <v>61</v>
      </c>
      <c r="BH19" s="72">
        <v>111</v>
      </c>
      <c r="BI19" s="244"/>
      <c r="BJ19" s="71">
        <v>120</v>
      </c>
      <c r="BK19" s="71">
        <v>142</v>
      </c>
      <c r="BL19" s="71">
        <v>89</v>
      </c>
      <c r="BM19" s="71">
        <v>58</v>
      </c>
      <c r="BN19" s="71">
        <v>32</v>
      </c>
      <c r="BO19" s="72">
        <v>441</v>
      </c>
      <c r="BP19" s="73">
        <v>552</v>
      </c>
      <c r="BQ19" s="70">
        <v>26</v>
      </c>
      <c r="BR19" s="71">
        <v>42</v>
      </c>
      <c r="BS19" s="72">
        <v>68</v>
      </c>
      <c r="BT19" s="244"/>
      <c r="BU19" s="71">
        <v>60</v>
      </c>
      <c r="BV19" s="71">
        <v>104</v>
      </c>
      <c r="BW19" s="71">
        <v>82</v>
      </c>
      <c r="BX19" s="71">
        <v>71</v>
      </c>
      <c r="BY19" s="71">
        <v>34</v>
      </c>
      <c r="BZ19" s="72">
        <v>351</v>
      </c>
      <c r="CA19" s="73">
        <v>419</v>
      </c>
      <c r="CB19" s="70">
        <v>10</v>
      </c>
      <c r="CC19" s="71">
        <v>11</v>
      </c>
      <c r="CD19" s="72">
        <v>21</v>
      </c>
      <c r="CE19" s="244"/>
      <c r="CF19" s="71">
        <v>12</v>
      </c>
      <c r="CG19" s="71">
        <v>23</v>
      </c>
      <c r="CH19" s="71">
        <v>21</v>
      </c>
      <c r="CI19" s="71">
        <v>13</v>
      </c>
      <c r="CJ19" s="71">
        <v>15</v>
      </c>
      <c r="CK19" s="72">
        <v>84</v>
      </c>
      <c r="CL19" s="73">
        <v>105</v>
      </c>
      <c r="CM19" s="70">
        <v>253</v>
      </c>
      <c r="CN19" s="71">
        <v>294</v>
      </c>
      <c r="CO19" s="72">
        <v>547</v>
      </c>
      <c r="CP19" s="244"/>
      <c r="CQ19" s="71">
        <v>514</v>
      </c>
      <c r="CR19" s="71">
        <v>643</v>
      </c>
      <c r="CS19" s="71">
        <v>422</v>
      </c>
      <c r="CT19" s="71">
        <v>323</v>
      </c>
      <c r="CU19" s="71">
        <v>227</v>
      </c>
      <c r="CV19" s="72">
        <v>2129</v>
      </c>
      <c r="CW19" s="73">
        <v>2676</v>
      </c>
      <c r="CX19" s="123">
        <v>418</v>
      </c>
      <c r="CY19" s="82">
        <v>589</v>
      </c>
      <c r="CZ19" s="83">
        <v>1007</v>
      </c>
      <c r="DA19" s="241"/>
      <c r="DB19" s="82">
        <v>846</v>
      </c>
      <c r="DC19" s="82">
        <v>1006</v>
      </c>
      <c r="DD19" s="82">
        <v>758</v>
      </c>
      <c r="DE19" s="82">
        <v>771</v>
      </c>
      <c r="DF19" s="82">
        <v>526</v>
      </c>
      <c r="DG19" s="84">
        <v>3907</v>
      </c>
      <c r="DH19" s="85">
        <v>4914</v>
      </c>
      <c r="DI19" s="70">
        <v>16</v>
      </c>
      <c r="DJ19" s="71">
        <v>24</v>
      </c>
      <c r="DK19" s="72">
        <v>40</v>
      </c>
      <c r="DL19" s="244"/>
      <c r="DM19" s="71">
        <v>16</v>
      </c>
      <c r="DN19" s="71">
        <v>28</v>
      </c>
      <c r="DO19" s="71">
        <v>18</v>
      </c>
      <c r="DP19" s="71">
        <v>16</v>
      </c>
      <c r="DQ19" s="71">
        <v>12</v>
      </c>
      <c r="DR19" s="72">
        <v>90</v>
      </c>
      <c r="DS19" s="73">
        <v>130</v>
      </c>
      <c r="DT19" s="70">
        <v>33</v>
      </c>
      <c r="DU19" s="71">
        <v>55</v>
      </c>
      <c r="DV19" s="72">
        <v>88</v>
      </c>
      <c r="DW19" s="244"/>
      <c r="DX19" s="71">
        <v>52</v>
      </c>
      <c r="DY19" s="71">
        <v>78</v>
      </c>
      <c r="DZ19" s="71">
        <v>45</v>
      </c>
      <c r="EA19" s="71">
        <v>40</v>
      </c>
      <c r="EB19" s="71">
        <v>31</v>
      </c>
      <c r="EC19" s="72">
        <v>246</v>
      </c>
      <c r="ED19" s="73">
        <v>334</v>
      </c>
      <c r="EE19" s="70">
        <v>87</v>
      </c>
      <c r="EF19" s="71">
        <v>97</v>
      </c>
      <c r="EG19" s="72">
        <v>184</v>
      </c>
      <c r="EH19" s="244"/>
      <c r="EI19" s="71">
        <v>116</v>
      </c>
      <c r="EJ19" s="71">
        <v>141</v>
      </c>
      <c r="EK19" s="71">
        <v>83</v>
      </c>
      <c r="EL19" s="71">
        <v>72</v>
      </c>
      <c r="EM19" s="71">
        <v>56</v>
      </c>
      <c r="EN19" s="72">
        <v>468</v>
      </c>
      <c r="EO19" s="73">
        <v>652</v>
      </c>
      <c r="EP19" s="70">
        <v>118</v>
      </c>
      <c r="EQ19" s="71">
        <v>158</v>
      </c>
      <c r="ER19" s="72">
        <v>276</v>
      </c>
      <c r="ES19" s="244"/>
      <c r="ET19" s="71">
        <v>196</v>
      </c>
      <c r="EU19" s="71">
        <v>199</v>
      </c>
      <c r="EV19" s="71">
        <v>134</v>
      </c>
      <c r="EW19" s="71">
        <v>123</v>
      </c>
      <c r="EX19" s="71">
        <v>97</v>
      </c>
      <c r="EY19" s="72">
        <v>749</v>
      </c>
      <c r="EZ19" s="73">
        <v>1025</v>
      </c>
      <c r="FA19" s="70">
        <v>95</v>
      </c>
      <c r="FB19" s="71">
        <v>142</v>
      </c>
      <c r="FC19" s="72">
        <v>237</v>
      </c>
      <c r="FD19" s="244"/>
      <c r="FE19" s="71">
        <v>266</v>
      </c>
      <c r="FF19" s="71">
        <v>262</v>
      </c>
      <c r="FG19" s="71">
        <v>199</v>
      </c>
      <c r="FH19" s="71">
        <v>180</v>
      </c>
      <c r="FI19" s="71">
        <v>127</v>
      </c>
      <c r="FJ19" s="72">
        <v>1034</v>
      </c>
      <c r="FK19" s="73">
        <v>1271</v>
      </c>
      <c r="FL19" s="70">
        <v>69</v>
      </c>
      <c r="FM19" s="71">
        <v>113</v>
      </c>
      <c r="FN19" s="72">
        <v>182</v>
      </c>
      <c r="FO19" s="244"/>
      <c r="FP19" s="71">
        <v>200</v>
      </c>
      <c r="FQ19" s="71">
        <v>298</v>
      </c>
      <c r="FR19" s="71">
        <v>279</v>
      </c>
      <c r="FS19" s="71">
        <v>340</v>
      </c>
      <c r="FT19" s="71">
        <v>203</v>
      </c>
      <c r="FU19" s="72">
        <v>1320</v>
      </c>
      <c r="FV19" s="73">
        <v>1502</v>
      </c>
      <c r="FW19" s="70">
        <v>10</v>
      </c>
      <c r="FX19" s="71">
        <v>13</v>
      </c>
      <c r="FY19" s="72">
        <v>23</v>
      </c>
      <c r="FZ19" s="244"/>
      <c r="GA19" s="71">
        <v>6</v>
      </c>
      <c r="GB19" s="71">
        <v>23</v>
      </c>
      <c r="GC19" s="71">
        <v>11</v>
      </c>
      <c r="GD19" s="71">
        <v>8</v>
      </c>
      <c r="GE19" s="71">
        <v>12</v>
      </c>
      <c r="GF19" s="72">
        <v>60</v>
      </c>
      <c r="GG19" s="73">
        <v>83</v>
      </c>
      <c r="GH19" s="70">
        <v>428</v>
      </c>
      <c r="GI19" s="71">
        <v>602</v>
      </c>
      <c r="GJ19" s="72">
        <v>1030</v>
      </c>
      <c r="GK19" s="244"/>
      <c r="GL19" s="71">
        <v>852</v>
      </c>
      <c r="GM19" s="71">
        <v>1029</v>
      </c>
      <c r="GN19" s="71">
        <v>769</v>
      </c>
      <c r="GO19" s="71">
        <v>779</v>
      </c>
      <c r="GP19" s="71">
        <v>538</v>
      </c>
      <c r="GQ19" s="72">
        <v>3967</v>
      </c>
      <c r="GR19" s="73">
        <v>4997</v>
      </c>
      <c r="GS19" s="123">
        <v>661</v>
      </c>
      <c r="GT19" s="82">
        <v>872</v>
      </c>
      <c r="GU19" s="83">
        <v>1533</v>
      </c>
      <c r="GV19" s="241"/>
      <c r="GW19" s="82">
        <v>1348</v>
      </c>
      <c r="GX19" s="82">
        <v>1626</v>
      </c>
      <c r="GY19" s="82">
        <v>1159</v>
      </c>
      <c r="GZ19" s="82">
        <v>1081</v>
      </c>
      <c r="HA19" s="82">
        <v>738</v>
      </c>
      <c r="HB19" s="84">
        <v>5952</v>
      </c>
      <c r="HC19" s="85">
        <v>7485</v>
      </c>
      <c r="HD19" s="70">
        <v>29</v>
      </c>
      <c r="HE19" s="71">
        <v>37</v>
      </c>
      <c r="HF19" s="72">
        <v>66</v>
      </c>
      <c r="HG19" s="244"/>
      <c r="HH19" s="71">
        <v>35</v>
      </c>
      <c r="HI19" s="71">
        <v>57</v>
      </c>
      <c r="HJ19" s="71">
        <v>41</v>
      </c>
      <c r="HK19" s="71">
        <v>36</v>
      </c>
      <c r="HL19" s="71">
        <v>36</v>
      </c>
      <c r="HM19" s="72">
        <v>205</v>
      </c>
      <c r="HN19" s="73">
        <v>271</v>
      </c>
      <c r="HO19" s="70">
        <v>63</v>
      </c>
      <c r="HP19" s="71">
        <v>104</v>
      </c>
      <c r="HQ19" s="72">
        <v>167</v>
      </c>
      <c r="HR19" s="244"/>
      <c r="HS19" s="71">
        <v>120</v>
      </c>
      <c r="HT19" s="71">
        <v>154</v>
      </c>
      <c r="HU19" s="71">
        <v>93</v>
      </c>
      <c r="HV19" s="71">
        <v>79</v>
      </c>
      <c r="HW19" s="71">
        <v>64</v>
      </c>
      <c r="HX19" s="72">
        <v>510</v>
      </c>
      <c r="HY19" s="73">
        <v>677</v>
      </c>
      <c r="HZ19" s="70">
        <v>145</v>
      </c>
      <c r="IA19" s="71">
        <v>146</v>
      </c>
      <c r="IB19" s="72">
        <v>291</v>
      </c>
      <c r="IC19" s="244"/>
      <c r="ID19" s="71">
        <v>200</v>
      </c>
      <c r="IE19" s="71">
        <v>247</v>
      </c>
      <c r="IF19" s="71">
        <v>152</v>
      </c>
      <c r="IG19" s="71">
        <v>128</v>
      </c>
      <c r="IH19" s="71">
        <v>97</v>
      </c>
      <c r="II19" s="72">
        <v>824</v>
      </c>
      <c r="IJ19" s="73">
        <v>1115</v>
      </c>
      <c r="IK19" s="70">
        <v>184</v>
      </c>
      <c r="IL19" s="71">
        <v>227</v>
      </c>
      <c r="IM19" s="72">
        <v>411</v>
      </c>
      <c r="IN19" s="244"/>
      <c r="IO19" s="71">
        <v>347</v>
      </c>
      <c r="IP19" s="71">
        <v>362</v>
      </c>
      <c r="IQ19" s="71">
        <v>224</v>
      </c>
      <c r="IR19" s="71">
        <v>189</v>
      </c>
      <c r="IS19" s="71">
        <v>145</v>
      </c>
      <c r="IT19" s="72">
        <v>1267</v>
      </c>
      <c r="IU19" s="73">
        <v>1678</v>
      </c>
      <c r="IV19" s="70">
        <v>145</v>
      </c>
      <c r="IW19" s="71">
        <v>203</v>
      </c>
      <c r="IX19" s="72">
        <v>348</v>
      </c>
      <c r="IY19" s="244"/>
      <c r="IZ19" s="71">
        <v>386</v>
      </c>
      <c r="JA19" s="71">
        <v>404</v>
      </c>
      <c r="JB19" s="71">
        <v>288</v>
      </c>
      <c r="JC19" s="71">
        <v>238</v>
      </c>
      <c r="JD19" s="71">
        <v>159</v>
      </c>
      <c r="JE19" s="72">
        <v>1475</v>
      </c>
      <c r="JF19" s="73">
        <v>1823</v>
      </c>
      <c r="JG19" s="70">
        <v>95</v>
      </c>
      <c r="JH19" s="71">
        <v>155</v>
      </c>
      <c r="JI19" s="72">
        <v>250</v>
      </c>
      <c r="JJ19" s="244"/>
      <c r="JK19" s="71">
        <v>260</v>
      </c>
      <c r="JL19" s="71">
        <v>402</v>
      </c>
      <c r="JM19" s="71">
        <v>361</v>
      </c>
      <c r="JN19" s="71">
        <v>411</v>
      </c>
      <c r="JO19" s="71">
        <v>237</v>
      </c>
      <c r="JP19" s="72">
        <v>1671</v>
      </c>
      <c r="JQ19" s="73">
        <v>1921</v>
      </c>
      <c r="JR19" s="70">
        <v>20</v>
      </c>
      <c r="JS19" s="71">
        <v>24</v>
      </c>
      <c r="JT19" s="72">
        <v>44</v>
      </c>
      <c r="JU19" s="244"/>
      <c r="JV19" s="71">
        <v>18</v>
      </c>
      <c r="JW19" s="71">
        <v>46</v>
      </c>
      <c r="JX19" s="71">
        <v>32</v>
      </c>
      <c r="JY19" s="71">
        <v>21</v>
      </c>
      <c r="JZ19" s="71">
        <v>27</v>
      </c>
      <c r="KA19" s="72">
        <v>144</v>
      </c>
      <c r="KB19" s="73">
        <v>188</v>
      </c>
      <c r="KC19" s="70">
        <v>681</v>
      </c>
      <c r="KD19" s="71">
        <v>896</v>
      </c>
      <c r="KE19" s="72">
        <v>1577</v>
      </c>
      <c r="KF19" s="244"/>
      <c r="KG19" s="71">
        <v>1366</v>
      </c>
      <c r="KH19" s="71">
        <v>1672</v>
      </c>
      <c r="KI19" s="71">
        <v>1191</v>
      </c>
      <c r="KJ19" s="71">
        <v>1102</v>
      </c>
      <c r="KK19" s="71">
        <v>765</v>
      </c>
      <c r="KL19" s="72">
        <v>6096</v>
      </c>
      <c r="KM19" s="73">
        <v>7673</v>
      </c>
    </row>
    <row r="20" spans="2:299" ht="21" customHeight="1" x14ac:dyDescent="0.2">
      <c r="B20" s="126" t="s">
        <v>17</v>
      </c>
      <c r="C20" s="313">
        <v>285</v>
      </c>
      <c r="D20" s="82">
        <v>387</v>
      </c>
      <c r="E20" s="83">
        <v>672</v>
      </c>
      <c r="F20" s="241"/>
      <c r="G20" s="82">
        <v>579</v>
      </c>
      <c r="H20" s="82">
        <v>760</v>
      </c>
      <c r="I20" s="82">
        <v>553</v>
      </c>
      <c r="J20" s="82">
        <v>440</v>
      </c>
      <c r="K20" s="82">
        <v>272</v>
      </c>
      <c r="L20" s="84">
        <v>2604</v>
      </c>
      <c r="M20" s="85">
        <v>3276</v>
      </c>
      <c r="N20" s="70">
        <v>8</v>
      </c>
      <c r="O20" s="71">
        <v>16</v>
      </c>
      <c r="P20" s="72">
        <v>24</v>
      </c>
      <c r="Q20" s="244"/>
      <c r="R20" s="71">
        <v>29</v>
      </c>
      <c r="S20" s="71">
        <v>45</v>
      </c>
      <c r="T20" s="71">
        <v>31</v>
      </c>
      <c r="U20" s="71">
        <v>19</v>
      </c>
      <c r="V20" s="71">
        <v>21</v>
      </c>
      <c r="W20" s="72">
        <v>145</v>
      </c>
      <c r="X20" s="73">
        <v>169</v>
      </c>
      <c r="Y20" s="70">
        <v>23</v>
      </c>
      <c r="Z20" s="71">
        <v>59</v>
      </c>
      <c r="AA20" s="72">
        <v>82</v>
      </c>
      <c r="AB20" s="244"/>
      <c r="AC20" s="71">
        <v>45</v>
      </c>
      <c r="AD20" s="71">
        <v>103</v>
      </c>
      <c r="AE20" s="71">
        <v>71</v>
      </c>
      <c r="AF20" s="71">
        <v>65</v>
      </c>
      <c r="AG20" s="71">
        <v>30</v>
      </c>
      <c r="AH20" s="72">
        <v>314</v>
      </c>
      <c r="AI20" s="73">
        <v>396</v>
      </c>
      <c r="AJ20" s="70">
        <v>61</v>
      </c>
      <c r="AK20" s="71">
        <v>66</v>
      </c>
      <c r="AL20" s="72">
        <v>127</v>
      </c>
      <c r="AM20" s="244"/>
      <c r="AN20" s="71">
        <v>105</v>
      </c>
      <c r="AO20" s="71">
        <v>149</v>
      </c>
      <c r="AP20" s="71">
        <v>110</v>
      </c>
      <c r="AQ20" s="71">
        <v>73</v>
      </c>
      <c r="AR20" s="71">
        <v>61</v>
      </c>
      <c r="AS20" s="72">
        <v>498</v>
      </c>
      <c r="AT20" s="73">
        <v>625</v>
      </c>
      <c r="AU20" s="70">
        <v>76</v>
      </c>
      <c r="AV20" s="71">
        <v>110</v>
      </c>
      <c r="AW20" s="72">
        <v>186</v>
      </c>
      <c r="AX20" s="244"/>
      <c r="AY20" s="71">
        <v>162</v>
      </c>
      <c r="AZ20" s="71">
        <v>188</v>
      </c>
      <c r="BA20" s="71">
        <v>149</v>
      </c>
      <c r="BB20" s="71">
        <v>99</v>
      </c>
      <c r="BC20" s="71">
        <v>57</v>
      </c>
      <c r="BD20" s="72">
        <v>655</v>
      </c>
      <c r="BE20" s="73">
        <v>841</v>
      </c>
      <c r="BF20" s="70">
        <v>70</v>
      </c>
      <c r="BG20" s="71">
        <v>84</v>
      </c>
      <c r="BH20" s="72">
        <v>154</v>
      </c>
      <c r="BI20" s="244"/>
      <c r="BJ20" s="71">
        <v>162</v>
      </c>
      <c r="BK20" s="71">
        <v>175</v>
      </c>
      <c r="BL20" s="71">
        <v>118</v>
      </c>
      <c r="BM20" s="71">
        <v>113</v>
      </c>
      <c r="BN20" s="71">
        <v>65</v>
      </c>
      <c r="BO20" s="72">
        <v>633</v>
      </c>
      <c r="BP20" s="73">
        <v>787</v>
      </c>
      <c r="BQ20" s="70">
        <v>47</v>
      </c>
      <c r="BR20" s="71">
        <v>52</v>
      </c>
      <c r="BS20" s="72">
        <v>99</v>
      </c>
      <c r="BT20" s="244"/>
      <c r="BU20" s="71">
        <v>76</v>
      </c>
      <c r="BV20" s="71">
        <v>100</v>
      </c>
      <c r="BW20" s="71">
        <v>74</v>
      </c>
      <c r="BX20" s="71">
        <v>71</v>
      </c>
      <c r="BY20" s="71">
        <v>38</v>
      </c>
      <c r="BZ20" s="72">
        <v>359</v>
      </c>
      <c r="CA20" s="73">
        <v>458</v>
      </c>
      <c r="CB20" s="70">
        <v>13</v>
      </c>
      <c r="CC20" s="71">
        <v>25</v>
      </c>
      <c r="CD20" s="72">
        <v>38</v>
      </c>
      <c r="CE20" s="244"/>
      <c r="CF20" s="71">
        <v>17</v>
      </c>
      <c r="CG20" s="71">
        <v>54</v>
      </c>
      <c r="CH20" s="71">
        <v>30</v>
      </c>
      <c r="CI20" s="71">
        <v>16</v>
      </c>
      <c r="CJ20" s="71">
        <v>14</v>
      </c>
      <c r="CK20" s="72">
        <v>131</v>
      </c>
      <c r="CL20" s="73">
        <v>169</v>
      </c>
      <c r="CM20" s="70">
        <v>298</v>
      </c>
      <c r="CN20" s="71">
        <v>412</v>
      </c>
      <c r="CO20" s="72">
        <v>710</v>
      </c>
      <c r="CP20" s="244"/>
      <c r="CQ20" s="71">
        <v>596</v>
      </c>
      <c r="CR20" s="71">
        <v>814</v>
      </c>
      <c r="CS20" s="71">
        <v>583</v>
      </c>
      <c r="CT20" s="71">
        <v>456</v>
      </c>
      <c r="CU20" s="71">
        <v>286</v>
      </c>
      <c r="CV20" s="72">
        <v>2735</v>
      </c>
      <c r="CW20" s="73">
        <v>3445</v>
      </c>
      <c r="CX20" s="123">
        <v>619</v>
      </c>
      <c r="CY20" s="82">
        <v>827</v>
      </c>
      <c r="CZ20" s="83">
        <v>1446</v>
      </c>
      <c r="DA20" s="241"/>
      <c r="DB20" s="82">
        <v>986</v>
      </c>
      <c r="DC20" s="82">
        <v>1232</v>
      </c>
      <c r="DD20" s="82">
        <v>927</v>
      </c>
      <c r="DE20" s="82">
        <v>859</v>
      </c>
      <c r="DF20" s="82">
        <v>621</v>
      </c>
      <c r="DG20" s="84">
        <v>4625</v>
      </c>
      <c r="DH20" s="85">
        <v>6071</v>
      </c>
      <c r="DI20" s="70">
        <v>12</v>
      </c>
      <c r="DJ20" s="71">
        <v>28</v>
      </c>
      <c r="DK20" s="72">
        <v>40</v>
      </c>
      <c r="DL20" s="244"/>
      <c r="DM20" s="71">
        <v>20</v>
      </c>
      <c r="DN20" s="71">
        <v>32</v>
      </c>
      <c r="DO20" s="71">
        <v>27</v>
      </c>
      <c r="DP20" s="71">
        <v>21</v>
      </c>
      <c r="DQ20" s="71">
        <v>24</v>
      </c>
      <c r="DR20" s="72">
        <v>124</v>
      </c>
      <c r="DS20" s="73">
        <v>164</v>
      </c>
      <c r="DT20" s="70">
        <v>47</v>
      </c>
      <c r="DU20" s="71">
        <v>73</v>
      </c>
      <c r="DV20" s="72">
        <v>120</v>
      </c>
      <c r="DW20" s="244"/>
      <c r="DX20" s="71">
        <v>69</v>
      </c>
      <c r="DY20" s="71">
        <v>84</v>
      </c>
      <c r="DZ20" s="71">
        <v>59</v>
      </c>
      <c r="EA20" s="71">
        <v>44</v>
      </c>
      <c r="EB20" s="71">
        <v>31</v>
      </c>
      <c r="EC20" s="72">
        <v>287</v>
      </c>
      <c r="ED20" s="73">
        <v>407</v>
      </c>
      <c r="EE20" s="70">
        <v>120</v>
      </c>
      <c r="EF20" s="71">
        <v>135</v>
      </c>
      <c r="EG20" s="72">
        <v>255</v>
      </c>
      <c r="EH20" s="244"/>
      <c r="EI20" s="71">
        <v>131</v>
      </c>
      <c r="EJ20" s="71">
        <v>170</v>
      </c>
      <c r="EK20" s="71">
        <v>108</v>
      </c>
      <c r="EL20" s="71">
        <v>97</v>
      </c>
      <c r="EM20" s="71">
        <v>73</v>
      </c>
      <c r="EN20" s="72">
        <v>579</v>
      </c>
      <c r="EO20" s="73">
        <v>834</v>
      </c>
      <c r="EP20" s="70">
        <v>208</v>
      </c>
      <c r="EQ20" s="71">
        <v>232</v>
      </c>
      <c r="ER20" s="72">
        <v>440</v>
      </c>
      <c r="ES20" s="244"/>
      <c r="ET20" s="71">
        <v>261</v>
      </c>
      <c r="EU20" s="71">
        <v>306</v>
      </c>
      <c r="EV20" s="71">
        <v>192</v>
      </c>
      <c r="EW20" s="71">
        <v>181</v>
      </c>
      <c r="EX20" s="71">
        <v>120</v>
      </c>
      <c r="EY20" s="72">
        <v>1060</v>
      </c>
      <c r="EZ20" s="73">
        <v>1500</v>
      </c>
      <c r="FA20" s="70">
        <v>158</v>
      </c>
      <c r="FB20" s="71">
        <v>218</v>
      </c>
      <c r="FC20" s="72">
        <v>376</v>
      </c>
      <c r="FD20" s="244"/>
      <c r="FE20" s="71">
        <v>273</v>
      </c>
      <c r="FF20" s="71">
        <v>324</v>
      </c>
      <c r="FG20" s="71">
        <v>252</v>
      </c>
      <c r="FH20" s="71">
        <v>202</v>
      </c>
      <c r="FI20" s="71">
        <v>171</v>
      </c>
      <c r="FJ20" s="72">
        <v>1222</v>
      </c>
      <c r="FK20" s="73">
        <v>1598</v>
      </c>
      <c r="FL20" s="70">
        <v>74</v>
      </c>
      <c r="FM20" s="71">
        <v>141</v>
      </c>
      <c r="FN20" s="72">
        <v>215</v>
      </c>
      <c r="FO20" s="244"/>
      <c r="FP20" s="71">
        <v>232</v>
      </c>
      <c r="FQ20" s="71">
        <v>316</v>
      </c>
      <c r="FR20" s="71">
        <v>289</v>
      </c>
      <c r="FS20" s="71">
        <v>314</v>
      </c>
      <c r="FT20" s="71">
        <v>202</v>
      </c>
      <c r="FU20" s="72">
        <v>1353</v>
      </c>
      <c r="FV20" s="73">
        <v>1568</v>
      </c>
      <c r="FW20" s="70">
        <v>3</v>
      </c>
      <c r="FX20" s="71">
        <v>20</v>
      </c>
      <c r="FY20" s="72">
        <v>23</v>
      </c>
      <c r="FZ20" s="244"/>
      <c r="GA20" s="71">
        <v>12</v>
      </c>
      <c r="GB20" s="71">
        <v>28</v>
      </c>
      <c r="GC20" s="71">
        <v>16</v>
      </c>
      <c r="GD20" s="71">
        <v>21</v>
      </c>
      <c r="GE20" s="71">
        <v>20</v>
      </c>
      <c r="GF20" s="72">
        <v>97</v>
      </c>
      <c r="GG20" s="73">
        <v>120</v>
      </c>
      <c r="GH20" s="70">
        <v>622</v>
      </c>
      <c r="GI20" s="71">
        <v>847</v>
      </c>
      <c r="GJ20" s="72">
        <v>1469</v>
      </c>
      <c r="GK20" s="244"/>
      <c r="GL20" s="71">
        <v>998</v>
      </c>
      <c r="GM20" s="71">
        <v>1260</v>
      </c>
      <c r="GN20" s="71">
        <v>943</v>
      </c>
      <c r="GO20" s="71">
        <v>880</v>
      </c>
      <c r="GP20" s="71">
        <v>641</v>
      </c>
      <c r="GQ20" s="72">
        <v>4722</v>
      </c>
      <c r="GR20" s="73">
        <v>6191</v>
      </c>
      <c r="GS20" s="123">
        <v>904</v>
      </c>
      <c r="GT20" s="82">
        <v>1214</v>
      </c>
      <c r="GU20" s="83">
        <v>2118</v>
      </c>
      <c r="GV20" s="241"/>
      <c r="GW20" s="82">
        <v>1565</v>
      </c>
      <c r="GX20" s="82">
        <v>1992</v>
      </c>
      <c r="GY20" s="82">
        <v>1480</v>
      </c>
      <c r="GZ20" s="82">
        <v>1299</v>
      </c>
      <c r="HA20" s="82">
        <v>893</v>
      </c>
      <c r="HB20" s="84">
        <v>7229</v>
      </c>
      <c r="HC20" s="85">
        <v>9347</v>
      </c>
      <c r="HD20" s="70">
        <v>20</v>
      </c>
      <c r="HE20" s="71">
        <v>44</v>
      </c>
      <c r="HF20" s="72">
        <v>64</v>
      </c>
      <c r="HG20" s="244"/>
      <c r="HH20" s="71">
        <v>49</v>
      </c>
      <c r="HI20" s="71">
        <v>77</v>
      </c>
      <c r="HJ20" s="71">
        <v>58</v>
      </c>
      <c r="HK20" s="71">
        <v>40</v>
      </c>
      <c r="HL20" s="71">
        <v>45</v>
      </c>
      <c r="HM20" s="72">
        <v>269</v>
      </c>
      <c r="HN20" s="73">
        <v>333</v>
      </c>
      <c r="HO20" s="70">
        <v>70</v>
      </c>
      <c r="HP20" s="71">
        <v>132</v>
      </c>
      <c r="HQ20" s="72">
        <v>202</v>
      </c>
      <c r="HR20" s="244"/>
      <c r="HS20" s="71">
        <v>114</v>
      </c>
      <c r="HT20" s="71">
        <v>187</v>
      </c>
      <c r="HU20" s="71">
        <v>130</v>
      </c>
      <c r="HV20" s="71">
        <v>109</v>
      </c>
      <c r="HW20" s="71">
        <v>61</v>
      </c>
      <c r="HX20" s="72">
        <v>601</v>
      </c>
      <c r="HY20" s="73">
        <v>803</v>
      </c>
      <c r="HZ20" s="70">
        <v>181</v>
      </c>
      <c r="IA20" s="71">
        <v>201</v>
      </c>
      <c r="IB20" s="72">
        <v>382</v>
      </c>
      <c r="IC20" s="244"/>
      <c r="ID20" s="71">
        <v>236</v>
      </c>
      <c r="IE20" s="71">
        <v>319</v>
      </c>
      <c r="IF20" s="71">
        <v>218</v>
      </c>
      <c r="IG20" s="71">
        <v>170</v>
      </c>
      <c r="IH20" s="71">
        <v>134</v>
      </c>
      <c r="II20" s="72">
        <v>1077</v>
      </c>
      <c r="IJ20" s="73">
        <v>1459</v>
      </c>
      <c r="IK20" s="70">
        <v>284</v>
      </c>
      <c r="IL20" s="71">
        <v>342</v>
      </c>
      <c r="IM20" s="72">
        <v>626</v>
      </c>
      <c r="IN20" s="244"/>
      <c r="IO20" s="71">
        <v>423</v>
      </c>
      <c r="IP20" s="71">
        <v>494</v>
      </c>
      <c r="IQ20" s="71">
        <v>341</v>
      </c>
      <c r="IR20" s="71">
        <v>280</v>
      </c>
      <c r="IS20" s="71">
        <v>177</v>
      </c>
      <c r="IT20" s="72">
        <v>1715</v>
      </c>
      <c r="IU20" s="73">
        <v>2341</v>
      </c>
      <c r="IV20" s="70">
        <v>228</v>
      </c>
      <c r="IW20" s="71">
        <v>302</v>
      </c>
      <c r="IX20" s="72">
        <v>530</v>
      </c>
      <c r="IY20" s="244"/>
      <c r="IZ20" s="71">
        <v>435</v>
      </c>
      <c r="JA20" s="71">
        <v>499</v>
      </c>
      <c r="JB20" s="71">
        <v>370</v>
      </c>
      <c r="JC20" s="71">
        <v>315</v>
      </c>
      <c r="JD20" s="71">
        <v>236</v>
      </c>
      <c r="JE20" s="72">
        <v>1855</v>
      </c>
      <c r="JF20" s="73">
        <v>2385</v>
      </c>
      <c r="JG20" s="70">
        <v>121</v>
      </c>
      <c r="JH20" s="71">
        <v>193</v>
      </c>
      <c r="JI20" s="72">
        <v>314</v>
      </c>
      <c r="JJ20" s="244"/>
      <c r="JK20" s="71">
        <v>308</v>
      </c>
      <c r="JL20" s="71">
        <v>416</v>
      </c>
      <c r="JM20" s="71">
        <v>363</v>
      </c>
      <c r="JN20" s="71">
        <v>385</v>
      </c>
      <c r="JO20" s="71">
        <v>240</v>
      </c>
      <c r="JP20" s="72">
        <v>1712</v>
      </c>
      <c r="JQ20" s="73">
        <v>2026</v>
      </c>
      <c r="JR20" s="70">
        <v>16</v>
      </c>
      <c r="JS20" s="71">
        <v>45</v>
      </c>
      <c r="JT20" s="72">
        <v>61</v>
      </c>
      <c r="JU20" s="244"/>
      <c r="JV20" s="71">
        <v>29</v>
      </c>
      <c r="JW20" s="71">
        <v>82</v>
      </c>
      <c r="JX20" s="71">
        <v>46</v>
      </c>
      <c r="JY20" s="71">
        <v>37</v>
      </c>
      <c r="JZ20" s="71">
        <v>34</v>
      </c>
      <c r="KA20" s="72">
        <v>228</v>
      </c>
      <c r="KB20" s="73">
        <v>289</v>
      </c>
      <c r="KC20" s="70">
        <v>920</v>
      </c>
      <c r="KD20" s="71">
        <v>1259</v>
      </c>
      <c r="KE20" s="72">
        <v>2179</v>
      </c>
      <c r="KF20" s="244"/>
      <c r="KG20" s="71">
        <v>1594</v>
      </c>
      <c r="KH20" s="71">
        <v>2074</v>
      </c>
      <c r="KI20" s="71">
        <v>1526</v>
      </c>
      <c r="KJ20" s="71">
        <v>1336</v>
      </c>
      <c r="KK20" s="71">
        <v>927</v>
      </c>
      <c r="KL20" s="72">
        <v>7457</v>
      </c>
      <c r="KM20" s="73">
        <v>9636</v>
      </c>
    </row>
    <row r="21" spans="2:299" ht="21" customHeight="1" x14ac:dyDescent="0.2">
      <c r="B21" s="126" t="s">
        <v>18</v>
      </c>
      <c r="C21" s="313">
        <v>417</v>
      </c>
      <c r="D21" s="82">
        <v>447</v>
      </c>
      <c r="E21" s="83">
        <v>864</v>
      </c>
      <c r="F21" s="241"/>
      <c r="G21" s="82">
        <v>954</v>
      </c>
      <c r="H21" s="82">
        <v>787</v>
      </c>
      <c r="I21" s="82">
        <v>541</v>
      </c>
      <c r="J21" s="82">
        <v>451</v>
      </c>
      <c r="K21" s="82">
        <v>268</v>
      </c>
      <c r="L21" s="84">
        <v>3001</v>
      </c>
      <c r="M21" s="85">
        <v>3865</v>
      </c>
      <c r="N21" s="70">
        <v>27</v>
      </c>
      <c r="O21" s="71">
        <v>23</v>
      </c>
      <c r="P21" s="72">
        <v>50</v>
      </c>
      <c r="Q21" s="244"/>
      <c r="R21" s="71">
        <v>51</v>
      </c>
      <c r="S21" s="71">
        <v>50</v>
      </c>
      <c r="T21" s="71">
        <v>33</v>
      </c>
      <c r="U21" s="71">
        <v>39</v>
      </c>
      <c r="V21" s="71">
        <v>24</v>
      </c>
      <c r="W21" s="72">
        <v>197</v>
      </c>
      <c r="X21" s="73">
        <v>247</v>
      </c>
      <c r="Y21" s="70">
        <v>52</v>
      </c>
      <c r="Z21" s="71">
        <v>52</v>
      </c>
      <c r="AA21" s="72">
        <v>104</v>
      </c>
      <c r="AB21" s="244"/>
      <c r="AC21" s="71">
        <v>109</v>
      </c>
      <c r="AD21" s="71">
        <v>90</v>
      </c>
      <c r="AE21" s="71">
        <v>62</v>
      </c>
      <c r="AF21" s="71">
        <v>57</v>
      </c>
      <c r="AG21" s="71">
        <v>36</v>
      </c>
      <c r="AH21" s="72">
        <v>354</v>
      </c>
      <c r="AI21" s="73">
        <v>458</v>
      </c>
      <c r="AJ21" s="70">
        <v>66</v>
      </c>
      <c r="AK21" s="71">
        <v>75</v>
      </c>
      <c r="AL21" s="72">
        <v>141</v>
      </c>
      <c r="AM21" s="244"/>
      <c r="AN21" s="71">
        <v>155</v>
      </c>
      <c r="AO21" s="71">
        <v>132</v>
      </c>
      <c r="AP21" s="71">
        <v>92</v>
      </c>
      <c r="AQ21" s="71">
        <v>72</v>
      </c>
      <c r="AR21" s="71">
        <v>58</v>
      </c>
      <c r="AS21" s="72">
        <v>509</v>
      </c>
      <c r="AT21" s="73">
        <v>650</v>
      </c>
      <c r="AU21" s="70">
        <v>107</v>
      </c>
      <c r="AV21" s="71">
        <v>121</v>
      </c>
      <c r="AW21" s="72">
        <v>228</v>
      </c>
      <c r="AX21" s="244"/>
      <c r="AY21" s="71">
        <v>265</v>
      </c>
      <c r="AZ21" s="71">
        <v>203</v>
      </c>
      <c r="BA21" s="71">
        <v>130</v>
      </c>
      <c r="BB21" s="71">
        <v>107</v>
      </c>
      <c r="BC21" s="71">
        <v>74</v>
      </c>
      <c r="BD21" s="72">
        <v>779</v>
      </c>
      <c r="BE21" s="73">
        <v>1007</v>
      </c>
      <c r="BF21" s="70">
        <v>111</v>
      </c>
      <c r="BG21" s="71">
        <v>113</v>
      </c>
      <c r="BH21" s="72">
        <v>224</v>
      </c>
      <c r="BI21" s="244"/>
      <c r="BJ21" s="71">
        <v>238</v>
      </c>
      <c r="BK21" s="71">
        <v>194</v>
      </c>
      <c r="BL21" s="71">
        <v>140</v>
      </c>
      <c r="BM21" s="71">
        <v>105</v>
      </c>
      <c r="BN21" s="71">
        <v>49</v>
      </c>
      <c r="BO21" s="72">
        <v>726</v>
      </c>
      <c r="BP21" s="73">
        <v>950</v>
      </c>
      <c r="BQ21" s="70">
        <v>54</v>
      </c>
      <c r="BR21" s="71">
        <v>63</v>
      </c>
      <c r="BS21" s="72">
        <v>117</v>
      </c>
      <c r="BT21" s="244"/>
      <c r="BU21" s="71">
        <v>136</v>
      </c>
      <c r="BV21" s="71">
        <v>118</v>
      </c>
      <c r="BW21" s="71">
        <v>84</v>
      </c>
      <c r="BX21" s="71">
        <v>71</v>
      </c>
      <c r="BY21" s="71">
        <v>27</v>
      </c>
      <c r="BZ21" s="72">
        <v>436</v>
      </c>
      <c r="CA21" s="73">
        <v>553</v>
      </c>
      <c r="CB21" s="70">
        <v>18</v>
      </c>
      <c r="CC21" s="71">
        <v>27</v>
      </c>
      <c r="CD21" s="72">
        <v>45</v>
      </c>
      <c r="CE21" s="244"/>
      <c r="CF21" s="71">
        <v>37</v>
      </c>
      <c r="CG21" s="71">
        <v>30</v>
      </c>
      <c r="CH21" s="71">
        <v>26</v>
      </c>
      <c r="CI21" s="71">
        <v>31</v>
      </c>
      <c r="CJ21" s="71">
        <v>26</v>
      </c>
      <c r="CK21" s="72">
        <v>150</v>
      </c>
      <c r="CL21" s="73">
        <v>195</v>
      </c>
      <c r="CM21" s="70">
        <v>435</v>
      </c>
      <c r="CN21" s="71">
        <v>474</v>
      </c>
      <c r="CO21" s="72">
        <v>909</v>
      </c>
      <c r="CP21" s="244"/>
      <c r="CQ21" s="71">
        <v>991</v>
      </c>
      <c r="CR21" s="71">
        <v>817</v>
      </c>
      <c r="CS21" s="71">
        <v>567</v>
      </c>
      <c r="CT21" s="71">
        <v>482</v>
      </c>
      <c r="CU21" s="71">
        <v>294</v>
      </c>
      <c r="CV21" s="72">
        <v>3151</v>
      </c>
      <c r="CW21" s="73">
        <v>4060</v>
      </c>
      <c r="CX21" s="123">
        <v>782</v>
      </c>
      <c r="CY21" s="82">
        <v>1040</v>
      </c>
      <c r="CZ21" s="83">
        <v>1822</v>
      </c>
      <c r="DA21" s="241"/>
      <c r="DB21" s="82">
        <v>1433</v>
      </c>
      <c r="DC21" s="82">
        <v>1273</v>
      </c>
      <c r="DD21" s="82">
        <v>951</v>
      </c>
      <c r="DE21" s="82">
        <v>969</v>
      </c>
      <c r="DF21" s="82">
        <v>639</v>
      </c>
      <c r="DG21" s="84">
        <v>5265</v>
      </c>
      <c r="DH21" s="85">
        <v>7087</v>
      </c>
      <c r="DI21" s="70">
        <v>24</v>
      </c>
      <c r="DJ21" s="71">
        <v>26</v>
      </c>
      <c r="DK21" s="72">
        <v>50</v>
      </c>
      <c r="DL21" s="244"/>
      <c r="DM21" s="71">
        <v>36</v>
      </c>
      <c r="DN21" s="71">
        <v>20</v>
      </c>
      <c r="DO21" s="71">
        <v>22</v>
      </c>
      <c r="DP21" s="71">
        <v>22</v>
      </c>
      <c r="DQ21" s="71">
        <v>12</v>
      </c>
      <c r="DR21" s="72">
        <v>112</v>
      </c>
      <c r="DS21" s="73">
        <v>162</v>
      </c>
      <c r="DT21" s="70">
        <v>67</v>
      </c>
      <c r="DU21" s="71">
        <v>82</v>
      </c>
      <c r="DV21" s="72">
        <v>149</v>
      </c>
      <c r="DW21" s="244"/>
      <c r="DX21" s="71">
        <v>96</v>
      </c>
      <c r="DY21" s="71">
        <v>67</v>
      </c>
      <c r="DZ21" s="71">
        <v>50</v>
      </c>
      <c r="EA21" s="71">
        <v>46</v>
      </c>
      <c r="EB21" s="71">
        <v>35</v>
      </c>
      <c r="EC21" s="72">
        <v>294</v>
      </c>
      <c r="ED21" s="73">
        <v>443</v>
      </c>
      <c r="EE21" s="70">
        <v>129</v>
      </c>
      <c r="EF21" s="71">
        <v>171</v>
      </c>
      <c r="EG21" s="72">
        <v>300</v>
      </c>
      <c r="EH21" s="244"/>
      <c r="EI21" s="71">
        <v>204</v>
      </c>
      <c r="EJ21" s="71">
        <v>177</v>
      </c>
      <c r="EK21" s="71">
        <v>125</v>
      </c>
      <c r="EL21" s="71">
        <v>98</v>
      </c>
      <c r="EM21" s="71">
        <v>72</v>
      </c>
      <c r="EN21" s="72">
        <v>676</v>
      </c>
      <c r="EO21" s="73">
        <v>976</v>
      </c>
      <c r="EP21" s="70">
        <v>263</v>
      </c>
      <c r="EQ21" s="71">
        <v>307</v>
      </c>
      <c r="ER21" s="72">
        <v>570</v>
      </c>
      <c r="ES21" s="244"/>
      <c r="ET21" s="71">
        <v>367</v>
      </c>
      <c r="EU21" s="71">
        <v>306</v>
      </c>
      <c r="EV21" s="71">
        <v>182</v>
      </c>
      <c r="EW21" s="71">
        <v>195</v>
      </c>
      <c r="EX21" s="71">
        <v>126</v>
      </c>
      <c r="EY21" s="72">
        <v>1176</v>
      </c>
      <c r="EZ21" s="73">
        <v>1746</v>
      </c>
      <c r="FA21" s="70">
        <v>205</v>
      </c>
      <c r="FB21" s="71">
        <v>286</v>
      </c>
      <c r="FC21" s="72">
        <v>491</v>
      </c>
      <c r="FD21" s="244"/>
      <c r="FE21" s="71">
        <v>441</v>
      </c>
      <c r="FF21" s="71">
        <v>374</v>
      </c>
      <c r="FG21" s="71">
        <v>264</v>
      </c>
      <c r="FH21" s="71">
        <v>251</v>
      </c>
      <c r="FI21" s="71">
        <v>173</v>
      </c>
      <c r="FJ21" s="72">
        <v>1503</v>
      </c>
      <c r="FK21" s="73">
        <v>1994</v>
      </c>
      <c r="FL21" s="70">
        <v>94</v>
      </c>
      <c r="FM21" s="71">
        <v>168</v>
      </c>
      <c r="FN21" s="72">
        <v>262</v>
      </c>
      <c r="FO21" s="244"/>
      <c r="FP21" s="71">
        <v>289</v>
      </c>
      <c r="FQ21" s="71">
        <v>329</v>
      </c>
      <c r="FR21" s="71">
        <v>308</v>
      </c>
      <c r="FS21" s="71">
        <v>357</v>
      </c>
      <c r="FT21" s="71">
        <v>221</v>
      </c>
      <c r="FU21" s="72">
        <v>1504</v>
      </c>
      <c r="FV21" s="73">
        <v>1766</v>
      </c>
      <c r="FW21" s="70">
        <v>12</v>
      </c>
      <c r="FX21" s="71">
        <v>12</v>
      </c>
      <c r="FY21" s="72">
        <v>24</v>
      </c>
      <c r="FZ21" s="244"/>
      <c r="GA21" s="71">
        <v>26</v>
      </c>
      <c r="GB21" s="71">
        <v>31</v>
      </c>
      <c r="GC21" s="71">
        <v>15</v>
      </c>
      <c r="GD21" s="71">
        <v>18</v>
      </c>
      <c r="GE21" s="71">
        <v>13</v>
      </c>
      <c r="GF21" s="72">
        <v>103</v>
      </c>
      <c r="GG21" s="73">
        <v>127</v>
      </c>
      <c r="GH21" s="70">
        <v>794</v>
      </c>
      <c r="GI21" s="71">
        <v>1052</v>
      </c>
      <c r="GJ21" s="72">
        <v>1846</v>
      </c>
      <c r="GK21" s="244"/>
      <c r="GL21" s="71">
        <v>1459</v>
      </c>
      <c r="GM21" s="71">
        <v>1304</v>
      </c>
      <c r="GN21" s="71">
        <v>966</v>
      </c>
      <c r="GO21" s="71">
        <v>987</v>
      </c>
      <c r="GP21" s="71">
        <v>652</v>
      </c>
      <c r="GQ21" s="72">
        <v>5368</v>
      </c>
      <c r="GR21" s="73">
        <v>7214</v>
      </c>
      <c r="GS21" s="123">
        <v>1199</v>
      </c>
      <c r="GT21" s="82">
        <v>1487</v>
      </c>
      <c r="GU21" s="83">
        <v>2686</v>
      </c>
      <c r="GV21" s="241"/>
      <c r="GW21" s="82">
        <v>2387</v>
      </c>
      <c r="GX21" s="82">
        <v>2060</v>
      </c>
      <c r="GY21" s="82">
        <v>1492</v>
      </c>
      <c r="GZ21" s="82">
        <v>1420</v>
      </c>
      <c r="HA21" s="82">
        <v>907</v>
      </c>
      <c r="HB21" s="84">
        <v>8266</v>
      </c>
      <c r="HC21" s="85">
        <v>10952</v>
      </c>
      <c r="HD21" s="70">
        <v>51</v>
      </c>
      <c r="HE21" s="71">
        <v>49</v>
      </c>
      <c r="HF21" s="72">
        <v>100</v>
      </c>
      <c r="HG21" s="244"/>
      <c r="HH21" s="71">
        <v>87</v>
      </c>
      <c r="HI21" s="71">
        <v>70</v>
      </c>
      <c r="HJ21" s="71">
        <v>55</v>
      </c>
      <c r="HK21" s="71">
        <v>61</v>
      </c>
      <c r="HL21" s="71">
        <v>36</v>
      </c>
      <c r="HM21" s="72">
        <v>309</v>
      </c>
      <c r="HN21" s="73">
        <v>409</v>
      </c>
      <c r="HO21" s="70">
        <v>119</v>
      </c>
      <c r="HP21" s="71">
        <v>134</v>
      </c>
      <c r="HQ21" s="72">
        <v>253</v>
      </c>
      <c r="HR21" s="244"/>
      <c r="HS21" s="71">
        <v>205</v>
      </c>
      <c r="HT21" s="71">
        <v>157</v>
      </c>
      <c r="HU21" s="71">
        <v>112</v>
      </c>
      <c r="HV21" s="71">
        <v>103</v>
      </c>
      <c r="HW21" s="71">
        <v>71</v>
      </c>
      <c r="HX21" s="72">
        <v>648</v>
      </c>
      <c r="HY21" s="73">
        <v>901</v>
      </c>
      <c r="HZ21" s="70">
        <v>195</v>
      </c>
      <c r="IA21" s="71">
        <v>246</v>
      </c>
      <c r="IB21" s="72">
        <v>441</v>
      </c>
      <c r="IC21" s="244"/>
      <c r="ID21" s="71">
        <v>359</v>
      </c>
      <c r="IE21" s="71">
        <v>309</v>
      </c>
      <c r="IF21" s="71">
        <v>217</v>
      </c>
      <c r="IG21" s="71">
        <v>170</v>
      </c>
      <c r="IH21" s="71">
        <v>130</v>
      </c>
      <c r="II21" s="72">
        <v>1185</v>
      </c>
      <c r="IJ21" s="73">
        <v>1626</v>
      </c>
      <c r="IK21" s="70">
        <v>370</v>
      </c>
      <c r="IL21" s="71">
        <v>428</v>
      </c>
      <c r="IM21" s="72">
        <v>798</v>
      </c>
      <c r="IN21" s="244"/>
      <c r="IO21" s="71">
        <v>632</v>
      </c>
      <c r="IP21" s="71">
        <v>509</v>
      </c>
      <c r="IQ21" s="71">
        <v>312</v>
      </c>
      <c r="IR21" s="71">
        <v>302</v>
      </c>
      <c r="IS21" s="71">
        <v>200</v>
      </c>
      <c r="IT21" s="72">
        <v>1955</v>
      </c>
      <c r="IU21" s="73">
        <v>2753</v>
      </c>
      <c r="IV21" s="70">
        <v>316</v>
      </c>
      <c r="IW21" s="71">
        <v>399</v>
      </c>
      <c r="IX21" s="72">
        <v>715</v>
      </c>
      <c r="IY21" s="244"/>
      <c r="IZ21" s="71">
        <v>679</v>
      </c>
      <c r="JA21" s="71">
        <v>568</v>
      </c>
      <c r="JB21" s="71">
        <v>404</v>
      </c>
      <c r="JC21" s="71">
        <v>356</v>
      </c>
      <c r="JD21" s="71">
        <v>222</v>
      </c>
      <c r="JE21" s="72">
        <v>2229</v>
      </c>
      <c r="JF21" s="73">
        <v>2944</v>
      </c>
      <c r="JG21" s="70">
        <v>148</v>
      </c>
      <c r="JH21" s="71">
        <v>231</v>
      </c>
      <c r="JI21" s="72">
        <v>379</v>
      </c>
      <c r="JJ21" s="244"/>
      <c r="JK21" s="71">
        <v>425</v>
      </c>
      <c r="JL21" s="71">
        <v>447</v>
      </c>
      <c r="JM21" s="71">
        <v>392</v>
      </c>
      <c r="JN21" s="71">
        <v>428</v>
      </c>
      <c r="JO21" s="71">
        <v>248</v>
      </c>
      <c r="JP21" s="72">
        <v>1940</v>
      </c>
      <c r="JQ21" s="73">
        <v>2319</v>
      </c>
      <c r="JR21" s="70">
        <v>30</v>
      </c>
      <c r="JS21" s="71">
        <v>39</v>
      </c>
      <c r="JT21" s="72">
        <v>69</v>
      </c>
      <c r="JU21" s="244"/>
      <c r="JV21" s="71">
        <v>63</v>
      </c>
      <c r="JW21" s="71">
        <v>61</v>
      </c>
      <c r="JX21" s="71">
        <v>41</v>
      </c>
      <c r="JY21" s="71">
        <v>49</v>
      </c>
      <c r="JZ21" s="71">
        <v>39</v>
      </c>
      <c r="KA21" s="72">
        <v>253</v>
      </c>
      <c r="KB21" s="73">
        <v>322</v>
      </c>
      <c r="KC21" s="70">
        <v>1229</v>
      </c>
      <c r="KD21" s="71">
        <v>1526</v>
      </c>
      <c r="KE21" s="72">
        <v>2755</v>
      </c>
      <c r="KF21" s="244"/>
      <c r="KG21" s="71">
        <v>2450</v>
      </c>
      <c r="KH21" s="71">
        <v>2121</v>
      </c>
      <c r="KI21" s="71">
        <v>1533</v>
      </c>
      <c r="KJ21" s="71">
        <v>1469</v>
      </c>
      <c r="KK21" s="71">
        <v>946</v>
      </c>
      <c r="KL21" s="72">
        <v>8519</v>
      </c>
      <c r="KM21" s="73">
        <v>11274</v>
      </c>
    </row>
    <row r="22" spans="2:299" ht="21" customHeight="1" x14ac:dyDescent="0.2">
      <c r="B22" s="126" t="s">
        <v>19</v>
      </c>
      <c r="C22" s="313">
        <v>194</v>
      </c>
      <c r="D22" s="82">
        <v>164</v>
      </c>
      <c r="E22" s="83">
        <v>358</v>
      </c>
      <c r="F22" s="241"/>
      <c r="G22" s="82">
        <v>389</v>
      </c>
      <c r="H22" s="82">
        <v>320</v>
      </c>
      <c r="I22" s="82">
        <v>212</v>
      </c>
      <c r="J22" s="82">
        <v>146</v>
      </c>
      <c r="K22" s="82">
        <v>102</v>
      </c>
      <c r="L22" s="84">
        <v>1169</v>
      </c>
      <c r="M22" s="85">
        <v>1527</v>
      </c>
      <c r="N22" s="86">
        <v>5</v>
      </c>
      <c r="O22" s="71">
        <v>10</v>
      </c>
      <c r="P22" s="72">
        <v>15</v>
      </c>
      <c r="Q22" s="244"/>
      <c r="R22" s="71">
        <v>14</v>
      </c>
      <c r="S22" s="71">
        <v>11</v>
      </c>
      <c r="T22" s="71">
        <v>8</v>
      </c>
      <c r="U22" s="71">
        <v>9</v>
      </c>
      <c r="V22" s="71">
        <v>5</v>
      </c>
      <c r="W22" s="72">
        <v>47</v>
      </c>
      <c r="X22" s="73">
        <v>62</v>
      </c>
      <c r="Y22" s="70">
        <v>20</v>
      </c>
      <c r="Z22" s="71">
        <v>18</v>
      </c>
      <c r="AA22" s="72">
        <v>38</v>
      </c>
      <c r="AB22" s="244"/>
      <c r="AC22" s="71">
        <v>40</v>
      </c>
      <c r="AD22" s="71">
        <v>47</v>
      </c>
      <c r="AE22" s="71">
        <v>23</v>
      </c>
      <c r="AF22" s="71">
        <v>18</v>
      </c>
      <c r="AG22" s="71">
        <v>16</v>
      </c>
      <c r="AH22" s="72">
        <v>144</v>
      </c>
      <c r="AI22" s="73">
        <v>182</v>
      </c>
      <c r="AJ22" s="86">
        <v>38</v>
      </c>
      <c r="AK22" s="71">
        <v>22</v>
      </c>
      <c r="AL22" s="72">
        <v>60</v>
      </c>
      <c r="AM22" s="244"/>
      <c r="AN22" s="71">
        <v>63</v>
      </c>
      <c r="AO22" s="71">
        <v>55</v>
      </c>
      <c r="AP22" s="71">
        <v>43</v>
      </c>
      <c r="AQ22" s="71">
        <v>30</v>
      </c>
      <c r="AR22" s="71">
        <v>14</v>
      </c>
      <c r="AS22" s="72">
        <v>205</v>
      </c>
      <c r="AT22" s="73">
        <v>265</v>
      </c>
      <c r="AU22" s="70">
        <v>48</v>
      </c>
      <c r="AV22" s="71">
        <v>34</v>
      </c>
      <c r="AW22" s="72">
        <v>82</v>
      </c>
      <c r="AX22" s="244"/>
      <c r="AY22" s="71">
        <v>91</v>
      </c>
      <c r="AZ22" s="71">
        <v>76</v>
      </c>
      <c r="BA22" s="71">
        <v>58</v>
      </c>
      <c r="BB22" s="71">
        <v>28</v>
      </c>
      <c r="BC22" s="71">
        <v>27</v>
      </c>
      <c r="BD22" s="72">
        <v>280</v>
      </c>
      <c r="BE22" s="73">
        <v>362</v>
      </c>
      <c r="BF22" s="86">
        <v>52</v>
      </c>
      <c r="BG22" s="71">
        <v>47</v>
      </c>
      <c r="BH22" s="72">
        <v>99</v>
      </c>
      <c r="BI22" s="244"/>
      <c r="BJ22" s="71">
        <v>111</v>
      </c>
      <c r="BK22" s="71">
        <v>80</v>
      </c>
      <c r="BL22" s="71">
        <v>38</v>
      </c>
      <c r="BM22" s="71">
        <v>38</v>
      </c>
      <c r="BN22" s="71">
        <v>29</v>
      </c>
      <c r="BO22" s="72">
        <v>296</v>
      </c>
      <c r="BP22" s="73">
        <v>395</v>
      </c>
      <c r="BQ22" s="70">
        <v>31</v>
      </c>
      <c r="BR22" s="71">
        <v>33</v>
      </c>
      <c r="BS22" s="72">
        <v>64</v>
      </c>
      <c r="BT22" s="244"/>
      <c r="BU22" s="71">
        <v>70</v>
      </c>
      <c r="BV22" s="71">
        <v>51</v>
      </c>
      <c r="BW22" s="71">
        <v>42</v>
      </c>
      <c r="BX22" s="71">
        <v>23</v>
      </c>
      <c r="BY22" s="71">
        <v>11</v>
      </c>
      <c r="BZ22" s="72">
        <v>197</v>
      </c>
      <c r="CA22" s="73">
        <v>261</v>
      </c>
      <c r="CB22" s="70">
        <v>7</v>
      </c>
      <c r="CC22" s="71">
        <v>8</v>
      </c>
      <c r="CD22" s="72">
        <v>15</v>
      </c>
      <c r="CE22" s="244"/>
      <c r="CF22" s="71">
        <v>16</v>
      </c>
      <c r="CG22" s="71">
        <v>10</v>
      </c>
      <c r="CH22" s="71">
        <v>11</v>
      </c>
      <c r="CI22" s="71">
        <v>10</v>
      </c>
      <c r="CJ22" s="71">
        <v>6</v>
      </c>
      <c r="CK22" s="72">
        <v>53</v>
      </c>
      <c r="CL22" s="73">
        <v>68</v>
      </c>
      <c r="CM22" s="70">
        <v>201</v>
      </c>
      <c r="CN22" s="71">
        <v>172</v>
      </c>
      <c r="CO22" s="72">
        <v>373</v>
      </c>
      <c r="CP22" s="244"/>
      <c r="CQ22" s="71">
        <v>405</v>
      </c>
      <c r="CR22" s="71">
        <v>330</v>
      </c>
      <c r="CS22" s="71">
        <v>223</v>
      </c>
      <c r="CT22" s="71">
        <v>156</v>
      </c>
      <c r="CU22" s="71">
        <v>108</v>
      </c>
      <c r="CV22" s="72">
        <v>1222</v>
      </c>
      <c r="CW22" s="73">
        <v>1595</v>
      </c>
      <c r="CX22" s="123">
        <v>347</v>
      </c>
      <c r="CY22" s="82">
        <v>401</v>
      </c>
      <c r="CZ22" s="83">
        <v>748</v>
      </c>
      <c r="DA22" s="241"/>
      <c r="DB22" s="82">
        <v>645</v>
      </c>
      <c r="DC22" s="82">
        <v>504</v>
      </c>
      <c r="DD22" s="82">
        <v>443</v>
      </c>
      <c r="DE22" s="82">
        <v>341</v>
      </c>
      <c r="DF22" s="82">
        <v>251</v>
      </c>
      <c r="DG22" s="84">
        <v>2184</v>
      </c>
      <c r="DH22" s="85">
        <v>2932</v>
      </c>
      <c r="DI22" s="86">
        <v>9</v>
      </c>
      <c r="DJ22" s="71">
        <v>12</v>
      </c>
      <c r="DK22" s="72">
        <v>21</v>
      </c>
      <c r="DL22" s="244"/>
      <c r="DM22" s="71">
        <v>13</v>
      </c>
      <c r="DN22" s="71">
        <v>12</v>
      </c>
      <c r="DO22" s="71">
        <v>7</v>
      </c>
      <c r="DP22" s="71">
        <v>2</v>
      </c>
      <c r="DQ22" s="71">
        <v>3</v>
      </c>
      <c r="DR22" s="72">
        <v>37</v>
      </c>
      <c r="DS22" s="73">
        <v>58</v>
      </c>
      <c r="DT22" s="70">
        <v>29</v>
      </c>
      <c r="DU22" s="71">
        <v>33</v>
      </c>
      <c r="DV22" s="72">
        <v>62</v>
      </c>
      <c r="DW22" s="244"/>
      <c r="DX22" s="71">
        <v>48</v>
      </c>
      <c r="DY22" s="71">
        <v>26</v>
      </c>
      <c r="DZ22" s="71">
        <v>21</v>
      </c>
      <c r="EA22" s="71">
        <v>15</v>
      </c>
      <c r="EB22" s="71">
        <v>21</v>
      </c>
      <c r="EC22" s="72">
        <v>131</v>
      </c>
      <c r="ED22" s="73">
        <v>193</v>
      </c>
      <c r="EE22" s="86">
        <v>55</v>
      </c>
      <c r="EF22" s="71">
        <v>60</v>
      </c>
      <c r="EG22" s="72">
        <v>115</v>
      </c>
      <c r="EH22" s="244"/>
      <c r="EI22" s="71">
        <v>82</v>
      </c>
      <c r="EJ22" s="71">
        <v>59</v>
      </c>
      <c r="EK22" s="71">
        <v>32</v>
      </c>
      <c r="EL22" s="71">
        <v>40</v>
      </c>
      <c r="EM22" s="71">
        <v>29</v>
      </c>
      <c r="EN22" s="72">
        <v>242</v>
      </c>
      <c r="EO22" s="73">
        <v>357</v>
      </c>
      <c r="EP22" s="70">
        <v>103</v>
      </c>
      <c r="EQ22" s="71">
        <v>97</v>
      </c>
      <c r="ER22" s="72">
        <v>200</v>
      </c>
      <c r="ES22" s="244"/>
      <c r="ET22" s="71">
        <v>160</v>
      </c>
      <c r="EU22" s="71">
        <v>125</v>
      </c>
      <c r="EV22" s="71">
        <v>97</v>
      </c>
      <c r="EW22" s="71">
        <v>67</v>
      </c>
      <c r="EX22" s="71">
        <v>36</v>
      </c>
      <c r="EY22" s="72">
        <v>485</v>
      </c>
      <c r="EZ22" s="73">
        <v>685</v>
      </c>
      <c r="FA22" s="86">
        <v>100</v>
      </c>
      <c r="FB22" s="71">
        <v>117</v>
      </c>
      <c r="FC22" s="72">
        <v>217</v>
      </c>
      <c r="FD22" s="244"/>
      <c r="FE22" s="71">
        <v>188</v>
      </c>
      <c r="FF22" s="71">
        <v>141</v>
      </c>
      <c r="FG22" s="71">
        <v>117</v>
      </c>
      <c r="FH22" s="71">
        <v>81</v>
      </c>
      <c r="FI22" s="71">
        <v>59</v>
      </c>
      <c r="FJ22" s="72">
        <v>586</v>
      </c>
      <c r="FK22" s="73">
        <v>803</v>
      </c>
      <c r="FL22" s="70">
        <v>51</v>
      </c>
      <c r="FM22" s="71">
        <v>82</v>
      </c>
      <c r="FN22" s="72">
        <v>133</v>
      </c>
      <c r="FO22" s="244"/>
      <c r="FP22" s="71">
        <v>154</v>
      </c>
      <c r="FQ22" s="71">
        <v>141</v>
      </c>
      <c r="FR22" s="71">
        <v>169</v>
      </c>
      <c r="FS22" s="71">
        <v>136</v>
      </c>
      <c r="FT22" s="71">
        <v>103</v>
      </c>
      <c r="FU22" s="72">
        <v>703</v>
      </c>
      <c r="FV22" s="73">
        <v>836</v>
      </c>
      <c r="FW22" s="70">
        <v>5</v>
      </c>
      <c r="FX22" s="71">
        <v>5</v>
      </c>
      <c r="FY22" s="72">
        <v>10</v>
      </c>
      <c r="FZ22" s="244"/>
      <c r="GA22" s="71">
        <v>4</v>
      </c>
      <c r="GB22" s="71">
        <v>9</v>
      </c>
      <c r="GC22" s="71">
        <v>5</v>
      </c>
      <c r="GD22" s="71">
        <v>4</v>
      </c>
      <c r="GE22" s="71">
        <v>5</v>
      </c>
      <c r="GF22" s="72">
        <v>27</v>
      </c>
      <c r="GG22" s="73">
        <v>37</v>
      </c>
      <c r="GH22" s="70">
        <v>352</v>
      </c>
      <c r="GI22" s="71">
        <v>406</v>
      </c>
      <c r="GJ22" s="72">
        <v>758</v>
      </c>
      <c r="GK22" s="244"/>
      <c r="GL22" s="71">
        <v>649</v>
      </c>
      <c r="GM22" s="71">
        <v>513</v>
      </c>
      <c r="GN22" s="71">
        <v>448</v>
      </c>
      <c r="GO22" s="71">
        <v>345</v>
      </c>
      <c r="GP22" s="71">
        <v>256</v>
      </c>
      <c r="GQ22" s="72">
        <v>2211</v>
      </c>
      <c r="GR22" s="73">
        <v>2969</v>
      </c>
      <c r="GS22" s="123">
        <v>541</v>
      </c>
      <c r="GT22" s="82">
        <v>565</v>
      </c>
      <c r="GU22" s="83">
        <v>1106</v>
      </c>
      <c r="GV22" s="241"/>
      <c r="GW22" s="82">
        <v>1034</v>
      </c>
      <c r="GX22" s="82">
        <v>824</v>
      </c>
      <c r="GY22" s="82">
        <v>655</v>
      </c>
      <c r="GZ22" s="82">
        <v>487</v>
      </c>
      <c r="HA22" s="82">
        <v>353</v>
      </c>
      <c r="HB22" s="84">
        <v>3353</v>
      </c>
      <c r="HC22" s="85">
        <v>4459</v>
      </c>
      <c r="HD22" s="86">
        <v>14</v>
      </c>
      <c r="HE22" s="71">
        <v>22</v>
      </c>
      <c r="HF22" s="72">
        <v>36</v>
      </c>
      <c r="HG22" s="244"/>
      <c r="HH22" s="71">
        <v>27</v>
      </c>
      <c r="HI22" s="71">
        <v>23</v>
      </c>
      <c r="HJ22" s="71">
        <v>15</v>
      </c>
      <c r="HK22" s="71">
        <v>11</v>
      </c>
      <c r="HL22" s="71">
        <v>8</v>
      </c>
      <c r="HM22" s="72">
        <v>84</v>
      </c>
      <c r="HN22" s="73">
        <v>120</v>
      </c>
      <c r="HO22" s="70">
        <v>49</v>
      </c>
      <c r="HP22" s="71">
        <v>51</v>
      </c>
      <c r="HQ22" s="72">
        <v>100</v>
      </c>
      <c r="HR22" s="244"/>
      <c r="HS22" s="71">
        <v>88</v>
      </c>
      <c r="HT22" s="71">
        <v>73</v>
      </c>
      <c r="HU22" s="71">
        <v>44</v>
      </c>
      <c r="HV22" s="71">
        <v>33</v>
      </c>
      <c r="HW22" s="71">
        <v>37</v>
      </c>
      <c r="HX22" s="72">
        <v>275</v>
      </c>
      <c r="HY22" s="73">
        <v>375</v>
      </c>
      <c r="HZ22" s="86">
        <v>93</v>
      </c>
      <c r="IA22" s="71">
        <v>82</v>
      </c>
      <c r="IB22" s="72">
        <v>175</v>
      </c>
      <c r="IC22" s="244"/>
      <c r="ID22" s="71">
        <v>145</v>
      </c>
      <c r="IE22" s="71">
        <v>114</v>
      </c>
      <c r="IF22" s="71">
        <v>75</v>
      </c>
      <c r="IG22" s="71">
        <v>70</v>
      </c>
      <c r="IH22" s="71">
        <v>43</v>
      </c>
      <c r="II22" s="72">
        <v>447</v>
      </c>
      <c r="IJ22" s="73">
        <v>622</v>
      </c>
      <c r="IK22" s="70">
        <v>151</v>
      </c>
      <c r="IL22" s="71">
        <v>131</v>
      </c>
      <c r="IM22" s="72">
        <v>282</v>
      </c>
      <c r="IN22" s="244"/>
      <c r="IO22" s="71">
        <v>251</v>
      </c>
      <c r="IP22" s="71">
        <v>201</v>
      </c>
      <c r="IQ22" s="71">
        <v>155</v>
      </c>
      <c r="IR22" s="71">
        <v>95</v>
      </c>
      <c r="IS22" s="71">
        <v>63</v>
      </c>
      <c r="IT22" s="72">
        <v>765</v>
      </c>
      <c r="IU22" s="73">
        <v>1047</v>
      </c>
      <c r="IV22" s="86">
        <v>152</v>
      </c>
      <c r="IW22" s="71">
        <v>164</v>
      </c>
      <c r="IX22" s="72">
        <v>316</v>
      </c>
      <c r="IY22" s="244"/>
      <c r="IZ22" s="71">
        <v>299</v>
      </c>
      <c r="JA22" s="71">
        <v>221</v>
      </c>
      <c r="JB22" s="71">
        <v>155</v>
      </c>
      <c r="JC22" s="71">
        <v>119</v>
      </c>
      <c r="JD22" s="71">
        <v>88</v>
      </c>
      <c r="JE22" s="72">
        <v>882</v>
      </c>
      <c r="JF22" s="73">
        <v>1198</v>
      </c>
      <c r="JG22" s="70">
        <v>82</v>
      </c>
      <c r="JH22" s="71">
        <v>115</v>
      </c>
      <c r="JI22" s="72">
        <v>197</v>
      </c>
      <c r="JJ22" s="244"/>
      <c r="JK22" s="71">
        <v>224</v>
      </c>
      <c r="JL22" s="71">
        <v>192</v>
      </c>
      <c r="JM22" s="71">
        <v>211</v>
      </c>
      <c r="JN22" s="71">
        <v>159</v>
      </c>
      <c r="JO22" s="71">
        <v>114</v>
      </c>
      <c r="JP22" s="72">
        <v>900</v>
      </c>
      <c r="JQ22" s="73">
        <v>1097</v>
      </c>
      <c r="JR22" s="70">
        <v>12</v>
      </c>
      <c r="JS22" s="71">
        <v>13</v>
      </c>
      <c r="JT22" s="72">
        <v>25</v>
      </c>
      <c r="JU22" s="244"/>
      <c r="JV22" s="71">
        <v>20</v>
      </c>
      <c r="JW22" s="71">
        <v>19</v>
      </c>
      <c r="JX22" s="71">
        <v>16</v>
      </c>
      <c r="JY22" s="71">
        <v>14</v>
      </c>
      <c r="JZ22" s="71">
        <v>11</v>
      </c>
      <c r="KA22" s="72">
        <v>80</v>
      </c>
      <c r="KB22" s="73">
        <v>105</v>
      </c>
      <c r="KC22" s="70">
        <v>553</v>
      </c>
      <c r="KD22" s="71">
        <v>578</v>
      </c>
      <c r="KE22" s="72">
        <v>1131</v>
      </c>
      <c r="KF22" s="244"/>
      <c r="KG22" s="71">
        <v>1054</v>
      </c>
      <c r="KH22" s="71">
        <v>843</v>
      </c>
      <c r="KI22" s="71">
        <v>671</v>
      </c>
      <c r="KJ22" s="71">
        <v>501</v>
      </c>
      <c r="KK22" s="71">
        <v>364</v>
      </c>
      <c r="KL22" s="72">
        <v>3433</v>
      </c>
      <c r="KM22" s="73">
        <v>4564</v>
      </c>
    </row>
    <row r="23" spans="2:299" ht="21" customHeight="1" x14ac:dyDescent="0.2">
      <c r="B23" s="126" t="s">
        <v>20</v>
      </c>
      <c r="C23" s="313">
        <v>278</v>
      </c>
      <c r="D23" s="82">
        <v>334</v>
      </c>
      <c r="E23" s="83">
        <v>612</v>
      </c>
      <c r="F23" s="241"/>
      <c r="G23" s="82">
        <v>559</v>
      </c>
      <c r="H23" s="82">
        <v>350</v>
      </c>
      <c r="I23" s="82">
        <v>276</v>
      </c>
      <c r="J23" s="82">
        <v>228</v>
      </c>
      <c r="K23" s="82">
        <v>114</v>
      </c>
      <c r="L23" s="84">
        <v>1527</v>
      </c>
      <c r="M23" s="85">
        <v>2139</v>
      </c>
      <c r="N23" s="70">
        <v>11</v>
      </c>
      <c r="O23" s="71">
        <v>8</v>
      </c>
      <c r="P23" s="72">
        <v>19</v>
      </c>
      <c r="Q23" s="244"/>
      <c r="R23" s="71">
        <v>22</v>
      </c>
      <c r="S23" s="71">
        <v>17</v>
      </c>
      <c r="T23" s="71">
        <v>15</v>
      </c>
      <c r="U23" s="71">
        <v>12</v>
      </c>
      <c r="V23" s="71">
        <v>5</v>
      </c>
      <c r="W23" s="72">
        <v>71</v>
      </c>
      <c r="X23" s="73">
        <v>90</v>
      </c>
      <c r="Y23" s="70">
        <v>23</v>
      </c>
      <c r="Z23" s="71">
        <v>29</v>
      </c>
      <c r="AA23" s="72">
        <v>52</v>
      </c>
      <c r="AB23" s="244"/>
      <c r="AC23" s="71">
        <v>57</v>
      </c>
      <c r="AD23" s="71">
        <v>43</v>
      </c>
      <c r="AE23" s="71">
        <v>37</v>
      </c>
      <c r="AF23" s="71">
        <v>29</v>
      </c>
      <c r="AG23" s="71">
        <v>21</v>
      </c>
      <c r="AH23" s="72">
        <v>187</v>
      </c>
      <c r="AI23" s="73">
        <v>239</v>
      </c>
      <c r="AJ23" s="70">
        <v>53</v>
      </c>
      <c r="AK23" s="71">
        <v>60</v>
      </c>
      <c r="AL23" s="72">
        <v>113</v>
      </c>
      <c r="AM23" s="244"/>
      <c r="AN23" s="71">
        <v>79</v>
      </c>
      <c r="AO23" s="71">
        <v>63</v>
      </c>
      <c r="AP23" s="71">
        <v>42</v>
      </c>
      <c r="AQ23" s="71">
        <v>44</v>
      </c>
      <c r="AR23" s="71">
        <v>27</v>
      </c>
      <c r="AS23" s="72">
        <v>255</v>
      </c>
      <c r="AT23" s="73">
        <v>368</v>
      </c>
      <c r="AU23" s="70">
        <v>81</v>
      </c>
      <c r="AV23" s="71">
        <v>100</v>
      </c>
      <c r="AW23" s="72">
        <v>181</v>
      </c>
      <c r="AX23" s="244"/>
      <c r="AY23" s="71">
        <v>163</v>
      </c>
      <c r="AZ23" s="71">
        <v>86</v>
      </c>
      <c r="BA23" s="71">
        <v>79</v>
      </c>
      <c r="BB23" s="71">
        <v>53</v>
      </c>
      <c r="BC23" s="71">
        <v>28</v>
      </c>
      <c r="BD23" s="72">
        <v>409</v>
      </c>
      <c r="BE23" s="73">
        <v>590</v>
      </c>
      <c r="BF23" s="70">
        <v>76</v>
      </c>
      <c r="BG23" s="71">
        <v>91</v>
      </c>
      <c r="BH23" s="72">
        <v>167</v>
      </c>
      <c r="BI23" s="244"/>
      <c r="BJ23" s="71">
        <v>159</v>
      </c>
      <c r="BK23" s="71">
        <v>83</v>
      </c>
      <c r="BL23" s="71">
        <v>68</v>
      </c>
      <c r="BM23" s="71">
        <v>59</v>
      </c>
      <c r="BN23" s="71">
        <v>21</v>
      </c>
      <c r="BO23" s="72">
        <v>390</v>
      </c>
      <c r="BP23" s="73">
        <v>557</v>
      </c>
      <c r="BQ23" s="70">
        <v>34</v>
      </c>
      <c r="BR23" s="71">
        <v>46</v>
      </c>
      <c r="BS23" s="72">
        <v>80</v>
      </c>
      <c r="BT23" s="244"/>
      <c r="BU23" s="71">
        <v>79</v>
      </c>
      <c r="BV23" s="71">
        <v>58</v>
      </c>
      <c r="BW23" s="71">
        <v>35</v>
      </c>
      <c r="BX23" s="71">
        <v>31</v>
      </c>
      <c r="BY23" s="71">
        <v>12</v>
      </c>
      <c r="BZ23" s="72">
        <v>215</v>
      </c>
      <c r="CA23" s="73">
        <v>295</v>
      </c>
      <c r="CB23" s="70">
        <v>9</v>
      </c>
      <c r="CC23" s="71">
        <v>13</v>
      </c>
      <c r="CD23" s="72">
        <v>22</v>
      </c>
      <c r="CE23" s="244"/>
      <c r="CF23" s="71">
        <v>26</v>
      </c>
      <c r="CG23" s="71">
        <v>13</v>
      </c>
      <c r="CH23" s="71">
        <v>11</v>
      </c>
      <c r="CI23" s="71">
        <v>8</v>
      </c>
      <c r="CJ23" s="71">
        <v>10</v>
      </c>
      <c r="CK23" s="72">
        <v>68</v>
      </c>
      <c r="CL23" s="73">
        <v>90</v>
      </c>
      <c r="CM23" s="70">
        <v>287</v>
      </c>
      <c r="CN23" s="71">
        <v>347</v>
      </c>
      <c r="CO23" s="72">
        <v>634</v>
      </c>
      <c r="CP23" s="244"/>
      <c r="CQ23" s="71">
        <v>585</v>
      </c>
      <c r="CR23" s="71">
        <v>363</v>
      </c>
      <c r="CS23" s="71">
        <v>287</v>
      </c>
      <c r="CT23" s="71">
        <v>236</v>
      </c>
      <c r="CU23" s="71">
        <v>124</v>
      </c>
      <c r="CV23" s="72">
        <v>1595</v>
      </c>
      <c r="CW23" s="73">
        <v>2229</v>
      </c>
      <c r="CX23" s="123">
        <v>465</v>
      </c>
      <c r="CY23" s="82">
        <v>614</v>
      </c>
      <c r="CZ23" s="83">
        <v>1079</v>
      </c>
      <c r="DA23" s="241"/>
      <c r="DB23" s="82">
        <v>887</v>
      </c>
      <c r="DC23" s="82">
        <v>541</v>
      </c>
      <c r="DD23" s="82">
        <v>468</v>
      </c>
      <c r="DE23" s="82">
        <v>432</v>
      </c>
      <c r="DF23" s="82">
        <v>277</v>
      </c>
      <c r="DG23" s="84">
        <v>2605</v>
      </c>
      <c r="DH23" s="85">
        <v>3684</v>
      </c>
      <c r="DI23" s="70">
        <v>9</v>
      </c>
      <c r="DJ23" s="71">
        <v>13</v>
      </c>
      <c r="DK23" s="72">
        <v>22</v>
      </c>
      <c r="DL23" s="244"/>
      <c r="DM23" s="71">
        <v>27</v>
      </c>
      <c r="DN23" s="71">
        <v>11</v>
      </c>
      <c r="DO23" s="71">
        <v>8</v>
      </c>
      <c r="DP23" s="71">
        <v>7</v>
      </c>
      <c r="DQ23" s="71">
        <v>5</v>
      </c>
      <c r="DR23" s="72">
        <v>58</v>
      </c>
      <c r="DS23" s="73">
        <v>80</v>
      </c>
      <c r="DT23" s="70">
        <v>33</v>
      </c>
      <c r="DU23" s="71">
        <v>41</v>
      </c>
      <c r="DV23" s="72">
        <v>74</v>
      </c>
      <c r="DW23" s="244"/>
      <c r="DX23" s="71">
        <v>65</v>
      </c>
      <c r="DY23" s="71">
        <v>27</v>
      </c>
      <c r="DZ23" s="71">
        <v>25</v>
      </c>
      <c r="EA23" s="71">
        <v>28</v>
      </c>
      <c r="EB23" s="71">
        <v>19</v>
      </c>
      <c r="EC23" s="72">
        <v>164</v>
      </c>
      <c r="ED23" s="73">
        <v>238</v>
      </c>
      <c r="EE23" s="70">
        <v>93</v>
      </c>
      <c r="EF23" s="71">
        <v>90</v>
      </c>
      <c r="EG23" s="72">
        <v>183</v>
      </c>
      <c r="EH23" s="244"/>
      <c r="EI23" s="71">
        <v>148</v>
      </c>
      <c r="EJ23" s="71">
        <v>67</v>
      </c>
      <c r="EK23" s="71">
        <v>43</v>
      </c>
      <c r="EL23" s="71">
        <v>29</v>
      </c>
      <c r="EM23" s="71">
        <v>37</v>
      </c>
      <c r="EN23" s="72">
        <v>324</v>
      </c>
      <c r="EO23" s="73">
        <v>507</v>
      </c>
      <c r="EP23" s="70">
        <v>168</v>
      </c>
      <c r="EQ23" s="71">
        <v>182</v>
      </c>
      <c r="ER23" s="72">
        <v>350</v>
      </c>
      <c r="ES23" s="244"/>
      <c r="ET23" s="71">
        <v>190</v>
      </c>
      <c r="EU23" s="71">
        <v>125</v>
      </c>
      <c r="EV23" s="71">
        <v>93</v>
      </c>
      <c r="EW23" s="71">
        <v>80</v>
      </c>
      <c r="EX23" s="71">
        <v>63</v>
      </c>
      <c r="EY23" s="72">
        <v>551</v>
      </c>
      <c r="EZ23" s="73">
        <v>901</v>
      </c>
      <c r="FA23" s="70">
        <v>114</v>
      </c>
      <c r="FB23" s="71">
        <v>175</v>
      </c>
      <c r="FC23" s="72">
        <v>289</v>
      </c>
      <c r="FD23" s="244"/>
      <c r="FE23" s="71">
        <v>250</v>
      </c>
      <c r="FF23" s="71">
        <v>145</v>
      </c>
      <c r="FG23" s="71">
        <v>118</v>
      </c>
      <c r="FH23" s="71">
        <v>116</v>
      </c>
      <c r="FI23" s="71">
        <v>65</v>
      </c>
      <c r="FJ23" s="72">
        <v>694</v>
      </c>
      <c r="FK23" s="73">
        <v>983</v>
      </c>
      <c r="FL23" s="70">
        <v>48</v>
      </c>
      <c r="FM23" s="71">
        <v>113</v>
      </c>
      <c r="FN23" s="72">
        <v>161</v>
      </c>
      <c r="FO23" s="244"/>
      <c r="FP23" s="71">
        <v>207</v>
      </c>
      <c r="FQ23" s="71">
        <v>166</v>
      </c>
      <c r="FR23" s="71">
        <v>181</v>
      </c>
      <c r="FS23" s="71">
        <v>172</v>
      </c>
      <c r="FT23" s="71">
        <v>88</v>
      </c>
      <c r="FU23" s="72">
        <v>814</v>
      </c>
      <c r="FV23" s="73">
        <v>975</v>
      </c>
      <c r="FW23" s="70">
        <v>5</v>
      </c>
      <c r="FX23" s="71">
        <v>13</v>
      </c>
      <c r="FY23" s="72">
        <v>18</v>
      </c>
      <c r="FZ23" s="244"/>
      <c r="GA23" s="71">
        <v>15</v>
      </c>
      <c r="GB23" s="71">
        <v>15</v>
      </c>
      <c r="GC23" s="71">
        <v>5</v>
      </c>
      <c r="GD23" s="71">
        <v>10</v>
      </c>
      <c r="GE23" s="71">
        <v>5</v>
      </c>
      <c r="GF23" s="72">
        <v>50</v>
      </c>
      <c r="GG23" s="73">
        <v>68</v>
      </c>
      <c r="GH23" s="70">
        <v>470</v>
      </c>
      <c r="GI23" s="71">
        <v>627</v>
      </c>
      <c r="GJ23" s="72">
        <v>1097</v>
      </c>
      <c r="GK23" s="244"/>
      <c r="GL23" s="71">
        <v>902</v>
      </c>
      <c r="GM23" s="71">
        <v>556</v>
      </c>
      <c r="GN23" s="71">
        <v>473</v>
      </c>
      <c r="GO23" s="71">
        <v>442</v>
      </c>
      <c r="GP23" s="71">
        <v>282</v>
      </c>
      <c r="GQ23" s="72">
        <v>2655</v>
      </c>
      <c r="GR23" s="73">
        <v>3752</v>
      </c>
      <c r="GS23" s="123">
        <v>743</v>
      </c>
      <c r="GT23" s="82">
        <v>948</v>
      </c>
      <c r="GU23" s="83">
        <v>1691</v>
      </c>
      <c r="GV23" s="241"/>
      <c r="GW23" s="82">
        <v>1446</v>
      </c>
      <c r="GX23" s="82">
        <v>891</v>
      </c>
      <c r="GY23" s="82">
        <v>744</v>
      </c>
      <c r="GZ23" s="82">
        <v>660</v>
      </c>
      <c r="HA23" s="82">
        <v>391</v>
      </c>
      <c r="HB23" s="84">
        <v>4132</v>
      </c>
      <c r="HC23" s="85">
        <v>5823</v>
      </c>
      <c r="HD23" s="70">
        <v>20</v>
      </c>
      <c r="HE23" s="71">
        <v>21</v>
      </c>
      <c r="HF23" s="72">
        <v>41</v>
      </c>
      <c r="HG23" s="244"/>
      <c r="HH23" s="71">
        <v>49</v>
      </c>
      <c r="HI23" s="71">
        <v>28</v>
      </c>
      <c r="HJ23" s="71">
        <v>23</v>
      </c>
      <c r="HK23" s="71">
        <v>19</v>
      </c>
      <c r="HL23" s="71">
        <v>10</v>
      </c>
      <c r="HM23" s="72">
        <v>129</v>
      </c>
      <c r="HN23" s="73">
        <v>170</v>
      </c>
      <c r="HO23" s="70">
        <v>56</v>
      </c>
      <c r="HP23" s="71">
        <v>70</v>
      </c>
      <c r="HQ23" s="72">
        <v>126</v>
      </c>
      <c r="HR23" s="244"/>
      <c r="HS23" s="71">
        <v>122</v>
      </c>
      <c r="HT23" s="71">
        <v>70</v>
      </c>
      <c r="HU23" s="71">
        <v>62</v>
      </c>
      <c r="HV23" s="71">
        <v>57</v>
      </c>
      <c r="HW23" s="71">
        <v>40</v>
      </c>
      <c r="HX23" s="72">
        <v>351</v>
      </c>
      <c r="HY23" s="73">
        <v>477</v>
      </c>
      <c r="HZ23" s="70">
        <v>146</v>
      </c>
      <c r="IA23" s="71">
        <v>150</v>
      </c>
      <c r="IB23" s="72">
        <v>296</v>
      </c>
      <c r="IC23" s="244"/>
      <c r="ID23" s="71">
        <v>227</v>
      </c>
      <c r="IE23" s="71">
        <v>130</v>
      </c>
      <c r="IF23" s="71">
        <v>85</v>
      </c>
      <c r="IG23" s="71">
        <v>73</v>
      </c>
      <c r="IH23" s="71">
        <v>64</v>
      </c>
      <c r="II23" s="72">
        <v>579</v>
      </c>
      <c r="IJ23" s="73">
        <v>875</v>
      </c>
      <c r="IK23" s="70">
        <v>249</v>
      </c>
      <c r="IL23" s="71">
        <v>282</v>
      </c>
      <c r="IM23" s="72">
        <v>531</v>
      </c>
      <c r="IN23" s="244"/>
      <c r="IO23" s="71">
        <v>353</v>
      </c>
      <c r="IP23" s="71">
        <v>211</v>
      </c>
      <c r="IQ23" s="71">
        <v>172</v>
      </c>
      <c r="IR23" s="71">
        <v>133</v>
      </c>
      <c r="IS23" s="71">
        <v>91</v>
      </c>
      <c r="IT23" s="72">
        <v>960</v>
      </c>
      <c r="IU23" s="73">
        <v>1491</v>
      </c>
      <c r="IV23" s="70">
        <v>190</v>
      </c>
      <c r="IW23" s="71">
        <v>266</v>
      </c>
      <c r="IX23" s="72">
        <v>456</v>
      </c>
      <c r="IY23" s="244"/>
      <c r="IZ23" s="71">
        <v>409</v>
      </c>
      <c r="JA23" s="71">
        <v>228</v>
      </c>
      <c r="JB23" s="71">
        <v>186</v>
      </c>
      <c r="JC23" s="71">
        <v>175</v>
      </c>
      <c r="JD23" s="71">
        <v>86</v>
      </c>
      <c r="JE23" s="72">
        <v>1084</v>
      </c>
      <c r="JF23" s="73">
        <v>1540</v>
      </c>
      <c r="JG23" s="70">
        <v>82</v>
      </c>
      <c r="JH23" s="71">
        <v>159</v>
      </c>
      <c r="JI23" s="72">
        <v>241</v>
      </c>
      <c r="JJ23" s="244"/>
      <c r="JK23" s="71">
        <v>286</v>
      </c>
      <c r="JL23" s="71">
        <v>224</v>
      </c>
      <c r="JM23" s="71">
        <v>216</v>
      </c>
      <c r="JN23" s="71">
        <v>203</v>
      </c>
      <c r="JO23" s="71">
        <v>100</v>
      </c>
      <c r="JP23" s="72">
        <v>1029</v>
      </c>
      <c r="JQ23" s="73">
        <v>1270</v>
      </c>
      <c r="JR23" s="70">
        <v>14</v>
      </c>
      <c r="JS23" s="71">
        <v>26</v>
      </c>
      <c r="JT23" s="72">
        <v>40</v>
      </c>
      <c r="JU23" s="244"/>
      <c r="JV23" s="71">
        <v>41</v>
      </c>
      <c r="JW23" s="71">
        <v>28</v>
      </c>
      <c r="JX23" s="71">
        <v>16</v>
      </c>
      <c r="JY23" s="71">
        <v>18</v>
      </c>
      <c r="JZ23" s="71">
        <v>15</v>
      </c>
      <c r="KA23" s="72">
        <v>118</v>
      </c>
      <c r="KB23" s="73">
        <v>158</v>
      </c>
      <c r="KC23" s="70">
        <v>757</v>
      </c>
      <c r="KD23" s="71">
        <v>974</v>
      </c>
      <c r="KE23" s="72">
        <v>1731</v>
      </c>
      <c r="KF23" s="244"/>
      <c r="KG23" s="71">
        <v>1487</v>
      </c>
      <c r="KH23" s="71">
        <v>919</v>
      </c>
      <c r="KI23" s="71">
        <v>760</v>
      </c>
      <c r="KJ23" s="71">
        <v>678</v>
      </c>
      <c r="KK23" s="71">
        <v>406</v>
      </c>
      <c r="KL23" s="72">
        <v>4250</v>
      </c>
      <c r="KM23" s="73">
        <v>5981</v>
      </c>
    </row>
    <row r="24" spans="2:299" ht="21" customHeight="1" x14ac:dyDescent="0.2">
      <c r="B24" s="126" t="s">
        <v>21</v>
      </c>
      <c r="C24" s="313">
        <v>298</v>
      </c>
      <c r="D24" s="82">
        <v>252</v>
      </c>
      <c r="E24" s="83">
        <v>550</v>
      </c>
      <c r="F24" s="241"/>
      <c r="G24" s="82">
        <v>447</v>
      </c>
      <c r="H24" s="82">
        <v>417</v>
      </c>
      <c r="I24" s="82">
        <v>288</v>
      </c>
      <c r="J24" s="82">
        <v>228</v>
      </c>
      <c r="K24" s="82">
        <v>140</v>
      </c>
      <c r="L24" s="84">
        <v>1520</v>
      </c>
      <c r="M24" s="85">
        <v>2070</v>
      </c>
      <c r="N24" s="70">
        <v>12</v>
      </c>
      <c r="O24" s="71">
        <v>19</v>
      </c>
      <c r="P24" s="72">
        <v>31</v>
      </c>
      <c r="Q24" s="244"/>
      <c r="R24" s="71">
        <v>20</v>
      </c>
      <c r="S24" s="71">
        <v>15</v>
      </c>
      <c r="T24" s="71">
        <v>13</v>
      </c>
      <c r="U24" s="71">
        <v>18</v>
      </c>
      <c r="V24" s="71">
        <v>13</v>
      </c>
      <c r="W24" s="72">
        <v>79</v>
      </c>
      <c r="X24" s="73">
        <v>110</v>
      </c>
      <c r="Y24" s="70">
        <v>33</v>
      </c>
      <c r="Z24" s="71">
        <v>32</v>
      </c>
      <c r="AA24" s="72">
        <v>65</v>
      </c>
      <c r="AB24" s="244"/>
      <c r="AC24" s="71">
        <v>39</v>
      </c>
      <c r="AD24" s="71">
        <v>49</v>
      </c>
      <c r="AE24" s="71">
        <v>28</v>
      </c>
      <c r="AF24" s="71">
        <v>29</v>
      </c>
      <c r="AG24" s="71">
        <v>20</v>
      </c>
      <c r="AH24" s="72">
        <v>165</v>
      </c>
      <c r="AI24" s="73">
        <v>230</v>
      </c>
      <c r="AJ24" s="70">
        <v>57</v>
      </c>
      <c r="AK24" s="71">
        <v>42</v>
      </c>
      <c r="AL24" s="72">
        <v>99</v>
      </c>
      <c r="AM24" s="244"/>
      <c r="AN24" s="71">
        <v>77</v>
      </c>
      <c r="AO24" s="71">
        <v>68</v>
      </c>
      <c r="AP24" s="71">
        <v>60</v>
      </c>
      <c r="AQ24" s="71">
        <v>45</v>
      </c>
      <c r="AR24" s="71">
        <v>24</v>
      </c>
      <c r="AS24" s="72">
        <v>274</v>
      </c>
      <c r="AT24" s="73">
        <v>373</v>
      </c>
      <c r="AU24" s="70">
        <v>79</v>
      </c>
      <c r="AV24" s="71">
        <v>56</v>
      </c>
      <c r="AW24" s="72">
        <v>135</v>
      </c>
      <c r="AX24" s="244"/>
      <c r="AY24" s="71">
        <v>127</v>
      </c>
      <c r="AZ24" s="71">
        <v>127</v>
      </c>
      <c r="BA24" s="71">
        <v>76</v>
      </c>
      <c r="BB24" s="71">
        <v>51</v>
      </c>
      <c r="BC24" s="71">
        <v>24</v>
      </c>
      <c r="BD24" s="72">
        <v>405</v>
      </c>
      <c r="BE24" s="73">
        <v>540</v>
      </c>
      <c r="BF24" s="70">
        <v>80</v>
      </c>
      <c r="BG24" s="71">
        <v>70</v>
      </c>
      <c r="BH24" s="72">
        <v>150</v>
      </c>
      <c r="BI24" s="244"/>
      <c r="BJ24" s="71">
        <v>131</v>
      </c>
      <c r="BK24" s="71">
        <v>100</v>
      </c>
      <c r="BL24" s="71">
        <v>62</v>
      </c>
      <c r="BM24" s="71">
        <v>56</v>
      </c>
      <c r="BN24" s="71">
        <v>42</v>
      </c>
      <c r="BO24" s="72">
        <v>391</v>
      </c>
      <c r="BP24" s="73">
        <v>541</v>
      </c>
      <c r="BQ24" s="70">
        <v>37</v>
      </c>
      <c r="BR24" s="71">
        <v>33</v>
      </c>
      <c r="BS24" s="72">
        <v>70</v>
      </c>
      <c r="BT24" s="244"/>
      <c r="BU24" s="71">
        <v>53</v>
      </c>
      <c r="BV24" s="71">
        <v>58</v>
      </c>
      <c r="BW24" s="71">
        <v>49</v>
      </c>
      <c r="BX24" s="71">
        <v>29</v>
      </c>
      <c r="BY24" s="71">
        <v>17</v>
      </c>
      <c r="BZ24" s="72">
        <v>206</v>
      </c>
      <c r="CA24" s="73">
        <v>276</v>
      </c>
      <c r="CB24" s="70">
        <v>7</v>
      </c>
      <c r="CC24" s="71">
        <v>13</v>
      </c>
      <c r="CD24" s="72">
        <v>20</v>
      </c>
      <c r="CE24" s="244"/>
      <c r="CF24" s="71">
        <v>5</v>
      </c>
      <c r="CG24" s="71">
        <v>27</v>
      </c>
      <c r="CH24" s="71">
        <v>9</v>
      </c>
      <c r="CI24" s="71">
        <v>14</v>
      </c>
      <c r="CJ24" s="71">
        <v>11</v>
      </c>
      <c r="CK24" s="72">
        <v>66</v>
      </c>
      <c r="CL24" s="73">
        <v>86</v>
      </c>
      <c r="CM24" s="70">
        <v>305</v>
      </c>
      <c r="CN24" s="71">
        <v>265</v>
      </c>
      <c r="CO24" s="72">
        <v>570</v>
      </c>
      <c r="CP24" s="244"/>
      <c r="CQ24" s="71">
        <v>452</v>
      </c>
      <c r="CR24" s="71">
        <v>444</v>
      </c>
      <c r="CS24" s="71">
        <v>297</v>
      </c>
      <c r="CT24" s="71">
        <v>242</v>
      </c>
      <c r="CU24" s="71">
        <v>151</v>
      </c>
      <c r="CV24" s="72">
        <v>1586</v>
      </c>
      <c r="CW24" s="73">
        <v>2156</v>
      </c>
      <c r="CX24" s="123">
        <v>586</v>
      </c>
      <c r="CY24" s="82">
        <v>554</v>
      </c>
      <c r="CZ24" s="83">
        <v>1140</v>
      </c>
      <c r="DA24" s="241"/>
      <c r="DB24" s="82">
        <v>744</v>
      </c>
      <c r="DC24" s="82">
        <v>708</v>
      </c>
      <c r="DD24" s="82">
        <v>561</v>
      </c>
      <c r="DE24" s="82">
        <v>486</v>
      </c>
      <c r="DF24" s="82">
        <v>359</v>
      </c>
      <c r="DG24" s="84">
        <v>2858</v>
      </c>
      <c r="DH24" s="85">
        <v>3998</v>
      </c>
      <c r="DI24" s="70">
        <v>13</v>
      </c>
      <c r="DJ24" s="71">
        <v>17</v>
      </c>
      <c r="DK24" s="72">
        <v>30</v>
      </c>
      <c r="DL24" s="244"/>
      <c r="DM24" s="71">
        <v>22</v>
      </c>
      <c r="DN24" s="71">
        <v>22</v>
      </c>
      <c r="DO24" s="71">
        <v>7</v>
      </c>
      <c r="DP24" s="71">
        <v>8</v>
      </c>
      <c r="DQ24" s="71">
        <v>13</v>
      </c>
      <c r="DR24" s="72">
        <v>72</v>
      </c>
      <c r="DS24" s="73">
        <v>102</v>
      </c>
      <c r="DT24" s="70">
        <v>40</v>
      </c>
      <c r="DU24" s="71">
        <v>38</v>
      </c>
      <c r="DV24" s="72">
        <v>78</v>
      </c>
      <c r="DW24" s="244"/>
      <c r="DX24" s="71">
        <v>36</v>
      </c>
      <c r="DY24" s="71">
        <v>42</v>
      </c>
      <c r="DZ24" s="71">
        <v>32</v>
      </c>
      <c r="EA24" s="71">
        <v>25</v>
      </c>
      <c r="EB24" s="71">
        <v>26</v>
      </c>
      <c r="EC24" s="72">
        <v>161</v>
      </c>
      <c r="ED24" s="73">
        <v>239</v>
      </c>
      <c r="EE24" s="70">
        <v>97</v>
      </c>
      <c r="EF24" s="71">
        <v>89</v>
      </c>
      <c r="EG24" s="72">
        <v>186</v>
      </c>
      <c r="EH24" s="244"/>
      <c r="EI24" s="71">
        <v>101</v>
      </c>
      <c r="EJ24" s="71">
        <v>87</v>
      </c>
      <c r="EK24" s="71">
        <v>60</v>
      </c>
      <c r="EL24" s="71">
        <v>53</v>
      </c>
      <c r="EM24" s="71">
        <v>34</v>
      </c>
      <c r="EN24" s="72">
        <v>335</v>
      </c>
      <c r="EO24" s="73">
        <v>521</v>
      </c>
      <c r="EP24" s="70">
        <v>191</v>
      </c>
      <c r="EQ24" s="71">
        <v>167</v>
      </c>
      <c r="ER24" s="72">
        <v>358</v>
      </c>
      <c r="ES24" s="244"/>
      <c r="ET24" s="71">
        <v>213</v>
      </c>
      <c r="EU24" s="71">
        <v>149</v>
      </c>
      <c r="EV24" s="71">
        <v>107</v>
      </c>
      <c r="EW24" s="71">
        <v>106</v>
      </c>
      <c r="EX24" s="71">
        <v>80</v>
      </c>
      <c r="EY24" s="72">
        <v>655</v>
      </c>
      <c r="EZ24" s="73">
        <v>1013</v>
      </c>
      <c r="FA24" s="70">
        <v>162</v>
      </c>
      <c r="FB24" s="71">
        <v>166</v>
      </c>
      <c r="FC24" s="72">
        <v>328</v>
      </c>
      <c r="FD24" s="244"/>
      <c r="FE24" s="71">
        <v>209</v>
      </c>
      <c r="FF24" s="71">
        <v>212</v>
      </c>
      <c r="FG24" s="71">
        <v>174</v>
      </c>
      <c r="FH24" s="71">
        <v>121</v>
      </c>
      <c r="FI24" s="71">
        <v>79</v>
      </c>
      <c r="FJ24" s="72">
        <v>795</v>
      </c>
      <c r="FK24" s="73">
        <v>1123</v>
      </c>
      <c r="FL24" s="70">
        <v>83</v>
      </c>
      <c r="FM24" s="71">
        <v>77</v>
      </c>
      <c r="FN24" s="72">
        <v>160</v>
      </c>
      <c r="FO24" s="244"/>
      <c r="FP24" s="71">
        <v>163</v>
      </c>
      <c r="FQ24" s="71">
        <v>196</v>
      </c>
      <c r="FR24" s="71">
        <v>181</v>
      </c>
      <c r="FS24" s="71">
        <v>173</v>
      </c>
      <c r="FT24" s="71">
        <v>127</v>
      </c>
      <c r="FU24" s="72">
        <v>840</v>
      </c>
      <c r="FV24" s="73">
        <v>1000</v>
      </c>
      <c r="FW24" s="70">
        <v>7</v>
      </c>
      <c r="FX24" s="71">
        <v>12</v>
      </c>
      <c r="FY24" s="72">
        <v>19</v>
      </c>
      <c r="FZ24" s="244"/>
      <c r="GA24" s="71">
        <v>7</v>
      </c>
      <c r="GB24" s="71">
        <v>19</v>
      </c>
      <c r="GC24" s="71">
        <v>20</v>
      </c>
      <c r="GD24" s="71">
        <v>8</v>
      </c>
      <c r="GE24" s="71">
        <v>8</v>
      </c>
      <c r="GF24" s="72">
        <v>62</v>
      </c>
      <c r="GG24" s="73">
        <v>81</v>
      </c>
      <c r="GH24" s="70">
        <v>593</v>
      </c>
      <c r="GI24" s="71">
        <v>566</v>
      </c>
      <c r="GJ24" s="72">
        <v>1159</v>
      </c>
      <c r="GK24" s="244"/>
      <c r="GL24" s="71">
        <v>751</v>
      </c>
      <c r="GM24" s="71">
        <v>727</v>
      </c>
      <c r="GN24" s="71">
        <v>581</v>
      </c>
      <c r="GO24" s="71">
        <v>494</v>
      </c>
      <c r="GP24" s="71">
        <v>367</v>
      </c>
      <c r="GQ24" s="72">
        <v>2920</v>
      </c>
      <c r="GR24" s="73">
        <v>4079</v>
      </c>
      <c r="GS24" s="123">
        <v>884</v>
      </c>
      <c r="GT24" s="82">
        <v>806</v>
      </c>
      <c r="GU24" s="83">
        <v>1690</v>
      </c>
      <c r="GV24" s="241"/>
      <c r="GW24" s="82">
        <v>1191</v>
      </c>
      <c r="GX24" s="82">
        <v>1125</v>
      </c>
      <c r="GY24" s="82">
        <v>849</v>
      </c>
      <c r="GZ24" s="82">
        <v>714</v>
      </c>
      <c r="HA24" s="82">
        <v>499</v>
      </c>
      <c r="HB24" s="84">
        <v>4378</v>
      </c>
      <c r="HC24" s="85">
        <v>6068</v>
      </c>
      <c r="HD24" s="70">
        <v>25</v>
      </c>
      <c r="HE24" s="71">
        <v>36</v>
      </c>
      <c r="HF24" s="72">
        <v>61</v>
      </c>
      <c r="HG24" s="244"/>
      <c r="HH24" s="71">
        <v>42</v>
      </c>
      <c r="HI24" s="71">
        <v>37</v>
      </c>
      <c r="HJ24" s="71">
        <v>20</v>
      </c>
      <c r="HK24" s="71">
        <v>26</v>
      </c>
      <c r="HL24" s="71">
        <v>26</v>
      </c>
      <c r="HM24" s="72">
        <v>151</v>
      </c>
      <c r="HN24" s="73">
        <v>212</v>
      </c>
      <c r="HO24" s="70">
        <v>73</v>
      </c>
      <c r="HP24" s="71">
        <v>70</v>
      </c>
      <c r="HQ24" s="72">
        <v>143</v>
      </c>
      <c r="HR24" s="244"/>
      <c r="HS24" s="71">
        <v>75</v>
      </c>
      <c r="HT24" s="71">
        <v>91</v>
      </c>
      <c r="HU24" s="71">
        <v>60</v>
      </c>
      <c r="HV24" s="71">
        <v>54</v>
      </c>
      <c r="HW24" s="71">
        <v>46</v>
      </c>
      <c r="HX24" s="72">
        <v>326</v>
      </c>
      <c r="HY24" s="73">
        <v>469</v>
      </c>
      <c r="HZ24" s="70">
        <v>154</v>
      </c>
      <c r="IA24" s="71">
        <v>131</v>
      </c>
      <c r="IB24" s="72">
        <v>285</v>
      </c>
      <c r="IC24" s="244"/>
      <c r="ID24" s="71">
        <v>178</v>
      </c>
      <c r="IE24" s="71">
        <v>155</v>
      </c>
      <c r="IF24" s="71">
        <v>120</v>
      </c>
      <c r="IG24" s="71">
        <v>98</v>
      </c>
      <c r="IH24" s="71">
        <v>58</v>
      </c>
      <c r="II24" s="72">
        <v>609</v>
      </c>
      <c r="IJ24" s="73">
        <v>894</v>
      </c>
      <c r="IK24" s="70">
        <v>270</v>
      </c>
      <c r="IL24" s="71">
        <v>223</v>
      </c>
      <c r="IM24" s="72">
        <v>493</v>
      </c>
      <c r="IN24" s="244"/>
      <c r="IO24" s="71">
        <v>340</v>
      </c>
      <c r="IP24" s="71">
        <v>276</v>
      </c>
      <c r="IQ24" s="71">
        <v>183</v>
      </c>
      <c r="IR24" s="71">
        <v>157</v>
      </c>
      <c r="IS24" s="71">
        <v>104</v>
      </c>
      <c r="IT24" s="72">
        <v>1060</v>
      </c>
      <c r="IU24" s="73">
        <v>1553</v>
      </c>
      <c r="IV24" s="70">
        <v>242</v>
      </c>
      <c r="IW24" s="71">
        <v>236</v>
      </c>
      <c r="IX24" s="72">
        <v>478</v>
      </c>
      <c r="IY24" s="244"/>
      <c r="IZ24" s="71">
        <v>340</v>
      </c>
      <c r="JA24" s="71">
        <v>312</v>
      </c>
      <c r="JB24" s="71">
        <v>236</v>
      </c>
      <c r="JC24" s="71">
        <v>177</v>
      </c>
      <c r="JD24" s="71">
        <v>121</v>
      </c>
      <c r="JE24" s="72">
        <v>1186</v>
      </c>
      <c r="JF24" s="73">
        <v>1664</v>
      </c>
      <c r="JG24" s="70">
        <v>120</v>
      </c>
      <c r="JH24" s="71">
        <v>110</v>
      </c>
      <c r="JI24" s="72">
        <v>230</v>
      </c>
      <c r="JJ24" s="244"/>
      <c r="JK24" s="71">
        <v>216</v>
      </c>
      <c r="JL24" s="71">
        <v>254</v>
      </c>
      <c r="JM24" s="71">
        <v>230</v>
      </c>
      <c r="JN24" s="71">
        <v>202</v>
      </c>
      <c r="JO24" s="71">
        <v>144</v>
      </c>
      <c r="JP24" s="72">
        <v>1046</v>
      </c>
      <c r="JQ24" s="73">
        <v>1276</v>
      </c>
      <c r="JR24" s="70">
        <v>14</v>
      </c>
      <c r="JS24" s="71">
        <v>25</v>
      </c>
      <c r="JT24" s="72">
        <v>39</v>
      </c>
      <c r="JU24" s="244"/>
      <c r="JV24" s="71">
        <v>12</v>
      </c>
      <c r="JW24" s="71">
        <v>46</v>
      </c>
      <c r="JX24" s="71">
        <v>29</v>
      </c>
      <c r="JY24" s="71">
        <v>22</v>
      </c>
      <c r="JZ24" s="71">
        <v>19</v>
      </c>
      <c r="KA24" s="72">
        <v>128</v>
      </c>
      <c r="KB24" s="73">
        <v>167</v>
      </c>
      <c r="KC24" s="70">
        <v>898</v>
      </c>
      <c r="KD24" s="71">
        <v>831</v>
      </c>
      <c r="KE24" s="72">
        <v>1729</v>
      </c>
      <c r="KF24" s="244"/>
      <c r="KG24" s="71">
        <v>1203</v>
      </c>
      <c r="KH24" s="71">
        <v>1171</v>
      </c>
      <c r="KI24" s="71">
        <v>878</v>
      </c>
      <c r="KJ24" s="71">
        <v>736</v>
      </c>
      <c r="KK24" s="71">
        <v>518</v>
      </c>
      <c r="KL24" s="72">
        <v>4506</v>
      </c>
      <c r="KM24" s="73">
        <v>6235</v>
      </c>
    </row>
    <row r="25" spans="2:299" ht="21" customHeight="1" x14ac:dyDescent="0.2">
      <c r="B25" s="126" t="s">
        <v>22</v>
      </c>
      <c r="C25" s="313">
        <v>66</v>
      </c>
      <c r="D25" s="82">
        <v>76</v>
      </c>
      <c r="E25" s="83">
        <v>142</v>
      </c>
      <c r="F25" s="241"/>
      <c r="G25" s="82">
        <v>189</v>
      </c>
      <c r="H25" s="82">
        <v>143</v>
      </c>
      <c r="I25" s="82">
        <v>93</v>
      </c>
      <c r="J25" s="82">
        <v>79</v>
      </c>
      <c r="K25" s="82">
        <v>51</v>
      </c>
      <c r="L25" s="84">
        <v>555</v>
      </c>
      <c r="M25" s="85">
        <v>697</v>
      </c>
      <c r="N25" s="70">
        <v>2</v>
      </c>
      <c r="O25" s="71">
        <v>4</v>
      </c>
      <c r="P25" s="72">
        <v>6</v>
      </c>
      <c r="Q25" s="244"/>
      <c r="R25" s="71">
        <v>5</v>
      </c>
      <c r="S25" s="71">
        <v>5</v>
      </c>
      <c r="T25" s="71">
        <v>2</v>
      </c>
      <c r="U25" s="71">
        <v>4</v>
      </c>
      <c r="V25" s="71">
        <v>3</v>
      </c>
      <c r="W25" s="72">
        <v>19</v>
      </c>
      <c r="X25" s="73">
        <v>25</v>
      </c>
      <c r="Y25" s="70">
        <v>6</v>
      </c>
      <c r="Z25" s="71">
        <v>7</v>
      </c>
      <c r="AA25" s="72">
        <v>13</v>
      </c>
      <c r="AB25" s="244"/>
      <c r="AC25" s="71">
        <v>16</v>
      </c>
      <c r="AD25" s="71">
        <v>9</v>
      </c>
      <c r="AE25" s="71">
        <v>2</v>
      </c>
      <c r="AF25" s="71">
        <v>5</v>
      </c>
      <c r="AG25" s="71">
        <v>7</v>
      </c>
      <c r="AH25" s="72">
        <v>39</v>
      </c>
      <c r="AI25" s="73">
        <v>52</v>
      </c>
      <c r="AJ25" s="70">
        <v>4</v>
      </c>
      <c r="AK25" s="71">
        <v>15</v>
      </c>
      <c r="AL25" s="72">
        <v>19</v>
      </c>
      <c r="AM25" s="244"/>
      <c r="AN25" s="71">
        <v>25</v>
      </c>
      <c r="AO25" s="71">
        <v>21</v>
      </c>
      <c r="AP25" s="71">
        <v>18</v>
      </c>
      <c r="AQ25" s="71">
        <v>18</v>
      </c>
      <c r="AR25" s="71">
        <v>11</v>
      </c>
      <c r="AS25" s="72">
        <v>93</v>
      </c>
      <c r="AT25" s="73">
        <v>112</v>
      </c>
      <c r="AU25" s="70">
        <v>17</v>
      </c>
      <c r="AV25" s="71">
        <v>23</v>
      </c>
      <c r="AW25" s="72">
        <v>40</v>
      </c>
      <c r="AX25" s="244"/>
      <c r="AY25" s="71">
        <v>37</v>
      </c>
      <c r="AZ25" s="71">
        <v>40</v>
      </c>
      <c r="BA25" s="71">
        <v>29</v>
      </c>
      <c r="BB25" s="71">
        <v>18</v>
      </c>
      <c r="BC25" s="71">
        <v>12</v>
      </c>
      <c r="BD25" s="72">
        <v>136</v>
      </c>
      <c r="BE25" s="73">
        <v>176</v>
      </c>
      <c r="BF25" s="70">
        <v>24</v>
      </c>
      <c r="BG25" s="71">
        <v>19</v>
      </c>
      <c r="BH25" s="72">
        <v>43</v>
      </c>
      <c r="BI25" s="244"/>
      <c r="BJ25" s="71">
        <v>52</v>
      </c>
      <c r="BK25" s="71">
        <v>41</v>
      </c>
      <c r="BL25" s="71">
        <v>23</v>
      </c>
      <c r="BM25" s="71">
        <v>18</v>
      </c>
      <c r="BN25" s="71">
        <v>8</v>
      </c>
      <c r="BO25" s="72">
        <v>142</v>
      </c>
      <c r="BP25" s="73">
        <v>185</v>
      </c>
      <c r="BQ25" s="70">
        <v>13</v>
      </c>
      <c r="BR25" s="71">
        <v>8</v>
      </c>
      <c r="BS25" s="72">
        <v>21</v>
      </c>
      <c r="BT25" s="244"/>
      <c r="BU25" s="71">
        <v>54</v>
      </c>
      <c r="BV25" s="71">
        <v>27</v>
      </c>
      <c r="BW25" s="71">
        <v>19</v>
      </c>
      <c r="BX25" s="71">
        <v>16</v>
      </c>
      <c r="BY25" s="71">
        <v>10</v>
      </c>
      <c r="BZ25" s="72">
        <v>126</v>
      </c>
      <c r="CA25" s="73">
        <v>147</v>
      </c>
      <c r="CB25" s="70">
        <v>0</v>
      </c>
      <c r="CC25" s="71">
        <v>3</v>
      </c>
      <c r="CD25" s="72">
        <v>3</v>
      </c>
      <c r="CE25" s="244"/>
      <c r="CF25" s="71">
        <v>9</v>
      </c>
      <c r="CG25" s="71">
        <v>4</v>
      </c>
      <c r="CH25" s="71">
        <v>0</v>
      </c>
      <c r="CI25" s="71">
        <v>3</v>
      </c>
      <c r="CJ25" s="71">
        <v>5</v>
      </c>
      <c r="CK25" s="72">
        <v>21</v>
      </c>
      <c r="CL25" s="73">
        <v>24</v>
      </c>
      <c r="CM25" s="70">
        <v>66</v>
      </c>
      <c r="CN25" s="71">
        <v>79</v>
      </c>
      <c r="CO25" s="72">
        <v>145</v>
      </c>
      <c r="CP25" s="244"/>
      <c r="CQ25" s="71">
        <v>198</v>
      </c>
      <c r="CR25" s="71">
        <v>147</v>
      </c>
      <c r="CS25" s="71">
        <v>93</v>
      </c>
      <c r="CT25" s="71">
        <v>82</v>
      </c>
      <c r="CU25" s="71">
        <v>56</v>
      </c>
      <c r="CV25" s="72">
        <v>576</v>
      </c>
      <c r="CW25" s="73">
        <v>721</v>
      </c>
      <c r="CX25" s="123">
        <v>109</v>
      </c>
      <c r="CY25" s="82">
        <v>226</v>
      </c>
      <c r="CZ25" s="83">
        <v>335</v>
      </c>
      <c r="DA25" s="241"/>
      <c r="DB25" s="82">
        <v>327</v>
      </c>
      <c r="DC25" s="82">
        <v>289</v>
      </c>
      <c r="DD25" s="82">
        <v>210</v>
      </c>
      <c r="DE25" s="82">
        <v>202</v>
      </c>
      <c r="DF25" s="82">
        <v>96</v>
      </c>
      <c r="DG25" s="84">
        <v>1124</v>
      </c>
      <c r="DH25" s="85">
        <v>1459</v>
      </c>
      <c r="DI25" s="70">
        <v>5</v>
      </c>
      <c r="DJ25" s="71">
        <v>8</v>
      </c>
      <c r="DK25" s="72">
        <v>13</v>
      </c>
      <c r="DL25" s="244"/>
      <c r="DM25" s="71">
        <v>2</v>
      </c>
      <c r="DN25" s="71">
        <v>8</v>
      </c>
      <c r="DO25" s="71">
        <v>1</v>
      </c>
      <c r="DP25" s="71">
        <v>2</v>
      </c>
      <c r="DQ25" s="71">
        <v>1</v>
      </c>
      <c r="DR25" s="72">
        <v>14</v>
      </c>
      <c r="DS25" s="73">
        <v>27</v>
      </c>
      <c r="DT25" s="70">
        <v>6</v>
      </c>
      <c r="DU25" s="71">
        <v>4</v>
      </c>
      <c r="DV25" s="72">
        <v>10</v>
      </c>
      <c r="DW25" s="244"/>
      <c r="DX25" s="71">
        <v>17</v>
      </c>
      <c r="DY25" s="71">
        <v>12</v>
      </c>
      <c r="DZ25" s="71">
        <v>7</v>
      </c>
      <c r="EA25" s="71">
        <v>7</v>
      </c>
      <c r="EB25" s="71">
        <v>7</v>
      </c>
      <c r="EC25" s="72">
        <v>50</v>
      </c>
      <c r="ED25" s="73">
        <v>60</v>
      </c>
      <c r="EE25" s="70">
        <v>28</v>
      </c>
      <c r="EF25" s="71">
        <v>42</v>
      </c>
      <c r="EG25" s="72">
        <v>70</v>
      </c>
      <c r="EH25" s="244"/>
      <c r="EI25" s="71">
        <v>41</v>
      </c>
      <c r="EJ25" s="71">
        <v>31</v>
      </c>
      <c r="EK25" s="71">
        <v>17</v>
      </c>
      <c r="EL25" s="71">
        <v>17</v>
      </c>
      <c r="EM25" s="71">
        <v>10</v>
      </c>
      <c r="EN25" s="72">
        <v>116</v>
      </c>
      <c r="EO25" s="73">
        <v>186</v>
      </c>
      <c r="EP25" s="70">
        <v>30</v>
      </c>
      <c r="EQ25" s="71">
        <v>64</v>
      </c>
      <c r="ER25" s="72">
        <v>94</v>
      </c>
      <c r="ES25" s="244"/>
      <c r="ET25" s="71">
        <v>73</v>
      </c>
      <c r="EU25" s="71">
        <v>61</v>
      </c>
      <c r="EV25" s="71">
        <v>44</v>
      </c>
      <c r="EW25" s="71">
        <v>39</v>
      </c>
      <c r="EX25" s="71">
        <v>21</v>
      </c>
      <c r="EY25" s="72">
        <v>238</v>
      </c>
      <c r="EZ25" s="73">
        <v>332</v>
      </c>
      <c r="FA25" s="70">
        <v>31</v>
      </c>
      <c r="FB25" s="71">
        <v>64</v>
      </c>
      <c r="FC25" s="72">
        <v>95</v>
      </c>
      <c r="FD25" s="244"/>
      <c r="FE25" s="71">
        <v>105</v>
      </c>
      <c r="FF25" s="71">
        <v>87</v>
      </c>
      <c r="FG25" s="71">
        <v>51</v>
      </c>
      <c r="FH25" s="71">
        <v>49</v>
      </c>
      <c r="FI25" s="71">
        <v>26</v>
      </c>
      <c r="FJ25" s="72">
        <v>318</v>
      </c>
      <c r="FK25" s="73">
        <v>413</v>
      </c>
      <c r="FL25" s="70">
        <v>9</v>
      </c>
      <c r="FM25" s="71">
        <v>44</v>
      </c>
      <c r="FN25" s="72">
        <v>53</v>
      </c>
      <c r="FO25" s="244"/>
      <c r="FP25" s="71">
        <v>89</v>
      </c>
      <c r="FQ25" s="71">
        <v>90</v>
      </c>
      <c r="FR25" s="71">
        <v>90</v>
      </c>
      <c r="FS25" s="71">
        <v>88</v>
      </c>
      <c r="FT25" s="71">
        <v>31</v>
      </c>
      <c r="FU25" s="72">
        <v>388</v>
      </c>
      <c r="FV25" s="73">
        <v>441</v>
      </c>
      <c r="FW25" s="70">
        <v>1</v>
      </c>
      <c r="FX25" s="71">
        <v>2</v>
      </c>
      <c r="FY25" s="72">
        <v>3</v>
      </c>
      <c r="FZ25" s="244"/>
      <c r="GA25" s="71">
        <v>3</v>
      </c>
      <c r="GB25" s="71">
        <v>6</v>
      </c>
      <c r="GC25" s="71">
        <v>4</v>
      </c>
      <c r="GD25" s="71">
        <v>3</v>
      </c>
      <c r="GE25" s="71">
        <v>1</v>
      </c>
      <c r="GF25" s="72">
        <v>17</v>
      </c>
      <c r="GG25" s="73">
        <v>20</v>
      </c>
      <c r="GH25" s="70">
        <v>110</v>
      </c>
      <c r="GI25" s="71">
        <v>228</v>
      </c>
      <c r="GJ25" s="72">
        <v>338</v>
      </c>
      <c r="GK25" s="244"/>
      <c r="GL25" s="71">
        <v>330</v>
      </c>
      <c r="GM25" s="71">
        <v>295</v>
      </c>
      <c r="GN25" s="71">
        <v>214</v>
      </c>
      <c r="GO25" s="71">
        <v>205</v>
      </c>
      <c r="GP25" s="71">
        <v>97</v>
      </c>
      <c r="GQ25" s="72">
        <v>1141</v>
      </c>
      <c r="GR25" s="73">
        <v>1479</v>
      </c>
      <c r="GS25" s="123">
        <v>175</v>
      </c>
      <c r="GT25" s="82">
        <v>302</v>
      </c>
      <c r="GU25" s="83">
        <v>477</v>
      </c>
      <c r="GV25" s="241"/>
      <c r="GW25" s="82">
        <v>516</v>
      </c>
      <c r="GX25" s="82">
        <v>432</v>
      </c>
      <c r="GY25" s="82">
        <v>303</v>
      </c>
      <c r="GZ25" s="82">
        <v>281</v>
      </c>
      <c r="HA25" s="82">
        <v>147</v>
      </c>
      <c r="HB25" s="84">
        <v>1679</v>
      </c>
      <c r="HC25" s="85">
        <v>2156</v>
      </c>
      <c r="HD25" s="70">
        <v>7</v>
      </c>
      <c r="HE25" s="71">
        <v>12</v>
      </c>
      <c r="HF25" s="72">
        <v>19</v>
      </c>
      <c r="HG25" s="244"/>
      <c r="HH25" s="71">
        <v>7</v>
      </c>
      <c r="HI25" s="71">
        <v>13</v>
      </c>
      <c r="HJ25" s="71">
        <v>3</v>
      </c>
      <c r="HK25" s="71">
        <v>6</v>
      </c>
      <c r="HL25" s="71">
        <v>4</v>
      </c>
      <c r="HM25" s="72">
        <v>33</v>
      </c>
      <c r="HN25" s="73">
        <v>52</v>
      </c>
      <c r="HO25" s="70">
        <v>12</v>
      </c>
      <c r="HP25" s="71">
        <v>11</v>
      </c>
      <c r="HQ25" s="72">
        <v>23</v>
      </c>
      <c r="HR25" s="244"/>
      <c r="HS25" s="71">
        <v>33</v>
      </c>
      <c r="HT25" s="71">
        <v>21</v>
      </c>
      <c r="HU25" s="71">
        <v>9</v>
      </c>
      <c r="HV25" s="71">
        <v>12</v>
      </c>
      <c r="HW25" s="71">
        <v>14</v>
      </c>
      <c r="HX25" s="72">
        <v>89</v>
      </c>
      <c r="HY25" s="73">
        <v>112</v>
      </c>
      <c r="HZ25" s="70">
        <v>32</v>
      </c>
      <c r="IA25" s="71">
        <v>57</v>
      </c>
      <c r="IB25" s="72">
        <v>89</v>
      </c>
      <c r="IC25" s="244"/>
      <c r="ID25" s="71">
        <v>66</v>
      </c>
      <c r="IE25" s="71">
        <v>52</v>
      </c>
      <c r="IF25" s="71">
        <v>35</v>
      </c>
      <c r="IG25" s="71">
        <v>35</v>
      </c>
      <c r="IH25" s="71">
        <v>21</v>
      </c>
      <c r="II25" s="72">
        <v>209</v>
      </c>
      <c r="IJ25" s="73">
        <v>298</v>
      </c>
      <c r="IK25" s="70">
        <v>47</v>
      </c>
      <c r="IL25" s="71">
        <v>87</v>
      </c>
      <c r="IM25" s="72">
        <v>134</v>
      </c>
      <c r="IN25" s="244"/>
      <c r="IO25" s="71">
        <v>110</v>
      </c>
      <c r="IP25" s="71">
        <v>101</v>
      </c>
      <c r="IQ25" s="71">
        <v>73</v>
      </c>
      <c r="IR25" s="71">
        <v>57</v>
      </c>
      <c r="IS25" s="71">
        <v>33</v>
      </c>
      <c r="IT25" s="72">
        <v>374</v>
      </c>
      <c r="IU25" s="73">
        <v>508</v>
      </c>
      <c r="IV25" s="70">
        <v>55</v>
      </c>
      <c r="IW25" s="71">
        <v>83</v>
      </c>
      <c r="IX25" s="72">
        <v>138</v>
      </c>
      <c r="IY25" s="244"/>
      <c r="IZ25" s="71">
        <v>157</v>
      </c>
      <c r="JA25" s="71">
        <v>128</v>
      </c>
      <c r="JB25" s="71">
        <v>74</v>
      </c>
      <c r="JC25" s="71">
        <v>67</v>
      </c>
      <c r="JD25" s="71">
        <v>34</v>
      </c>
      <c r="JE25" s="72">
        <v>460</v>
      </c>
      <c r="JF25" s="73">
        <v>598</v>
      </c>
      <c r="JG25" s="70">
        <v>22</v>
      </c>
      <c r="JH25" s="71">
        <v>52</v>
      </c>
      <c r="JI25" s="72">
        <v>74</v>
      </c>
      <c r="JJ25" s="244"/>
      <c r="JK25" s="71">
        <v>143</v>
      </c>
      <c r="JL25" s="71">
        <v>117</v>
      </c>
      <c r="JM25" s="71">
        <v>109</v>
      </c>
      <c r="JN25" s="71">
        <v>104</v>
      </c>
      <c r="JO25" s="71">
        <v>41</v>
      </c>
      <c r="JP25" s="72">
        <v>514</v>
      </c>
      <c r="JQ25" s="73">
        <v>588</v>
      </c>
      <c r="JR25" s="70">
        <v>1</v>
      </c>
      <c r="JS25" s="71">
        <v>5</v>
      </c>
      <c r="JT25" s="72">
        <v>6</v>
      </c>
      <c r="JU25" s="244"/>
      <c r="JV25" s="71">
        <v>12</v>
      </c>
      <c r="JW25" s="71">
        <v>10</v>
      </c>
      <c r="JX25" s="71">
        <v>4</v>
      </c>
      <c r="JY25" s="71">
        <v>6</v>
      </c>
      <c r="JZ25" s="71">
        <v>6</v>
      </c>
      <c r="KA25" s="72">
        <v>38</v>
      </c>
      <c r="KB25" s="73">
        <v>44</v>
      </c>
      <c r="KC25" s="70">
        <v>176</v>
      </c>
      <c r="KD25" s="71">
        <v>307</v>
      </c>
      <c r="KE25" s="72">
        <v>483</v>
      </c>
      <c r="KF25" s="244"/>
      <c r="KG25" s="71">
        <v>528</v>
      </c>
      <c r="KH25" s="71">
        <v>442</v>
      </c>
      <c r="KI25" s="71">
        <v>307</v>
      </c>
      <c r="KJ25" s="71">
        <v>287</v>
      </c>
      <c r="KK25" s="71">
        <v>153</v>
      </c>
      <c r="KL25" s="72">
        <v>1717</v>
      </c>
      <c r="KM25" s="73">
        <v>2200</v>
      </c>
    </row>
    <row r="26" spans="2:299" ht="21" customHeight="1" x14ac:dyDescent="0.2">
      <c r="B26" s="126" t="s">
        <v>23</v>
      </c>
      <c r="C26" s="313">
        <v>192</v>
      </c>
      <c r="D26" s="82">
        <v>203</v>
      </c>
      <c r="E26" s="83">
        <v>395</v>
      </c>
      <c r="F26" s="241"/>
      <c r="G26" s="82">
        <v>299</v>
      </c>
      <c r="H26" s="82">
        <v>271</v>
      </c>
      <c r="I26" s="82">
        <v>169</v>
      </c>
      <c r="J26" s="82">
        <v>159</v>
      </c>
      <c r="K26" s="82">
        <v>91</v>
      </c>
      <c r="L26" s="84">
        <v>989</v>
      </c>
      <c r="M26" s="85">
        <v>1384</v>
      </c>
      <c r="N26" s="70">
        <v>7</v>
      </c>
      <c r="O26" s="71">
        <v>9</v>
      </c>
      <c r="P26" s="72">
        <v>16</v>
      </c>
      <c r="Q26" s="244"/>
      <c r="R26" s="71">
        <v>10</v>
      </c>
      <c r="S26" s="71">
        <v>13</v>
      </c>
      <c r="T26" s="71">
        <v>6</v>
      </c>
      <c r="U26" s="71">
        <v>8</v>
      </c>
      <c r="V26" s="71">
        <v>4</v>
      </c>
      <c r="W26" s="72">
        <v>41</v>
      </c>
      <c r="X26" s="73">
        <v>57</v>
      </c>
      <c r="Y26" s="70">
        <v>26</v>
      </c>
      <c r="Z26" s="71">
        <v>23</v>
      </c>
      <c r="AA26" s="72">
        <v>49</v>
      </c>
      <c r="AB26" s="244"/>
      <c r="AC26" s="71">
        <v>28</v>
      </c>
      <c r="AD26" s="71">
        <v>32</v>
      </c>
      <c r="AE26" s="71">
        <v>16</v>
      </c>
      <c r="AF26" s="71">
        <v>16</v>
      </c>
      <c r="AG26" s="71">
        <v>10</v>
      </c>
      <c r="AH26" s="72">
        <v>102</v>
      </c>
      <c r="AI26" s="73">
        <v>151</v>
      </c>
      <c r="AJ26" s="70">
        <v>44</v>
      </c>
      <c r="AK26" s="71">
        <v>35</v>
      </c>
      <c r="AL26" s="72">
        <v>79</v>
      </c>
      <c r="AM26" s="244"/>
      <c r="AN26" s="71">
        <v>57</v>
      </c>
      <c r="AO26" s="71">
        <v>45</v>
      </c>
      <c r="AP26" s="71">
        <v>23</v>
      </c>
      <c r="AQ26" s="71">
        <v>25</v>
      </c>
      <c r="AR26" s="71">
        <v>28</v>
      </c>
      <c r="AS26" s="72">
        <v>178</v>
      </c>
      <c r="AT26" s="73">
        <v>257</v>
      </c>
      <c r="AU26" s="70">
        <v>46</v>
      </c>
      <c r="AV26" s="71">
        <v>74</v>
      </c>
      <c r="AW26" s="72">
        <v>120</v>
      </c>
      <c r="AX26" s="244"/>
      <c r="AY26" s="71">
        <v>88</v>
      </c>
      <c r="AZ26" s="71">
        <v>74</v>
      </c>
      <c r="BA26" s="71">
        <v>46</v>
      </c>
      <c r="BB26" s="71">
        <v>50</v>
      </c>
      <c r="BC26" s="71">
        <v>16</v>
      </c>
      <c r="BD26" s="72">
        <v>274</v>
      </c>
      <c r="BE26" s="73">
        <v>394</v>
      </c>
      <c r="BF26" s="70">
        <v>54</v>
      </c>
      <c r="BG26" s="71">
        <v>49</v>
      </c>
      <c r="BH26" s="72">
        <v>103</v>
      </c>
      <c r="BI26" s="244"/>
      <c r="BJ26" s="71">
        <v>80</v>
      </c>
      <c r="BK26" s="71">
        <v>64</v>
      </c>
      <c r="BL26" s="71">
        <v>52</v>
      </c>
      <c r="BM26" s="71">
        <v>39</v>
      </c>
      <c r="BN26" s="71">
        <v>23</v>
      </c>
      <c r="BO26" s="72">
        <v>258</v>
      </c>
      <c r="BP26" s="73">
        <v>361</v>
      </c>
      <c r="BQ26" s="70">
        <v>15</v>
      </c>
      <c r="BR26" s="71">
        <v>13</v>
      </c>
      <c r="BS26" s="72">
        <v>28</v>
      </c>
      <c r="BT26" s="244"/>
      <c r="BU26" s="71">
        <v>36</v>
      </c>
      <c r="BV26" s="71">
        <v>43</v>
      </c>
      <c r="BW26" s="71">
        <v>26</v>
      </c>
      <c r="BX26" s="71">
        <v>21</v>
      </c>
      <c r="BY26" s="71">
        <v>10</v>
      </c>
      <c r="BZ26" s="72">
        <v>136</v>
      </c>
      <c r="CA26" s="73">
        <v>164</v>
      </c>
      <c r="CB26" s="70">
        <v>3</v>
      </c>
      <c r="CC26" s="71">
        <v>9</v>
      </c>
      <c r="CD26" s="72">
        <v>12</v>
      </c>
      <c r="CE26" s="244"/>
      <c r="CF26" s="71">
        <v>8</v>
      </c>
      <c r="CG26" s="71">
        <v>12</v>
      </c>
      <c r="CH26" s="71">
        <v>8</v>
      </c>
      <c r="CI26" s="71">
        <v>7</v>
      </c>
      <c r="CJ26" s="71">
        <v>3</v>
      </c>
      <c r="CK26" s="72">
        <v>38</v>
      </c>
      <c r="CL26" s="73">
        <v>50</v>
      </c>
      <c r="CM26" s="70">
        <v>195</v>
      </c>
      <c r="CN26" s="71">
        <v>212</v>
      </c>
      <c r="CO26" s="72">
        <v>407</v>
      </c>
      <c r="CP26" s="244"/>
      <c r="CQ26" s="71">
        <v>307</v>
      </c>
      <c r="CR26" s="71">
        <v>283</v>
      </c>
      <c r="CS26" s="71">
        <v>177</v>
      </c>
      <c r="CT26" s="71">
        <v>166</v>
      </c>
      <c r="CU26" s="71">
        <v>94</v>
      </c>
      <c r="CV26" s="72">
        <v>1027</v>
      </c>
      <c r="CW26" s="73">
        <v>1434</v>
      </c>
      <c r="CX26" s="123">
        <v>319</v>
      </c>
      <c r="CY26" s="82">
        <v>409</v>
      </c>
      <c r="CZ26" s="83">
        <v>728</v>
      </c>
      <c r="DA26" s="241"/>
      <c r="DB26" s="82">
        <v>526</v>
      </c>
      <c r="DC26" s="82">
        <v>427</v>
      </c>
      <c r="DD26" s="82">
        <v>287</v>
      </c>
      <c r="DE26" s="82">
        <v>364</v>
      </c>
      <c r="DF26" s="82">
        <v>242</v>
      </c>
      <c r="DG26" s="84">
        <v>1846</v>
      </c>
      <c r="DH26" s="85">
        <v>2574</v>
      </c>
      <c r="DI26" s="70">
        <v>11</v>
      </c>
      <c r="DJ26" s="71">
        <v>14</v>
      </c>
      <c r="DK26" s="72">
        <v>25</v>
      </c>
      <c r="DL26" s="244"/>
      <c r="DM26" s="71">
        <v>12</v>
      </c>
      <c r="DN26" s="71">
        <v>6</v>
      </c>
      <c r="DO26" s="71">
        <v>7</v>
      </c>
      <c r="DP26" s="71">
        <v>10</v>
      </c>
      <c r="DQ26" s="71">
        <v>4</v>
      </c>
      <c r="DR26" s="72">
        <v>39</v>
      </c>
      <c r="DS26" s="73">
        <v>64</v>
      </c>
      <c r="DT26" s="70">
        <v>25</v>
      </c>
      <c r="DU26" s="71">
        <v>36</v>
      </c>
      <c r="DV26" s="72">
        <v>61</v>
      </c>
      <c r="DW26" s="244"/>
      <c r="DX26" s="71">
        <v>24</v>
      </c>
      <c r="DY26" s="71">
        <v>27</v>
      </c>
      <c r="DZ26" s="71">
        <v>17</v>
      </c>
      <c r="EA26" s="71">
        <v>21</v>
      </c>
      <c r="EB26" s="71">
        <v>12</v>
      </c>
      <c r="EC26" s="72">
        <v>101</v>
      </c>
      <c r="ED26" s="73">
        <v>162</v>
      </c>
      <c r="EE26" s="70">
        <v>65</v>
      </c>
      <c r="EF26" s="71">
        <v>77</v>
      </c>
      <c r="EG26" s="72">
        <v>142</v>
      </c>
      <c r="EH26" s="244"/>
      <c r="EI26" s="71">
        <v>72</v>
      </c>
      <c r="EJ26" s="71">
        <v>63</v>
      </c>
      <c r="EK26" s="71">
        <v>38</v>
      </c>
      <c r="EL26" s="71">
        <v>52</v>
      </c>
      <c r="EM26" s="71">
        <v>37</v>
      </c>
      <c r="EN26" s="72">
        <v>262</v>
      </c>
      <c r="EO26" s="73">
        <v>404</v>
      </c>
      <c r="EP26" s="70">
        <v>120</v>
      </c>
      <c r="EQ26" s="71">
        <v>116</v>
      </c>
      <c r="ER26" s="72">
        <v>236</v>
      </c>
      <c r="ES26" s="244"/>
      <c r="ET26" s="71">
        <v>152</v>
      </c>
      <c r="EU26" s="71">
        <v>111</v>
      </c>
      <c r="EV26" s="71">
        <v>66</v>
      </c>
      <c r="EW26" s="71">
        <v>68</v>
      </c>
      <c r="EX26" s="71">
        <v>49</v>
      </c>
      <c r="EY26" s="72">
        <v>446</v>
      </c>
      <c r="EZ26" s="73">
        <v>682</v>
      </c>
      <c r="FA26" s="70">
        <v>68</v>
      </c>
      <c r="FB26" s="71">
        <v>111</v>
      </c>
      <c r="FC26" s="72">
        <v>179</v>
      </c>
      <c r="FD26" s="244"/>
      <c r="FE26" s="71">
        <v>168</v>
      </c>
      <c r="FF26" s="71">
        <v>122</v>
      </c>
      <c r="FG26" s="71">
        <v>83</v>
      </c>
      <c r="FH26" s="71">
        <v>95</v>
      </c>
      <c r="FI26" s="71">
        <v>57</v>
      </c>
      <c r="FJ26" s="72">
        <v>525</v>
      </c>
      <c r="FK26" s="73">
        <v>704</v>
      </c>
      <c r="FL26" s="70">
        <v>30</v>
      </c>
      <c r="FM26" s="71">
        <v>55</v>
      </c>
      <c r="FN26" s="72">
        <v>85</v>
      </c>
      <c r="FO26" s="244"/>
      <c r="FP26" s="71">
        <v>98</v>
      </c>
      <c r="FQ26" s="71">
        <v>98</v>
      </c>
      <c r="FR26" s="71">
        <v>76</v>
      </c>
      <c r="FS26" s="71">
        <v>118</v>
      </c>
      <c r="FT26" s="71">
        <v>83</v>
      </c>
      <c r="FU26" s="72">
        <v>473</v>
      </c>
      <c r="FV26" s="73">
        <v>558</v>
      </c>
      <c r="FW26" s="70">
        <v>3</v>
      </c>
      <c r="FX26" s="71">
        <v>7</v>
      </c>
      <c r="FY26" s="72">
        <v>10</v>
      </c>
      <c r="FZ26" s="244"/>
      <c r="GA26" s="71">
        <v>5</v>
      </c>
      <c r="GB26" s="71">
        <v>11</v>
      </c>
      <c r="GC26" s="71">
        <v>5</v>
      </c>
      <c r="GD26" s="71">
        <v>3</v>
      </c>
      <c r="GE26" s="71">
        <v>6</v>
      </c>
      <c r="GF26" s="72">
        <v>30</v>
      </c>
      <c r="GG26" s="73">
        <v>40</v>
      </c>
      <c r="GH26" s="70">
        <v>322</v>
      </c>
      <c r="GI26" s="71">
        <v>416</v>
      </c>
      <c r="GJ26" s="72">
        <v>738</v>
      </c>
      <c r="GK26" s="244"/>
      <c r="GL26" s="71">
        <v>531</v>
      </c>
      <c r="GM26" s="71">
        <v>438</v>
      </c>
      <c r="GN26" s="71">
        <v>292</v>
      </c>
      <c r="GO26" s="71">
        <v>367</v>
      </c>
      <c r="GP26" s="71">
        <v>248</v>
      </c>
      <c r="GQ26" s="72">
        <v>1876</v>
      </c>
      <c r="GR26" s="73">
        <v>2614</v>
      </c>
      <c r="GS26" s="123">
        <v>511</v>
      </c>
      <c r="GT26" s="82">
        <v>612</v>
      </c>
      <c r="GU26" s="83">
        <v>1123</v>
      </c>
      <c r="GV26" s="241"/>
      <c r="GW26" s="82">
        <v>825</v>
      </c>
      <c r="GX26" s="82">
        <v>698</v>
      </c>
      <c r="GY26" s="82">
        <v>456</v>
      </c>
      <c r="GZ26" s="82">
        <v>523</v>
      </c>
      <c r="HA26" s="82">
        <v>333</v>
      </c>
      <c r="HB26" s="84">
        <v>2835</v>
      </c>
      <c r="HC26" s="85">
        <v>3958</v>
      </c>
      <c r="HD26" s="70">
        <v>18</v>
      </c>
      <c r="HE26" s="71">
        <v>23</v>
      </c>
      <c r="HF26" s="72">
        <v>41</v>
      </c>
      <c r="HG26" s="244"/>
      <c r="HH26" s="71">
        <v>22</v>
      </c>
      <c r="HI26" s="71">
        <v>19</v>
      </c>
      <c r="HJ26" s="71">
        <v>13</v>
      </c>
      <c r="HK26" s="71">
        <v>18</v>
      </c>
      <c r="HL26" s="71">
        <v>8</v>
      </c>
      <c r="HM26" s="72">
        <v>80</v>
      </c>
      <c r="HN26" s="73">
        <v>121</v>
      </c>
      <c r="HO26" s="70">
        <v>51</v>
      </c>
      <c r="HP26" s="71">
        <v>59</v>
      </c>
      <c r="HQ26" s="72">
        <v>110</v>
      </c>
      <c r="HR26" s="244"/>
      <c r="HS26" s="71">
        <v>52</v>
      </c>
      <c r="HT26" s="71">
        <v>59</v>
      </c>
      <c r="HU26" s="71">
        <v>33</v>
      </c>
      <c r="HV26" s="71">
        <v>37</v>
      </c>
      <c r="HW26" s="71">
        <v>22</v>
      </c>
      <c r="HX26" s="72">
        <v>203</v>
      </c>
      <c r="HY26" s="73">
        <v>313</v>
      </c>
      <c r="HZ26" s="70">
        <v>109</v>
      </c>
      <c r="IA26" s="71">
        <v>112</v>
      </c>
      <c r="IB26" s="72">
        <v>221</v>
      </c>
      <c r="IC26" s="244"/>
      <c r="ID26" s="71">
        <v>129</v>
      </c>
      <c r="IE26" s="71">
        <v>108</v>
      </c>
      <c r="IF26" s="71">
        <v>61</v>
      </c>
      <c r="IG26" s="71">
        <v>77</v>
      </c>
      <c r="IH26" s="71">
        <v>65</v>
      </c>
      <c r="II26" s="72">
        <v>440</v>
      </c>
      <c r="IJ26" s="73">
        <v>661</v>
      </c>
      <c r="IK26" s="70">
        <v>166</v>
      </c>
      <c r="IL26" s="71">
        <v>190</v>
      </c>
      <c r="IM26" s="72">
        <v>356</v>
      </c>
      <c r="IN26" s="244"/>
      <c r="IO26" s="71">
        <v>240</v>
      </c>
      <c r="IP26" s="71">
        <v>185</v>
      </c>
      <c r="IQ26" s="71">
        <v>112</v>
      </c>
      <c r="IR26" s="71">
        <v>118</v>
      </c>
      <c r="IS26" s="71">
        <v>65</v>
      </c>
      <c r="IT26" s="72">
        <v>720</v>
      </c>
      <c r="IU26" s="73">
        <v>1076</v>
      </c>
      <c r="IV26" s="70">
        <v>122</v>
      </c>
      <c r="IW26" s="71">
        <v>160</v>
      </c>
      <c r="IX26" s="72">
        <v>282</v>
      </c>
      <c r="IY26" s="244"/>
      <c r="IZ26" s="71">
        <v>248</v>
      </c>
      <c r="JA26" s="71">
        <v>186</v>
      </c>
      <c r="JB26" s="71">
        <v>135</v>
      </c>
      <c r="JC26" s="71">
        <v>134</v>
      </c>
      <c r="JD26" s="71">
        <v>80</v>
      </c>
      <c r="JE26" s="72">
        <v>783</v>
      </c>
      <c r="JF26" s="73">
        <v>1065</v>
      </c>
      <c r="JG26" s="70">
        <v>45</v>
      </c>
      <c r="JH26" s="71">
        <v>68</v>
      </c>
      <c r="JI26" s="72">
        <v>113</v>
      </c>
      <c r="JJ26" s="244"/>
      <c r="JK26" s="71">
        <v>134</v>
      </c>
      <c r="JL26" s="71">
        <v>141</v>
      </c>
      <c r="JM26" s="71">
        <v>102</v>
      </c>
      <c r="JN26" s="71">
        <v>139</v>
      </c>
      <c r="JO26" s="71">
        <v>93</v>
      </c>
      <c r="JP26" s="72">
        <v>609</v>
      </c>
      <c r="JQ26" s="73">
        <v>722</v>
      </c>
      <c r="JR26" s="70">
        <v>6</v>
      </c>
      <c r="JS26" s="71">
        <v>16</v>
      </c>
      <c r="JT26" s="72">
        <v>22</v>
      </c>
      <c r="JU26" s="244"/>
      <c r="JV26" s="71">
        <v>13</v>
      </c>
      <c r="JW26" s="71">
        <v>23</v>
      </c>
      <c r="JX26" s="71">
        <v>13</v>
      </c>
      <c r="JY26" s="71">
        <v>10</v>
      </c>
      <c r="JZ26" s="71">
        <v>9</v>
      </c>
      <c r="KA26" s="72">
        <v>68</v>
      </c>
      <c r="KB26" s="73">
        <v>90</v>
      </c>
      <c r="KC26" s="70">
        <v>517</v>
      </c>
      <c r="KD26" s="71">
        <v>628</v>
      </c>
      <c r="KE26" s="72">
        <v>1145</v>
      </c>
      <c r="KF26" s="244"/>
      <c r="KG26" s="71">
        <v>838</v>
      </c>
      <c r="KH26" s="71">
        <v>721</v>
      </c>
      <c r="KI26" s="71">
        <v>469</v>
      </c>
      <c r="KJ26" s="71">
        <v>533</v>
      </c>
      <c r="KK26" s="71">
        <v>342</v>
      </c>
      <c r="KL26" s="72">
        <v>2903</v>
      </c>
      <c r="KM26" s="73">
        <v>4048</v>
      </c>
    </row>
    <row r="27" spans="2:299" ht="21" customHeight="1" x14ac:dyDescent="0.2">
      <c r="B27" s="126" t="s">
        <v>24</v>
      </c>
      <c r="C27" s="313">
        <v>113</v>
      </c>
      <c r="D27" s="82">
        <v>79</v>
      </c>
      <c r="E27" s="83">
        <v>192</v>
      </c>
      <c r="F27" s="241"/>
      <c r="G27" s="82">
        <v>153</v>
      </c>
      <c r="H27" s="82">
        <v>103</v>
      </c>
      <c r="I27" s="82">
        <v>63</v>
      </c>
      <c r="J27" s="82">
        <v>65</v>
      </c>
      <c r="K27" s="82">
        <v>49</v>
      </c>
      <c r="L27" s="84">
        <v>433</v>
      </c>
      <c r="M27" s="85">
        <v>625</v>
      </c>
      <c r="N27" s="70">
        <v>3</v>
      </c>
      <c r="O27" s="71">
        <v>3</v>
      </c>
      <c r="P27" s="72">
        <v>6</v>
      </c>
      <c r="Q27" s="244"/>
      <c r="R27" s="71">
        <v>6</v>
      </c>
      <c r="S27" s="71">
        <v>3</v>
      </c>
      <c r="T27" s="71">
        <v>0</v>
      </c>
      <c r="U27" s="71">
        <v>1</v>
      </c>
      <c r="V27" s="71">
        <v>4</v>
      </c>
      <c r="W27" s="72">
        <v>14</v>
      </c>
      <c r="X27" s="73">
        <v>20</v>
      </c>
      <c r="Y27" s="70">
        <v>7</v>
      </c>
      <c r="Z27" s="71">
        <v>6</v>
      </c>
      <c r="AA27" s="72">
        <v>13</v>
      </c>
      <c r="AB27" s="244"/>
      <c r="AC27" s="71">
        <v>13</v>
      </c>
      <c r="AD27" s="71">
        <v>13</v>
      </c>
      <c r="AE27" s="71">
        <v>5</v>
      </c>
      <c r="AF27" s="71">
        <v>6</v>
      </c>
      <c r="AG27" s="71">
        <v>7</v>
      </c>
      <c r="AH27" s="72">
        <v>44</v>
      </c>
      <c r="AI27" s="73">
        <v>57</v>
      </c>
      <c r="AJ27" s="70">
        <v>13</v>
      </c>
      <c r="AK27" s="71">
        <v>11</v>
      </c>
      <c r="AL27" s="72">
        <v>24</v>
      </c>
      <c r="AM27" s="244"/>
      <c r="AN27" s="71">
        <v>22</v>
      </c>
      <c r="AO27" s="71">
        <v>15</v>
      </c>
      <c r="AP27" s="71">
        <v>10</v>
      </c>
      <c r="AQ27" s="71">
        <v>8</v>
      </c>
      <c r="AR27" s="71">
        <v>4</v>
      </c>
      <c r="AS27" s="72">
        <v>59</v>
      </c>
      <c r="AT27" s="73">
        <v>83</v>
      </c>
      <c r="AU27" s="70">
        <v>23</v>
      </c>
      <c r="AV27" s="71">
        <v>16</v>
      </c>
      <c r="AW27" s="72">
        <v>39</v>
      </c>
      <c r="AX27" s="244"/>
      <c r="AY27" s="71">
        <v>38</v>
      </c>
      <c r="AZ27" s="71">
        <v>17</v>
      </c>
      <c r="BA27" s="71">
        <v>17</v>
      </c>
      <c r="BB27" s="71">
        <v>16</v>
      </c>
      <c r="BC27" s="71">
        <v>15</v>
      </c>
      <c r="BD27" s="72">
        <v>103</v>
      </c>
      <c r="BE27" s="73">
        <v>142</v>
      </c>
      <c r="BF27" s="70">
        <v>32</v>
      </c>
      <c r="BG27" s="71">
        <v>26</v>
      </c>
      <c r="BH27" s="72">
        <v>58</v>
      </c>
      <c r="BI27" s="244"/>
      <c r="BJ27" s="71">
        <v>41</v>
      </c>
      <c r="BK27" s="71">
        <v>29</v>
      </c>
      <c r="BL27" s="71">
        <v>15</v>
      </c>
      <c r="BM27" s="71">
        <v>22</v>
      </c>
      <c r="BN27" s="71">
        <v>9</v>
      </c>
      <c r="BO27" s="72">
        <v>116</v>
      </c>
      <c r="BP27" s="73">
        <v>174</v>
      </c>
      <c r="BQ27" s="70">
        <v>35</v>
      </c>
      <c r="BR27" s="71">
        <v>17</v>
      </c>
      <c r="BS27" s="72">
        <v>52</v>
      </c>
      <c r="BT27" s="244"/>
      <c r="BU27" s="71">
        <v>33</v>
      </c>
      <c r="BV27" s="71">
        <v>26</v>
      </c>
      <c r="BW27" s="71">
        <v>16</v>
      </c>
      <c r="BX27" s="71">
        <v>12</v>
      </c>
      <c r="BY27" s="71">
        <v>10</v>
      </c>
      <c r="BZ27" s="72">
        <v>97</v>
      </c>
      <c r="CA27" s="73">
        <v>149</v>
      </c>
      <c r="CB27" s="70">
        <v>4</v>
      </c>
      <c r="CC27" s="71">
        <v>2</v>
      </c>
      <c r="CD27" s="72">
        <v>6</v>
      </c>
      <c r="CE27" s="244"/>
      <c r="CF27" s="71">
        <v>4</v>
      </c>
      <c r="CG27" s="71">
        <v>6</v>
      </c>
      <c r="CH27" s="71">
        <v>1</v>
      </c>
      <c r="CI27" s="71">
        <v>3</v>
      </c>
      <c r="CJ27" s="71">
        <v>1</v>
      </c>
      <c r="CK27" s="72">
        <v>15</v>
      </c>
      <c r="CL27" s="73">
        <v>21</v>
      </c>
      <c r="CM27" s="70">
        <v>117</v>
      </c>
      <c r="CN27" s="71">
        <v>81</v>
      </c>
      <c r="CO27" s="72">
        <v>198</v>
      </c>
      <c r="CP27" s="244"/>
      <c r="CQ27" s="71">
        <v>157</v>
      </c>
      <c r="CR27" s="71">
        <v>109</v>
      </c>
      <c r="CS27" s="71">
        <v>64</v>
      </c>
      <c r="CT27" s="71">
        <v>68</v>
      </c>
      <c r="CU27" s="71">
        <v>50</v>
      </c>
      <c r="CV27" s="72">
        <v>448</v>
      </c>
      <c r="CW27" s="73">
        <v>646</v>
      </c>
      <c r="CX27" s="123">
        <v>210</v>
      </c>
      <c r="CY27" s="82">
        <v>168</v>
      </c>
      <c r="CZ27" s="83">
        <v>378</v>
      </c>
      <c r="DA27" s="241"/>
      <c r="DB27" s="82">
        <v>272</v>
      </c>
      <c r="DC27" s="82">
        <v>174</v>
      </c>
      <c r="DD27" s="82">
        <v>163</v>
      </c>
      <c r="DE27" s="82">
        <v>181</v>
      </c>
      <c r="DF27" s="82">
        <v>122</v>
      </c>
      <c r="DG27" s="84">
        <v>912</v>
      </c>
      <c r="DH27" s="85">
        <v>1290</v>
      </c>
      <c r="DI27" s="70">
        <v>4</v>
      </c>
      <c r="DJ27" s="71">
        <v>3</v>
      </c>
      <c r="DK27" s="72">
        <v>7</v>
      </c>
      <c r="DL27" s="244"/>
      <c r="DM27" s="71">
        <v>1</v>
      </c>
      <c r="DN27" s="71">
        <v>1</v>
      </c>
      <c r="DO27" s="71">
        <v>3</v>
      </c>
      <c r="DP27" s="71">
        <v>2</v>
      </c>
      <c r="DQ27" s="71">
        <v>3</v>
      </c>
      <c r="DR27" s="72">
        <v>10</v>
      </c>
      <c r="DS27" s="73">
        <v>17</v>
      </c>
      <c r="DT27" s="70">
        <v>12</v>
      </c>
      <c r="DU27" s="71">
        <v>5</v>
      </c>
      <c r="DV27" s="72">
        <v>17</v>
      </c>
      <c r="DW27" s="244"/>
      <c r="DX27" s="71">
        <v>10</v>
      </c>
      <c r="DY27" s="71">
        <v>5</v>
      </c>
      <c r="DZ27" s="71">
        <v>7</v>
      </c>
      <c r="EA27" s="71">
        <v>8</v>
      </c>
      <c r="EB27" s="71">
        <v>1</v>
      </c>
      <c r="EC27" s="72">
        <v>31</v>
      </c>
      <c r="ED27" s="73">
        <v>48</v>
      </c>
      <c r="EE27" s="70">
        <v>24</v>
      </c>
      <c r="EF27" s="71">
        <v>29</v>
      </c>
      <c r="EG27" s="72">
        <v>53</v>
      </c>
      <c r="EH27" s="244"/>
      <c r="EI27" s="71">
        <v>22</v>
      </c>
      <c r="EJ27" s="71">
        <v>17</v>
      </c>
      <c r="EK27" s="71">
        <v>14</v>
      </c>
      <c r="EL27" s="71">
        <v>10</v>
      </c>
      <c r="EM27" s="71">
        <v>7</v>
      </c>
      <c r="EN27" s="72">
        <v>70</v>
      </c>
      <c r="EO27" s="73">
        <v>123</v>
      </c>
      <c r="EP27" s="70">
        <v>58</v>
      </c>
      <c r="EQ27" s="71">
        <v>40</v>
      </c>
      <c r="ER27" s="72">
        <v>98</v>
      </c>
      <c r="ES27" s="244"/>
      <c r="ET27" s="71">
        <v>68</v>
      </c>
      <c r="EU27" s="71">
        <v>38</v>
      </c>
      <c r="EV27" s="71">
        <v>21</v>
      </c>
      <c r="EW27" s="71">
        <v>31</v>
      </c>
      <c r="EX27" s="71">
        <v>17</v>
      </c>
      <c r="EY27" s="72">
        <v>175</v>
      </c>
      <c r="EZ27" s="73">
        <v>273</v>
      </c>
      <c r="FA27" s="70">
        <v>71</v>
      </c>
      <c r="FB27" s="71">
        <v>50</v>
      </c>
      <c r="FC27" s="72">
        <v>121</v>
      </c>
      <c r="FD27" s="244"/>
      <c r="FE27" s="71">
        <v>85</v>
      </c>
      <c r="FF27" s="71">
        <v>50</v>
      </c>
      <c r="FG27" s="71">
        <v>37</v>
      </c>
      <c r="FH27" s="71">
        <v>40</v>
      </c>
      <c r="FI27" s="71">
        <v>30</v>
      </c>
      <c r="FJ27" s="72">
        <v>242</v>
      </c>
      <c r="FK27" s="73">
        <v>363</v>
      </c>
      <c r="FL27" s="70">
        <v>41</v>
      </c>
      <c r="FM27" s="71">
        <v>41</v>
      </c>
      <c r="FN27" s="72">
        <v>82</v>
      </c>
      <c r="FO27" s="244"/>
      <c r="FP27" s="71">
        <v>86</v>
      </c>
      <c r="FQ27" s="71">
        <v>63</v>
      </c>
      <c r="FR27" s="71">
        <v>81</v>
      </c>
      <c r="FS27" s="71">
        <v>90</v>
      </c>
      <c r="FT27" s="71">
        <v>64</v>
      </c>
      <c r="FU27" s="72">
        <v>384</v>
      </c>
      <c r="FV27" s="73">
        <v>466</v>
      </c>
      <c r="FW27" s="70">
        <v>2</v>
      </c>
      <c r="FX27" s="71">
        <v>2</v>
      </c>
      <c r="FY27" s="72">
        <v>4</v>
      </c>
      <c r="FZ27" s="244"/>
      <c r="GA27" s="71">
        <v>1</v>
      </c>
      <c r="GB27" s="71">
        <v>2</v>
      </c>
      <c r="GC27" s="71">
        <v>2</v>
      </c>
      <c r="GD27" s="71">
        <v>2</v>
      </c>
      <c r="GE27" s="71">
        <v>3</v>
      </c>
      <c r="GF27" s="72">
        <v>10</v>
      </c>
      <c r="GG27" s="73">
        <v>14</v>
      </c>
      <c r="GH27" s="70">
        <v>212</v>
      </c>
      <c r="GI27" s="71">
        <v>170</v>
      </c>
      <c r="GJ27" s="72">
        <v>382</v>
      </c>
      <c r="GK27" s="244"/>
      <c r="GL27" s="71">
        <v>273</v>
      </c>
      <c r="GM27" s="71">
        <v>176</v>
      </c>
      <c r="GN27" s="71">
        <v>165</v>
      </c>
      <c r="GO27" s="71">
        <v>183</v>
      </c>
      <c r="GP27" s="71">
        <v>125</v>
      </c>
      <c r="GQ27" s="72">
        <v>922</v>
      </c>
      <c r="GR27" s="73">
        <v>1304</v>
      </c>
      <c r="GS27" s="123">
        <v>323</v>
      </c>
      <c r="GT27" s="82">
        <v>247</v>
      </c>
      <c r="GU27" s="83">
        <v>570</v>
      </c>
      <c r="GV27" s="241"/>
      <c r="GW27" s="82">
        <v>425</v>
      </c>
      <c r="GX27" s="82">
        <v>277</v>
      </c>
      <c r="GY27" s="82">
        <v>226</v>
      </c>
      <c r="GZ27" s="82">
        <v>246</v>
      </c>
      <c r="HA27" s="82">
        <v>171</v>
      </c>
      <c r="HB27" s="84">
        <v>1345</v>
      </c>
      <c r="HC27" s="85">
        <v>1915</v>
      </c>
      <c r="HD27" s="70">
        <v>7</v>
      </c>
      <c r="HE27" s="71">
        <v>6</v>
      </c>
      <c r="HF27" s="72">
        <v>13</v>
      </c>
      <c r="HG27" s="244"/>
      <c r="HH27" s="71">
        <v>7</v>
      </c>
      <c r="HI27" s="71">
        <v>4</v>
      </c>
      <c r="HJ27" s="71">
        <v>3</v>
      </c>
      <c r="HK27" s="71">
        <v>3</v>
      </c>
      <c r="HL27" s="71">
        <v>7</v>
      </c>
      <c r="HM27" s="72">
        <v>24</v>
      </c>
      <c r="HN27" s="73">
        <v>37</v>
      </c>
      <c r="HO27" s="70">
        <v>19</v>
      </c>
      <c r="HP27" s="71">
        <v>11</v>
      </c>
      <c r="HQ27" s="72">
        <v>30</v>
      </c>
      <c r="HR27" s="244"/>
      <c r="HS27" s="71">
        <v>23</v>
      </c>
      <c r="HT27" s="71">
        <v>18</v>
      </c>
      <c r="HU27" s="71">
        <v>12</v>
      </c>
      <c r="HV27" s="71">
        <v>14</v>
      </c>
      <c r="HW27" s="71">
        <v>8</v>
      </c>
      <c r="HX27" s="72">
        <v>75</v>
      </c>
      <c r="HY27" s="73">
        <v>105</v>
      </c>
      <c r="HZ27" s="70">
        <v>37</v>
      </c>
      <c r="IA27" s="71">
        <v>40</v>
      </c>
      <c r="IB27" s="72">
        <v>77</v>
      </c>
      <c r="IC27" s="244"/>
      <c r="ID27" s="71">
        <v>44</v>
      </c>
      <c r="IE27" s="71">
        <v>32</v>
      </c>
      <c r="IF27" s="71">
        <v>24</v>
      </c>
      <c r="IG27" s="71">
        <v>18</v>
      </c>
      <c r="IH27" s="71">
        <v>11</v>
      </c>
      <c r="II27" s="72">
        <v>129</v>
      </c>
      <c r="IJ27" s="73">
        <v>206</v>
      </c>
      <c r="IK27" s="70">
        <v>81</v>
      </c>
      <c r="IL27" s="71">
        <v>56</v>
      </c>
      <c r="IM27" s="72">
        <v>137</v>
      </c>
      <c r="IN27" s="244"/>
      <c r="IO27" s="71">
        <v>106</v>
      </c>
      <c r="IP27" s="71">
        <v>55</v>
      </c>
      <c r="IQ27" s="71">
        <v>38</v>
      </c>
      <c r="IR27" s="71">
        <v>47</v>
      </c>
      <c r="IS27" s="71">
        <v>32</v>
      </c>
      <c r="IT27" s="72">
        <v>278</v>
      </c>
      <c r="IU27" s="73">
        <v>415</v>
      </c>
      <c r="IV27" s="70">
        <v>103</v>
      </c>
      <c r="IW27" s="71">
        <v>76</v>
      </c>
      <c r="IX27" s="72">
        <v>179</v>
      </c>
      <c r="IY27" s="244"/>
      <c r="IZ27" s="71">
        <v>126</v>
      </c>
      <c r="JA27" s="71">
        <v>79</v>
      </c>
      <c r="JB27" s="71">
        <v>52</v>
      </c>
      <c r="JC27" s="71">
        <v>62</v>
      </c>
      <c r="JD27" s="71">
        <v>39</v>
      </c>
      <c r="JE27" s="72">
        <v>358</v>
      </c>
      <c r="JF27" s="73">
        <v>537</v>
      </c>
      <c r="JG27" s="70">
        <v>76</v>
      </c>
      <c r="JH27" s="71">
        <v>58</v>
      </c>
      <c r="JI27" s="72">
        <v>134</v>
      </c>
      <c r="JJ27" s="244"/>
      <c r="JK27" s="71">
        <v>119</v>
      </c>
      <c r="JL27" s="71">
        <v>89</v>
      </c>
      <c r="JM27" s="71">
        <v>97</v>
      </c>
      <c r="JN27" s="71">
        <v>102</v>
      </c>
      <c r="JO27" s="71">
        <v>74</v>
      </c>
      <c r="JP27" s="72">
        <v>481</v>
      </c>
      <c r="JQ27" s="73">
        <v>615</v>
      </c>
      <c r="JR27" s="70">
        <v>6</v>
      </c>
      <c r="JS27" s="71">
        <v>4</v>
      </c>
      <c r="JT27" s="72">
        <v>10</v>
      </c>
      <c r="JU27" s="244"/>
      <c r="JV27" s="71">
        <v>5</v>
      </c>
      <c r="JW27" s="71">
        <v>8</v>
      </c>
      <c r="JX27" s="71">
        <v>3</v>
      </c>
      <c r="JY27" s="71">
        <v>5</v>
      </c>
      <c r="JZ27" s="71">
        <v>4</v>
      </c>
      <c r="KA27" s="72">
        <v>25</v>
      </c>
      <c r="KB27" s="73">
        <v>35</v>
      </c>
      <c r="KC27" s="70">
        <v>329</v>
      </c>
      <c r="KD27" s="71">
        <v>251</v>
      </c>
      <c r="KE27" s="72">
        <v>580</v>
      </c>
      <c r="KF27" s="244"/>
      <c r="KG27" s="71">
        <v>430</v>
      </c>
      <c r="KH27" s="71">
        <v>285</v>
      </c>
      <c r="KI27" s="71">
        <v>229</v>
      </c>
      <c r="KJ27" s="71">
        <v>251</v>
      </c>
      <c r="KK27" s="71">
        <v>175</v>
      </c>
      <c r="KL27" s="72">
        <v>1370</v>
      </c>
      <c r="KM27" s="73">
        <v>1950</v>
      </c>
    </row>
    <row r="28" spans="2:299" ht="21" customHeight="1" x14ac:dyDescent="0.2">
      <c r="B28" s="126" t="s">
        <v>25</v>
      </c>
      <c r="C28" s="313">
        <v>115</v>
      </c>
      <c r="D28" s="82">
        <v>109</v>
      </c>
      <c r="E28" s="83">
        <v>224</v>
      </c>
      <c r="F28" s="241"/>
      <c r="G28" s="82">
        <v>204</v>
      </c>
      <c r="H28" s="82">
        <v>134</v>
      </c>
      <c r="I28" s="82">
        <v>99</v>
      </c>
      <c r="J28" s="82">
        <v>113</v>
      </c>
      <c r="K28" s="82">
        <v>61</v>
      </c>
      <c r="L28" s="84">
        <v>611</v>
      </c>
      <c r="M28" s="85">
        <v>835</v>
      </c>
      <c r="N28" s="70">
        <v>5</v>
      </c>
      <c r="O28" s="71">
        <v>5</v>
      </c>
      <c r="P28" s="72">
        <v>10</v>
      </c>
      <c r="Q28" s="244"/>
      <c r="R28" s="71">
        <v>6</v>
      </c>
      <c r="S28" s="71">
        <v>9</v>
      </c>
      <c r="T28" s="71">
        <v>4</v>
      </c>
      <c r="U28" s="71">
        <v>3</v>
      </c>
      <c r="V28" s="71">
        <v>3</v>
      </c>
      <c r="W28" s="72">
        <v>25</v>
      </c>
      <c r="X28" s="73">
        <v>35</v>
      </c>
      <c r="Y28" s="70">
        <v>14</v>
      </c>
      <c r="Z28" s="71">
        <v>12</v>
      </c>
      <c r="AA28" s="72">
        <v>26</v>
      </c>
      <c r="AB28" s="244"/>
      <c r="AC28" s="71">
        <v>23</v>
      </c>
      <c r="AD28" s="71">
        <v>18</v>
      </c>
      <c r="AE28" s="71">
        <v>9</v>
      </c>
      <c r="AF28" s="71">
        <v>16</v>
      </c>
      <c r="AG28" s="71">
        <v>3</v>
      </c>
      <c r="AH28" s="72">
        <v>69</v>
      </c>
      <c r="AI28" s="73">
        <v>95</v>
      </c>
      <c r="AJ28" s="70">
        <v>21</v>
      </c>
      <c r="AK28" s="71">
        <v>22</v>
      </c>
      <c r="AL28" s="72">
        <v>43</v>
      </c>
      <c r="AM28" s="244"/>
      <c r="AN28" s="71">
        <v>34</v>
      </c>
      <c r="AO28" s="71">
        <v>26</v>
      </c>
      <c r="AP28" s="71">
        <v>14</v>
      </c>
      <c r="AQ28" s="71">
        <v>22</v>
      </c>
      <c r="AR28" s="71">
        <v>8</v>
      </c>
      <c r="AS28" s="72">
        <v>104</v>
      </c>
      <c r="AT28" s="73">
        <v>147</v>
      </c>
      <c r="AU28" s="70">
        <v>38</v>
      </c>
      <c r="AV28" s="71">
        <v>32</v>
      </c>
      <c r="AW28" s="72">
        <v>70</v>
      </c>
      <c r="AX28" s="244"/>
      <c r="AY28" s="71">
        <v>65</v>
      </c>
      <c r="AZ28" s="71">
        <v>32</v>
      </c>
      <c r="BA28" s="71">
        <v>26</v>
      </c>
      <c r="BB28" s="71">
        <v>37</v>
      </c>
      <c r="BC28" s="71">
        <v>21</v>
      </c>
      <c r="BD28" s="72">
        <v>181</v>
      </c>
      <c r="BE28" s="73">
        <v>251</v>
      </c>
      <c r="BF28" s="70">
        <v>26</v>
      </c>
      <c r="BG28" s="71">
        <v>28</v>
      </c>
      <c r="BH28" s="72">
        <v>54</v>
      </c>
      <c r="BI28" s="244"/>
      <c r="BJ28" s="71">
        <v>45</v>
      </c>
      <c r="BK28" s="71">
        <v>34</v>
      </c>
      <c r="BL28" s="71">
        <v>32</v>
      </c>
      <c r="BM28" s="71">
        <v>22</v>
      </c>
      <c r="BN28" s="71">
        <v>13</v>
      </c>
      <c r="BO28" s="72">
        <v>146</v>
      </c>
      <c r="BP28" s="73">
        <v>200</v>
      </c>
      <c r="BQ28" s="70">
        <v>11</v>
      </c>
      <c r="BR28" s="71">
        <v>10</v>
      </c>
      <c r="BS28" s="72">
        <v>21</v>
      </c>
      <c r="BT28" s="244"/>
      <c r="BU28" s="71">
        <v>31</v>
      </c>
      <c r="BV28" s="71">
        <v>15</v>
      </c>
      <c r="BW28" s="71">
        <v>14</v>
      </c>
      <c r="BX28" s="71">
        <v>13</v>
      </c>
      <c r="BY28" s="71">
        <v>13</v>
      </c>
      <c r="BZ28" s="72">
        <v>86</v>
      </c>
      <c r="CA28" s="73">
        <v>107</v>
      </c>
      <c r="CB28" s="70">
        <v>0</v>
      </c>
      <c r="CC28" s="71">
        <v>3</v>
      </c>
      <c r="CD28" s="72">
        <v>3</v>
      </c>
      <c r="CE28" s="244"/>
      <c r="CF28" s="71">
        <v>4</v>
      </c>
      <c r="CG28" s="71">
        <v>10</v>
      </c>
      <c r="CH28" s="71">
        <v>1</v>
      </c>
      <c r="CI28" s="71">
        <v>5</v>
      </c>
      <c r="CJ28" s="71">
        <v>4</v>
      </c>
      <c r="CK28" s="72">
        <v>24</v>
      </c>
      <c r="CL28" s="73">
        <v>27</v>
      </c>
      <c r="CM28" s="70">
        <v>115</v>
      </c>
      <c r="CN28" s="71">
        <v>112</v>
      </c>
      <c r="CO28" s="72">
        <v>227</v>
      </c>
      <c r="CP28" s="244"/>
      <c r="CQ28" s="71">
        <v>208</v>
      </c>
      <c r="CR28" s="71">
        <v>144</v>
      </c>
      <c r="CS28" s="71">
        <v>100</v>
      </c>
      <c r="CT28" s="71">
        <v>118</v>
      </c>
      <c r="CU28" s="71">
        <v>65</v>
      </c>
      <c r="CV28" s="72">
        <v>635</v>
      </c>
      <c r="CW28" s="73">
        <v>862</v>
      </c>
      <c r="CX28" s="123">
        <v>196</v>
      </c>
      <c r="CY28" s="82">
        <v>214</v>
      </c>
      <c r="CZ28" s="83">
        <v>410</v>
      </c>
      <c r="DA28" s="241"/>
      <c r="DB28" s="82">
        <v>299</v>
      </c>
      <c r="DC28" s="82">
        <v>210</v>
      </c>
      <c r="DD28" s="82">
        <v>187</v>
      </c>
      <c r="DE28" s="82">
        <v>184</v>
      </c>
      <c r="DF28" s="82">
        <v>103</v>
      </c>
      <c r="DG28" s="84">
        <v>983</v>
      </c>
      <c r="DH28" s="85">
        <v>1393</v>
      </c>
      <c r="DI28" s="70">
        <v>3</v>
      </c>
      <c r="DJ28" s="71">
        <v>4</v>
      </c>
      <c r="DK28" s="72">
        <v>7</v>
      </c>
      <c r="DL28" s="244"/>
      <c r="DM28" s="71">
        <v>8</v>
      </c>
      <c r="DN28" s="71">
        <v>7</v>
      </c>
      <c r="DO28" s="71">
        <v>4</v>
      </c>
      <c r="DP28" s="71">
        <v>3</v>
      </c>
      <c r="DQ28" s="71">
        <v>2</v>
      </c>
      <c r="DR28" s="72">
        <v>24</v>
      </c>
      <c r="DS28" s="73">
        <v>31</v>
      </c>
      <c r="DT28" s="70">
        <v>22</v>
      </c>
      <c r="DU28" s="71">
        <v>17</v>
      </c>
      <c r="DV28" s="72">
        <v>39</v>
      </c>
      <c r="DW28" s="244"/>
      <c r="DX28" s="71">
        <v>19</v>
      </c>
      <c r="DY28" s="71">
        <v>16</v>
      </c>
      <c r="DZ28" s="71">
        <v>12</v>
      </c>
      <c r="EA28" s="71">
        <v>7</v>
      </c>
      <c r="EB28" s="71">
        <v>11</v>
      </c>
      <c r="EC28" s="72">
        <v>65</v>
      </c>
      <c r="ED28" s="73">
        <v>104</v>
      </c>
      <c r="EE28" s="70">
        <v>31</v>
      </c>
      <c r="EF28" s="71">
        <v>27</v>
      </c>
      <c r="EG28" s="72">
        <v>58</v>
      </c>
      <c r="EH28" s="244"/>
      <c r="EI28" s="71">
        <v>53</v>
      </c>
      <c r="EJ28" s="71">
        <v>26</v>
      </c>
      <c r="EK28" s="71">
        <v>27</v>
      </c>
      <c r="EL28" s="71">
        <v>24</v>
      </c>
      <c r="EM28" s="71">
        <v>16</v>
      </c>
      <c r="EN28" s="72">
        <v>146</v>
      </c>
      <c r="EO28" s="73">
        <v>204</v>
      </c>
      <c r="EP28" s="70">
        <v>61</v>
      </c>
      <c r="EQ28" s="71">
        <v>65</v>
      </c>
      <c r="ER28" s="72">
        <v>126</v>
      </c>
      <c r="ES28" s="244"/>
      <c r="ET28" s="71">
        <v>71</v>
      </c>
      <c r="EU28" s="71">
        <v>42</v>
      </c>
      <c r="EV28" s="71">
        <v>46</v>
      </c>
      <c r="EW28" s="71">
        <v>35</v>
      </c>
      <c r="EX28" s="71">
        <v>14</v>
      </c>
      <c r="EY28" s="72">
        <v>208</v>
      </c>
      <c r="EZ28" s="73">
        <v>334</v>
      </c>
      <c r="FA28" s="70">
        <v>53</v>
      </c>
      <c r="FB28" s="71">
        <v>59</v>
      </c>
      <c r="FC28" s="72">
        <v>112</v>
      </c>
      <c r="FD28" s="244"/>
      <c r="FE28" s="71">
        <v>82</v>
      </c>
      <c r="FF28" s="71">
        <v>65</v>
      </c>
      <c r="FG28" s="71">
        <v>49</v>
      </c>
      <c r="FH28" s="71">
        <v>45</v>
      </c>
      <c r="FI28" s="71">
        <v>25</v>
      </c>
      <c r="FJ28" s="72">
        <v>266</v>
      </c>
      <c r="FK28" s="73">
        <v>378</v>
      </c>
      <c r="FL28" s="70">
        <v>26</v>
      </c>
      <c r="FM28" s="71">
        <v>42</v>
      </c>
      <c r="FN28" s="72">
        <v>68</v>
      </c>
      <c r="FO28" s="244"/>
      <c r="FP28" s="71">
        <v>66</v>
      </c>
      <c r="FQ28" s="71">
        <v>54</v>
      </c>
      <c r="FR28" s="71">
        <v>49</v>
      </c>
      <c r="FS28" s="71">
        <v>70</v>
      </c>
      <c r="FT28" s="71">
        <v>35</v>
      </c>
      <c r="FU28" s="72">
        <v>274</v>
      </c>
      <c r="FV28" s="73">
        <v>342</v>
      </c>
      <c r="FW28" s="70">
        <v>2</v>
      </c>
      <c r="FX28" s="71">
        <v>5</v>
      </c>
      <c r="FY28" s="72">
        <v>7</v>
      </c>
      <c r="FZ28" s="244"/>
      <c r="GA28" s="71">
        <v>3</v>
      </c>
      <c r="GB28" s="71">
        <v>3</v>
      </c>
      <c r="GC28" s="71">
        <v>3</v>
      </c>
      <c r="GD28" s="71">
        <v>1</v>
      </c>
      <c r="GE28" s="71">
        <v>6</v>
      </c>
      <c r="GF28" s="72">
        <v>16</v>
      </c>
      <c r="GG28" s="73">
        <v>23</v>
      </c>
      <c r="GH28" s="70">
        <v>198</v>
      </c>
      <c r="GI28" s="71">
        <v>219</v>
      </c>
      <c r="GJ28" s="72">
        <v>417</v>
      </c>
      <c r="GK28" s="244"/>
      <c r="GL28" s="71">
        <v>302</v>
      </c>
      <c r="GM28" s="71">
        <v>213</v>
      </c>
      <c r="GN28" s="71">
        <v>190</v>
      </c>
      <c r="GO28" s="71">
        <v>185</v>
      </c>
      <c r="GP28" s="71">
        <v>109</v>
      </c>
      <c r="GQ28" s="72">
        <v>999</v>
      </c>
      <c r="GR28" s="73">
        <v>1416</v>
      </c>
      <c r="GS28" s="123">
        <v>311</v>
      </c>
      <c r="GT28" s="82">
        <v>323</v>
      </c>
      <c r="GU28" s="83">
        <v>634</v>
      </c>
      <c r="GV28" s="241"/>
      <c r="GW28" s="82">
        <v>503</v>
      </c>
      <c r="GX28" s="82">
        <v>344</v>
      </c>
      <c r="GY28" s="82">
        <v>286</v>
      </c>
      <c r="GZ28" s="82">
        <v>297</v>
      </c>
      <c r="HA28" s="82">
        <v>164</v>
      </c>
      <c r="HB28" s="84">
        <v>1594</v>
      </c>
      <c r="HC28" s="85">
        <v>2228</v>
      </c>
      <c r="HD28" s="70">
        <v>8</v>
      </c>
      <c r="HE28" s="71">
        <v>9</v>
      </c>
      <c r="HF28" s="72">
        <v>17</v>
      </c>
      <c r="HG28" s="244"/>
      <c r="HH28" s="71">
        <v>14</v>
      </c>
      <c r="HI28" s="71">
        <v>16</v>
      </c>
      <c r="HJ28" s="71">
        <v>8</v>
      </c>
      <c r="HK28" s="71">
        <v>6</v>
      </c>
      <c r="HL28" s="71">
        <v>5</v>
      </c>
      <c r="HM28" s="72">
        <v>49</v>
      </c>
      <c r="HN28" s="73">
        <v>66</v>
      </c>
      <c r="HO28" s="70">
        <v>36</v>
      </c>
      <c r="HP28" s="71">
        <v>29</v>
      </c>
      <c r="HQ28" s="72">
        <v>65</v>
      </c>
      <c r="HR28" s="244"/>
      <c r="HS28" s="71">
        <v>42</v>
      </c>
      <c r="HT28" s="71">
        <v>34</v>
      </c>
      <c r="HU28" s="71">
        <v>21</v>
      </c>
      <c r="HV28" s="71">
        <v>23</v>
      </c>
      <c r="HW28" s="71">
        <v>14</v>
      </c>
      <c r="HX28" s="72">
        <v>134</v>
      </c>
      <c r="HY28" s="73">
        <v>199</v>
      </c>
      <c r="HZ28" s="70">
        <v>52</v>
      </c>
      <c r="IA28" s="71">
        <v>49</v>
      </c>
      <c r="IB28" s="72">
        <v>101</v>
      </c>
      <c r="IC28" s="244"/>
      <c r="ID28" s="71">
        <v>87</v>
      </c>
      <c r="IE28" s="71">
        <v>52</v>
      </c>
      <c r="IF28" s="71">
        <v>41</v>
      </c>
      <c r="IG28" s="71">
        <v>46</v>
      </c>
      <c r="IH28" s="71">
        <v>24</v>
      </c>
      <c r="II28" s="72">
        <v>250</v>
      </c>
      <c r="IJ28" s="73">
        <v>351</v>
      </c>
      <c r="IK28" s="70">
        <v>99</v>
      </c>
      <c r="IL28" s="71">
        <v>97</v>
      </c>
      <c r="IM28" s="72">
        <v>196</v>
      </c>
      <c r="IN28" s="244"/>
      <c r="IO28" s="71">
        <v>136</v>
      </c>
      <c r="IP28" s="71">
        <v>74</v>
      </c>
      <c r="IQ28" s="71">
        <v>72</v>
      </c>
      <c r="IR28" s="71">
        <v>72</v>
      </c>
      <c r="IS28" s="71">
        <v>35</v>
      </c>
      <c r="IT28" s="72">
        <v>389</v>
      </c>
      <c r="IU28" s="73">
        <v>585</v>
      </c>
      <c r="IV28" s="70">
        <v>79</v>
      </c>
      <c r="IW28" s="71">
        <v>87</v>
      </c>
      <c r="IX28" s="72">
        <v>166</v>
      </c>
      <c r="IY28" s="244"/>
      <c r="IZ28" s="71">
        <v>127</v>
      </c>
      <c r="JA28" s="71">
        <v>99</v>
      </c>
      <c r="JB28" s="71">
        <v>81</v>
      </c>
      <c r="JC28" s="71">
        <v>67</v>
      </c>
      <c r="JD28" s="71">
        <v>38</v>
      </c>
      <c r="JE28" s="72">
        <v>412</v>
      </c>
      <c r="JF28" s="73">
        <v>578</v>
      </c>
      <c r="JG28" s="70">
        <v>37</v>
      </c>
      <c r="JH28" s="71">
        <v>52</v>
      </c>
      <c r="JI28" s="72">
        <v>89</v>
      </c>
      <c r="JJ28" s="244"/>
      <c r="JK28" s="71">
        <v>97</v>
      </c>
      <c r="JL28" s="71">
        <v>69</v>
      </c>
      <c r="JM28" s="71">
        <v>63</v>
      </c>
      <c r="JN28" s="71">
        <v>83</v>
      </c>
      <c r="JO28" s="71">
        <v>48</v>
      </c>
      <c r="JP28" s="72">
        <v>360</v>
      </c>
      <c r="JQ28" s="73">
        <v>449</v>
      </c>
      <c r="JR28" s="70">
        <v>2</v>
      </c>
      <c r="JS28" s="71">
        <v>8</v>
      </c>
      <c r="JT28" s="72">
        <v>10</v>
      </c>
      <c r="JU28" s="244"/>
      <c r="JV28" s="71">
        <v>7</v>
      </c>
      <c r="JW28" s="71">
        <v>13</v>
      </c>
      <c r="JX28" s="71">
        <v>4</v>
      </c>
      <c r="JY28" s="71">
        <v>6</v>
      </c>
      <c r="JZ28" s="71">
        <v>10</v>
      </c>
      <c r="KA28" s="72">
        <v>40</v>
      </c>
      <c r="KB28" s="73">
        <v>50</v>
      </c>
      <c r="KC28" s="70">
        <v>313</v>
      </c>
      <c r="KD28" s="71">
        <v>331</v>
      </c>
      <c r="KE28" s="72">
        <v>644</v>
      </c>
      <c r="KF28" s="244"/>
      <c r="KG28" s="71">
        <v>510</v>
      </c>
      <c r="KH28" s="71">
        <v>357</v>
      </c>
      <c r="KI28" s="71">
        <v>290</v>
      </c>
      <c r="KJ28" s="71">
        <v>303</v>
      </c>
      <c r="KK28" s="71">
        <v>174</v>
      </c>
      <c r="KL28" s="72">
        <v>1634</v>
      </c>
      <c r="KM28" s="73">
        <v>2278</v>
      </c>
    </row>
    <row r="29" spans="2:299" ht="21" customHeight="1" x14ac:dyDescent="0.2">
      <c r="B29" s="126" t="s">
        <v>26</v>
      </c>
      <c r="C29" s="313">
        <v>87</v>
      </c>
      <c r="D29" s="82">
        <v>64</v>
      </c>
      <c r="E29" s="83">
        <v>151</v>
      </c>
      <c r="F29" s="241"/>
      <c r="G29" s="82">
        <v>141</v>
      </c>
      <c r="H29" s="82">
        <v>113</v>
      </c>
      <c r="I29" s="82">
        <v>96</v>
      </c>
      <c r="J29" s="82">
        <v>76</v>
      </c>
      <c r="K29" s="82">
        <v>43</v>
      </c>
      <c r="L29" s="84">
        <v>469</v>
      </c>
      <c r="M29" s="85">
        <v>620</v>
      </c>
      <c r="N29" s="70">
        <v>2</v>
      </c>
      <c r="O29" s="71">
        <v>3</v>
      </c>
      <c r="P29" s="72">
        <v>5</v>
      </c>
      <c r="Q29" s="244"/>
      <c r="R29" s="71">
        <v>6</v>
      </c>
      <c r="S29" s="71">
        <v>3</v>
      </c>
      <c r="T29" s="71">
        <v>5</v>
      </c>
      <c r="U29" s="71">
        <v>3</v>
      </c>
      <c r="V29" s="71">
        <v>4</v>
      </c>
      <c r="W29" s="72">
        <v>21</v>
      </c>
      <c r="X29" s="73">
        <v>26</v>
      </c>
      <c r="Y29" s="70">
        <v>9</v>
      </c>
      <c r="Z29" s="71">
        <v>6</v>
      </c>
      <c r="AA29" s="72">
        <v>15</v>
      </c>
      <c r="AB29" s="244"/>
      <c r="AC29" s="71">
        <v>10</v>
      </c>
      <c r="AD29" s="71">
        <v>11</v>
      </c>
      <c r="AE29" s="71">
        <v>9</v>
      </c>
      <c r="AF29" s="71">
        <v>7</v>
      </c>
      <c r="AG29" s="71">
        <v>9</v>
      </c>
      <c r="AH29" s="72">
        <v>46</v>
      </c>
      <c r="AI29" s="73">
        <v>61</v>
      </c>
      <c r="AJ29" s="70">
        <v>10</v>
      </c>
      <c r="AK29" s="71">
        <v>11</v>
      </c>
      <c r="AL29" s="72">
        <v>21</v>
      </c>
      <c r="AM29" s="244"/>
      <c r="AN29" s="71">
        <v>21</v>
      </c>
      <c r="AO29" s="71">
        <v>12</v>
      </c>
      <c r="AP29" s="71">
        <v>14</v>
      </c>
      <c r="AQ29" s="71">
        <v>13</v>
      </c>
      <c r="AR29" s="71">
        <v>8</v>
      </c>
      <c r="AS29" s="72">
        <v>68</v>
      </c>
      <c r="AT29" s="73">
        <v>89</v>
      </c>
      <c r="AU29" s="70">
        <v>25</v>
      </c>
      <c r="AV29" s="71">
        <v>16</v>
      </c>
      <c r="AW29" s="72">
        <v>41</v>
      </c>
      <c r="AX29" s="244"/>
      <c r="AY29" s="71">
        <v>45</v>
      </c>
      <c r="AZ29" s="71">
        <v>31</v>
      </c>
      <c r="BA29" s="71">
        <v>24</v>
      </c>
      <c r="BB29" s="71">
        <v>26</v>
      </c>
      <c r="BC29" s="71">
        <v>5</v>
      </c>
      <c r="BD29" s="72">
        <v>131</v>
      </c>
      <c r="BE29" s="73">
        <v>172</v>
      </c>
      <c r="BF29" s="70">
        <v>18</v>
      </c>
      <c r="BG29" s="71">
        <v>20</v>
      </c>
      <c r="BH29" s="72">
        <v>38</v>
      </c>
      <c r="BI29" s="244"/>
      <c r="BJ29" s="71">
        <v>32</v>
      </c>
      <c r="BK29" s="71">
        <v>30</v>
      </c>
      <c r="BL29" s="71">
        <v>25</v>
      </c>
      <c r="BM29" s="71">
        <v>19</v>
      </c>
      <c r="BN29" s="71">
        <v>9</v>
      </c>
      <c r="BO29" s="72">
        <v>115</v>
      </c>
      <c r="BP29" s="73">
        <v>153</v>
      </c>
      <c r="BQ29" s="70">
        <v>23</v>
      </c>
      <c r="BR29" s="71">
        <v>8</v>
      </c>
      <c r="BS29" s="72">
        <v>31</v>
      </c>
      <c r="BT29" s="244"/>
      <c r="BU29" s="71">
        <v>27</v>
      </c>
      <c r="BV29" s="71">
        <v>26</v>
      </c>
      <c r="BW29" s="71">
        <v>19</v>
      </c>
      <c r="BX29" s="71">
        <v>8</v>
      </c>
      <c r="BY29" s="71">
        <v>8</v>
      </c>
      <c r="BZ29" s="72">
        <v>88</v>
      </c>
      <c r="CA29" s="73">
        <v>119</v>
      </c>
      <c r="CB29" s="70">
        <v>4</v>
      </c>
      <c r="CC29" s="71">
        <v>0</v>
      </c>
      <c r="CD29" s="72">
        <v>4</v>
      </c>
      <c r="CE29" s="244"/>
      <c r="CF29" s="71">
        <v>6</v>
      </c>
      <c r="CG29" s="71">
        <v>4</v>
      </c>
      <c r="CH29" s="71">
        <v>3</v>
      </c>
      <c r="CI29" s="71">
        <v>2</v>
      </c>
      <c r="CJ29" s="71">
        <v>2</v>
      </c>
      <c r="CK29" s="72">
        <v>17</v>
      </c>
      <c r="CL29" s="73">
        <v>21</v>
      </c>
      <c r="CM29" s="70">
        <v>91</v>
      </c>
      <c r="CN29" s="71">
        <v>64</v>
      </c>
      <c r="CO29" s="72">
        <v>155</v>
      </c>
      <c r="CP29" s="244"/>
      <c r="CQ29" s="71">
        <v>147</v>
      </c>
      <c r="CR29" s="71">
        <v>117</v>
      </c>
      <c r="CS29" s="71">
        <v>99</v>
      </c>
      <c r="CT29" s="71">
        <v>78</v>
      </c>
      <c r="CU29" s="71">
        <v>45</v>
      </c>
      <c r="CV29" s="72">
        <v>486</v>
      </c>
      <c r="CW29" s="73">
        <v>641</v>
      </c>
      <c r="CX29" s="123">
        <v>186</v>
      </c>
      <c r="CY29" s="82">
        <v>198</v>
      </c>
      <c r="CZ29" s="83">
        <v>384</v>
      </c>
      <c r="DA29" s="241"/>
      <c r="DB29" s="82">
        <v>261</v>
      </c>
      <c r="DC29" s="82">
        <v>222</v>
      </c>
      <c r="DD29" s="82">
        <v>170</v>
      </c>
      <c r="DE29" s="82">
        <v>143</v>
      </c>
      <c r="DF29" s="82">
        <v>107</v>
      </c>
      <c r="DG29" s="84">
        <v>903</v>
      </c>
      <c r="DH29" s="85">
        <v>1287</v>
      </c>
      <c r="DI29" s="70">
        <v>3</v>
      </c>
      <c r="DJ29" s="71">
        <v>5</v>
      </c>
      <c r="DK29" s="72">
        <v>8</v>
      </c>
      <c r="DL29" s="244"/>
      <c r="DM29" s="71">
        <v>4</v>
      </c>
      <c r="DN29" s="71">
        <v>3</v>
      </c>
      <c r="DO29" s="71">
        <v>3</v>
      </c>
      <c r="DP29" s="71">
        <v>3</v>
      </c>
      <c r="DQ29" s="71">
        <v>1</v>
      </c>
      <c r="DR29" s="72">
        <v>14</v>
      </c>
      <c r="DS29" s="73">
        <v>22</v>
      </c>
      <c r="DT29" s="70">
        <v>13</v>
      </c>
      <c r="DU29" s="71">
        <v>14</v>
      </c>
      <c r="DV29" s="72">
        <v>27</v>
      </c>
      <c r="DW29" s="244"/>
      <c r="DX29" s="71">
        <v>15</v>
      </c>
      <c r="DY29" s="71">
        <v>9</v>
      </c>
      <c r="DZ29" s="71">
        <v>3</v>
      </c>
      <c r="EA29" s="71">
        <v>5</v>
      </c>
      <c r="EB29" s="71">
        <v>6</v>
      </c>
      <c r="EC29" s="72">
        <v>38</v>
      </c>
      <c r="ED29" s="73">
        <v>65</v>
      </c>
      <c r="EE29" s="70">
        <v>17</v>
      </c>
      <c r="EF29" s="71">
        <v>25</v>
      </c>
      <c r="EG29" s="72">
        <v>42</v>
      </c>
      <c r="EH29" s="244"/>
      <c r="EI29" s="71">
        <v>34</v>
      </c>
      <c r="EJ29" s="71">
        <v>26</v>
      </c>
      <c r="EK29" s="71">
        <v>13</v>
      </c>
      <c r="EL29" s="71">
        <v>19</v>
      </c>
      <c r="EM29" s="71">
        <v>5</v>
      </c>
      <c r="EN29" s="72">
        <v>97</v>
      </c>
      <c r="EO29" s="73">
        <v>139</v>
      </c>
      <c r="EP29" s="70">
        <v>50</v>
      </c>
      <c r="EQ29" s="71">
        <v>48</v>
      </c>
      <c r="ER29" s="72">
        <v>98</v>
      </c>
      <c r="ES29" s="244"/>
      <c r="ET29" s="71">
        <v>59</v>
      </c>
      <c r="EU29" s="71">
        <v>43</v>
      </c>
      <c r="EV29" s="71">
        <v>41</v>
      </c>
      <c r="EW29" s="71">
        <v>14</v>
      </c>
      <c r="EX29" s="71">
        <v>20</v>
      </c>
      <c r="EY29" s="72">
        <v>177</v>
      </c>
      <c r="EZ29" s="73">
        <v>275</v>
      </c>
      <c r="FA29" s="70">
        <v>66</v>
      </c>
      <c r="FB29" s="71">
        <v>61</v>
      </c>
      <c r="FC29" s="72">
        <v>127</v>
      </c>
      <c r="FD29" s="244"/>
      <c r="FE29" s="71">
        <v>76</v>
      </c>
      <c r="FF29" s="71">
        <v>57</v>
      </c>
      <c r="FG29" s="71">
        <v>37</v>
      </c>
      <c r="FH29" s="71">
        <v>32</v>
      </c>
      <c r="FI29" s="71">
        <v>23</v>
      </c>
      <c r="FJ29" s="72">
        <v>225</v>
      </c>
      <c r="FK29" s="73">
        <v>352</v>
      </c>
      <c r="FL29" s="70">
        <v>37</v>
      </c>
      <c r="FM29" s="71">
        <v>45</v>
      </c>
      <c r="FN29" s="72">
        <v>82</v>
      </c>
      <c r="FO29" s="244"/>
      <c r="FP29" s="71">
        <v>73</v>
      </c>
      <c r="FQ29" s="71">
        <v>84</v>
      </c>
      <c r="FR29" s="71">
        <v>73</v>
      </c>
      <c r="FS29" s="71">
        <v>70</v>
      </c>
      <c r="FT29" s="71">
        <v>52</v>
      </c>
      <c r="FU29" s="72">
        <v>352</v>
      </c>
      <c r="FV29" s="73">
        <v>434</v>
      </c>
      <c r="FW29" s="70">
        <v>0</v>
      </c>
      <c r="FX29" s="71">
        <v>1</v>
      </c>
      <c r="FY29" s="72">
        <v>1</v>
      </c>
      <c r="FZ29" s="244"/>
      <c r="GA29" s="71">
        <v>6</v>
      </c>
      <c r="GB29" s="71">
        <v>2</v>
      </c>
      <c r="GC29" s="71">
        <v>3</v>
      </c>
      <c r="GD29" s="71">
        <v>4</v>
      </c>
      <c r="GE29" s="71">
        <v>2</v>
      </c>
      <c r="GF29" s="72">
        <v>17</v>
      </c>
      <c r="GG29" s="73">
        <v>18</v>
      </c>
      <c r="GH29" s="70">
        <v>186</v>
      </c>
      <c r="GI29" s="71">
        <v>199</v>
      </c>
      <c r="GJ29" s="72">
        <v>385</v>
      </c>
      <c r="GK29" s="244"/>
      <c r="GL29" s="71">
        <v>267</v>
      </c>
      <c r="GM29" s="71">
        <v>224</v>
      </c>
      <c r="GN29" s="71">
        <v>173</v>
      </c>
      <c r="GO29" s="71">
        <v>147</v>
      </c>
      <c r="GP29" s="71">
        <v>109</v>
      </c>
      <c r="GQ29" s="72">
        <v>920</v>
      </c>
      <c r="GR29" s="73">
        <v>1305</v>
      </c>
      <c r="GS29" s="123">
        <v>273</v>
      </c>
      <c r="GT29" s="82">
        <v>262</v>
      </c>
      <c r="GU29" s="83">
        <v>535</v>
      </c>
      <c r="GV29" s="241"/>
      <c r="GW29" s="82">
        <v>402</v>
      </c>
      <c r="GX29" s="82">
        <v>335</v>
      </c>
      <c r="GY29" s="82">
        <v>266</v>
      </c>
      <c r="GZ29" s="82">
        <v>219</v>
      </c>
      <c r="HA29" s="82">
        <v>150</v>
      </c>
      <c r="HB29" s="84">
        <v>1372</v>
      </c>
      <c r="HC29" s="85">
        <v>1907</v>
      </c>
      <c r="HD29" s="70">
        <v>5</v>
      </c>
      <c r="HE29" s="71">
        <v>8</v>
      </c>
      <c r="HF29" s="72">
        <v>13</v>
      </c>
      <c r="HG29" s="244"/>
      <c r="HH29" s="71">
        <v>10</v>
      </c>
      <c r="HI29" s="71">
        <v>6</v>
      </c>
      <c r="HJ29" s="71">
        <v>8</v>
      </c>
      <c r="HK29" s="71">
        <v>6</v>
      </c>
      <c r="HL29" s="71">
        <v>5</v>
      </c>
      <c r="HM29" s="72">
        <v>35</v>
      </c>
      <c r="HN29" s="73">
        <v>48</v>
      </c>
      <c r="HO29" s="70">
        <v>22</v>
      </c>
      <c r="HP29" s="71">
        <v>20</v>
      </c>
      <c r="HQ29" s="72">
        <v>42</v>
      </c>
      <c r="HR29" s="244"/>
      <c r="HS29" s="71">
        <v>25</v>
      </c>
      <c r="HT29" s="71">
        <v>20</v>
      </c>
      <c r="HU29" s="71">
        <v>12</v>
      </c>
      <c r="HV29" s="71">
        <v>12</v>
      </c>
      <c r="HW29" s="71">
        <v>15</v>
      </c>
      <c r="HX29" s="72">
        <v>84</v>
      </c>
      <c r="HY29" s="73">
        <v>126</v>
      </c>
      <c r="HZ29" s="70">
        <v>27</v>
      </c>
      <c r="IA29" s="71">
        <v>36</v>
      </c>
      <c r="IB29" s="72">
        <v>63</v>
      </c>
      <c r="IC29" s="244"/>
      <c r="ID29" s="71">
        <v>55</v>
      </c>
      <c r="IE29" s="71">
        <v>38</v>
      </c>
      <c r="IF29" s="71">
        <v>27</v>
      </c>
      <c r="IG29" s="71">
        <v>32</v>
      </c>
      <c r="IH29" s="71">
        <v>13</v>
      </c>
      <c r="II29" s="72">
        <v>165</v>
      </c>
      <c r="IJ29" s="73">
        <v>228</v>
      </c>
      <c r="IK29" s="70">
        <v>75</v>
      </c>
      <c r="IL29" s="71">
        <v>64</v>
      </c>
      <c r="IM29" s="72">
        <v>139</v>
      </c>
      <c r="IN29" s="244"/>
      <c r="IO29" s="71">
        <v>104</v>
      </c>
      <c r="IP29" s="71">
        <v>74</v>
      </c>
      <c r="IQ29" s="71">
        <v>65</v>
      </c>
      <c r="IR29" s="71">
        <v>40</v>
      </c>
      <c r="IS29" s="71">
        <v>25</v>
      </c>
      <c r="IT29" s="72">
        <v>308</v>
      </c>
      <c r="IU29" s="73">
        <v>447</v>
      </c>
      <c r="IV29" s="70">
        <v>84</v>
      </c>
      <c r="IW29" s="71">
        <v>81</v>
      </c>
      <c r="IX29" s="72">
        <v>165</v>
      </c>
      <c r="IY29" s="244"/>
      <c r="IZ29" s="71">
        <v>108</v>
      </c>
      <c r="JA29" s="71">
        <v>87</v>
      </c>
      <c r="JB29" s="71">
        <v>62</v>
      </c>
      <c r="JC29" s="71">
        <v>51</v>
      </c>
      <c r="JD29" s="71">
        <v>32</v>
      </c>
      <c r="JE29" s="72">
        <v>340</v>
      </c>
      <c r="JF29" s="73">
        <v>505</v>
      </c>
      <c r="JG29" s="70">
        <v>60</v>
      </c>
      <c r="JH29" s="71">
        <v>53</v>
      </c>
      <c r="JI29" s="72">
        <v>113</v>
      </c>
      <c r="JJ29" s="244"/>
      <c r="JK29" s="71">
        <v>100</v>
      </c>
      <c r="JL29" s="71">
        <v>110</v>
      </c>
      <c r="JM29" s="71">
        <v>92</v>
      </c>
      <c r="JN29" s="71">
        <v>78</v>
      </c>
      <c r="JO29" s="71">
        <v>60</v>
      </c>
      <c r="JP29" s="72">
        <v>440</v>
      </c>
      <c r="JQ29" s="73">
        <v>553</v>
      </c>
      <c r="JR29" s="70">
        <v>4</v>
      </c>
      <c r="JS29" s="71">
        <v>1</v>
      </c>
      <c r="JT29" s="72">
        <v>5</v>
      </c>
      <c r="JU29" s="244"/>
      <c r="JV29" s="71">
        <v>12</v>
      </c>
      <c r="JW29" s="71">
        <v>6</v>
      </c>
      <c r="JX29" s="71">
        <v>6</v>
      </c>
      <c r="JY29" s="71">
        <v>6</v>
      </c>
      <c r="JZ29" s="71">
        <v>4</v>
      </c>
      <c r="KA29" s="72">
        <v>34</v>
      </c>
      <c r="KB29" s="73">
        <v>39</v>
      </c>
      <c r="KC29" s="70">
        <v>277</v>
      </c>
      <c r="KD29" s="71">
        <v>263</v>
      </c>
      <c r="KE29" s="72">
        <v>540</v>
      </c>
      <c r="KF29" s="244"/>
      <c r="KG29" s="71">
        <v>414</v>
      </c>
      <c r="KH29" s="71">
        <v>341</v>
      </c>
      <c r="KI29" s="71">
        <v>272</v>
      </c>
      <c r="KJ29" s="71">
        <v>225</v>
      </c>
      <c r="KK29" s="71">
        <v>154</v>
      </c>
      <c r="KL29" s="72">
        <v>1406</v>
      </c>
      <c r="KM29" s="73">
        <v>1946</v>
      </c>
    </row>
    <row r="30" spans="2:299" ht="21" customHeight="1" x14ac:dyDescent="0.2">
      <c r="B30" s="126" t="s">
        <v>27</v>
      </c>
      <c r="C30" s="313">
        <v>87</v>
      </c>
      <c r="D30" s="82">
        <v>112</v>
      </c>
      <c r="E30" s="83">
        <v>199</v>
      </c>
      <c r="F30" s="241"/>
      <c r="G30" s="82">
        <v>103</v>
      </c>
      <c r="H30" s="82">
        <v>90</v>
      </c>
      <c r="I30" s="82">
        <v>64</v>
      </c>
      <c r="J30" s="82">
        <v>72</v>
      </c>
      <c r="K30" s="82">
        <v>31</v>
      </c>
      <c r="L30" s="84">
        <v>360</v>
      </c>
      <c r="M30" s="85">
        <v>559</v>
      </c>
      <c r="N30" s="70">
        <v>3</v>
      </c>
      <c r="O30" s="71">
        <v>4</v>
      </c>
      <c r="P30" s="72">
        <v>7</v>
      </c>
      <c r="Q30" s="244"/>
      <c r="R30" s="71">
        <v>2</v>
      </c>
      <c r="S30" s="71">
        <v>3</v>
      </c>
      <c r="T30" s="71">
        <v>2</v>
      </c>
      <c r="U30" s="71">
        <v>1</v>
      </c>
      <c r="V30" s="71">
        <v>0</v>
      </c>
      <c r="W30" s="72">
        <v>8</v>
      </c>
      <c r="X30" s="73">
        <v>15</v>
      </c>
      <c r="Y30" s="70">
        <v>9</v>
      </c>
      <c r="Z30" s="71">
        <v>5</v>
      </c>
      <c r="AA30" s="72">
        <v>14</v>
      </c>
      <c r="AB30" s="244"/>
      <c r="AC30" s="71">
        <v>9</v>
      </c>
      <c r="AD30" s="71">
        <v>15</v>
      </c>
      <c r="AE30" s="71">
        <v>6</v>
      </c>
      <c r="AF30" s="71">
        <v>6</v>
      </c>
      <c r="AG30" s="71">
        <v>2</v>
      </c>
      <c r="AH30" s="72">
        <v>38</v>
      </c>
      <c r="AI30" s="73">
        <v>52</v>
      </c>
      <c r="AJ30" s="70">
        <v>18</v>
      </c>
      <c r="AK30" s="71">
        <v>20</v>
      </c>
      <c r="AL30" s="72">
        <v>38</v>
      </c>
      <c r="AM30" s="244"/>
      <c r="AN30" s="71">
        <v>17</v>
      </c>
      <c r="AO30" s="71">
        <v>16</v>
      </c>
      <c r="AP30" s="71">
        <v>8</v>
      </c>
      <c r="AQ30" s="71">
        <v>10</v>
      </c>
      <c r="AR30" s="71">
        <v>5</v>
      </c>
      <c r="AS30" s="72">
        <v>56</v>
      </c>
      <c r="AT30" s="73">
        <v>94</v>
      </c>
      <c r="AU30" s="70">
        <v>20</v>
      </c>
      <c r="AV30" s="71">
        <v>27</v>
      </c>
      <c r="AW30" s="72">
        <v>47</v>
      </c>
      <c r="AX30" s="244"/>
      <c r="AY30" s="71">
        <v>25</v>
      </c>
      <c r="AZ30" s="71">
        <v>18</v>
      </c>
      <c r="BA30" s="71">
        <v>13</v>
      </c>
      <c r="BB30" s="71">
        <v>14</v>
      </c>
      <c r="BC30" s="71">
        <v>6</v>
      </c>
      <c r="BD30" s="72">
        <v>76</v>
      </c>
      <c r="BE30" s="73">
        <v>123</v>
      </c>
      <c r="BF30" s="70">
        <v>22</v>
      </c>
      <c r="BG30" s="71">
        <v>31</v>
      </c>
      <c r="BH30" s="72">
        <v>53</v>
      </c>
      <c r="BI30" s="244"/>
      <c r="BJ30" s="71">
        <v>27</v>
      </c>
      <c r="BK30" s="71">
        <v>15</v>
      </c>
      <c r="BL30" s="71">
        <v>22</v>
      </c>
      <c r="BM30" s="71">
        <v>20</v>
      </c>
      <c r="BN30" s="71">
        <v>11</v>
      </c>
      <c r="BO30" s="72">
        <v>95</v>
      </c>
      <c r="BP30" s="73">
        <v>148</v>
      </c>
      <c r="BQ30" s="70">
        <v>15</v>
      </c>
      <c r="BR30" s="71">
        <v>25</v>
      </c>
      <c r="BS30" s="72">
        <v>40</v>
      </c>
      <c r="BT30" s="244"/>
      <c r="BU30" s="71">
        <v>23</v>
      </c>
      <c r="BV30" s="71">
        <v>23</v>
      </c>
      <c r="BW30" s="71">
        <v>13</v>
      </c>
      <c r="BX30" s="71">
        <v>21</v>
      </c>
      <c r="BY30" s="71">
        <v>7</v>
      </c>
      <c r="BZ30" s="72">
        <v>87</v>
      </c>
      <c r="CA30" s="73">
        <v>127</v>
      </c>
      <c r="CB30" s="70">
        <v>3</v>
      </c>
      <c r="CC30" s="71">
        <v>0</v>
      </c>
      <c r="CD30" s="72">
        <v>3</v>
      </c>
      <c r="CE30" s="244"/>
      <c r="CF30" s="71">
        <v>3</v>
      </c>
      <c r="CG30" s="71">
        <v>2</v>
      </c>
      <c r="CH30" s="71">
        <v>6</v>
      </c>
      <c r="CI30" s="71">
        <v>2</v>
      </c>
      <c r="CJ30" s="71">
        <v>3</v>
      </c>
      <c r="CK30" s="72">
        <v>16</v>
      </c>
      <c r="CL30" s="73">
        <v>19</v>
      </c>
      <c r="CM30" s="70">
        <v>90</v>
      </c>
      <c r="CN30" s="71">
        <v>112</v>
      </c>
      <c r="CO30" s="72">
        <v>202</v>
      </c>
      <c r="CP30" s="244"/>
      <c r="CQ30" s="71">
        <v>106</v>
      </c>
      <c r="CR30" s="71">
        <v>92</v>
      </c>
      <c r="CS30" s="71">
        <v>70</v>
      </c>
      <c r="CT30" s="71">
        <v>74</v>
      </c>
      <c r="CU30" s="71">
        <v>34</v>
      </c>
      <c r="CV30" s="72">
        <v>376</v>
      </c>
      <c r="CW30" s="73">
        <v>578</v>
      </c>
      <c r="CX30" s="123">
        <v>251</v>
      </c>
      <c r="CY30" s="82">
        <v>198</v>
      </c>
      <c r="CZ30" s="83">
        <v>449</v>
      </c>
      <c r="DA30" s="241"/>
      <c r="DB30" s="82">
        <v>217</v>
      </c>
      <c r="DC30" s="82">
        <v>132</v>
      </c>
      <c r="DD30" s="82">
        <v>148</v>
      </c>
      <c r="DE30" s="82">
        <v>142</v>
      </c>
      <c r="DF30" s="82">
        <v>112</v>
      </c>
      <c r="DG30" s="84">
        <v>751</v>
      </c>
      <c r="DH30" s="85">
        <v>1200</v>
      </c>
      <c r="DI30" s="70">
        <v>2</v>
      </c>
      <c r="DJ30" s="71">
        <v>5</v>
      </c>
      <c r="DK30" s="72">
        <v>7</v>
      </c>
      <c r="DL30" s="244"/>
      <c r="DM30" s="71">
        <v>0</v>
      </c>
      <c r="DN30" s="71">
        <v>0</v>
      </c>
      <c r="DO30" s="71">
        <v>2</v>
      </c>
      <c r="DP30" s="71">
        <v>2</v>
      </c>
      <c r="DQ30" s="71">
        <v>2</v>
      </c>
      <c r="DR30" s="72">
        <v>6</v>
      </c>
      <c r="DS30" s="73">
        <v>13</v>
      </c>
      <c r="DT30" s="70">
        <v>16</v>
      </c>
      <c r="DU30" s="71">
        <v>17</v>
      </c>
      <c r="DV30" s="72">
        <v>33</v>
      </c>
      <c r="DW30" s="244"/>
      <c r="DX30" s="71">
        <v>9</v>
      </c>
      <c r="DY30" s="71">
        <v>6</v>
      </c>
      <c r="DZ30" s="71">
        <v>11</v>
      </c>
      <c r="EA30" s="71">
        <v>7</v>
      </c>
      <c r="EB30" s="71">
        <v>1</v>
      </c>
      <c r="EC30" s="72">
        <v>34</v>
      </c>
      <c r="ED30" s="73">
        <v>67</v>
      </c>
      <c r="EE30" s="70">
        <v>34</v>
      </c>
      <c r="EF30" s="71">
        <v>20</v>
      </c>
      <c r="EG30" s="72">
        <v>54</v>
      </c>
      <c r="EH30" s="244"/>
      <c r="EI30" s="71">
        <v>19</v>
      </c>
      <c r="EJ30" s="71">
        <v>14</v>
      </c>
      <c r="EK30" s="71">
        <v>11</v>
      </c>
      <c r="EL30" s="71">
        <v>12</v>
      </c>
      <c r="EM30" s="71">
        <v>9</v>
      </c>
      <c r="EN30" s="72">
        <v>65</v>
      </c>
      <c r="EO30" s="73">
        <v>119</v>
      </c>
      <c r="EP30" s="70">
        <v>70</v>
      </c>
      <c r="EQ30" s="71">
        <v>45</v>
      </c>
      <c r="ER30" s="72">
        <v>115</v>
      </c>
      <c r="ES30" s="244"/>
      <c r="ET30" s="71">
        <v>44</v>
      </c>
      <c r="EU30" s="71">
        <v>24</v>
      </c>
      <c r="EV30" s="71">
        <v>28</v>
      </c>
      <c r="EW30" s="71">
        <v>22</v>
      </c>
      <c r="EX30" s="71">
        <v>21</v>
      </c>
      <c r="EY30" s="72">
        <v>139</v>
      </c>
      <c r="EZ30" s="73">
        <v>254</v>
      </c>
      <c r="FA30" s="70">
        <v>78</v>
      </c>
      <c r="FB30" s="71">
        <v>59</v>
      </c>
      <c r="FC30" s="72">
        <v>137</v>
      </c>
      <c r="FD30" s="244"/>
      <c r="FE30" s="71">
        <v>65</v>
      </c>
      <c r="FF30" s="71">
        <v>40</v>
      </c>
      <c r="FG30" s="71">
        <v>32</v>
      </c>
      <c r="FH30" s="71">
        <v>28</v>
      </c>
      <c r="FI30" s="71">
        <v>34</v>
      </c>
      <c r="FJ30" s="72">
        <v>199</v>
      </c>
      <c r="FK30" s="73">
        <v>336</v>
      </c>
      <c r="FL30" s="70">
        <v>51</v>
      </c>
      <c r="FM30" s="71">
        <v>52</v>
      </c>
      <c r="FN30" s="72">
        <v>103</v>
      </c>
      <c r="FO30" s="244"/>
      <c r="FP30" s="71">
        <v>80</v>
      </c>
      <c r="FQ30" s="71">
        <v>48</v>
      </c>
      <c r="FR30" s="71">
        <v>64</v>
      </c>
      <c r="FS30" s="71">
        <v>71</v>
      </c>
      <c r="FT30" s="71">
        <v>45</v>
      </c>
      <c r="FU30" s="72">
        <v>308</v>
      </c>
      <c r="FV30" s="73">
        <v>411</v>
      </c>
      <c r="FW30" s="70">
        <v>1</v>
      </c>
      <c r="FX30" s="71">
        <v>3</v>
      </c>
      <c r="FY30" s="72">
        <v>4</v>
      </c>
      <c r="FZ30" s="244"/>
      <c r="GA30" s="71">
        <v>5</v>
      </c>
      <c r="GB30" s="71">
        <v>5</v>
      </c>
      <c r="GC30" s="71">
        <v>2</v>
      </c>
      <c r="GD30" s="71">
        <v>1</v>
      </c>
      <c r="GE30" s="71">
        <v>2</v>
      </c>
      <c r="GF30" s="72">
        <v>15</v>
      </c>
      <c r="GG30" s="73">
        <v>19</v>
      </c>
      <c r="GH30" s="70">
        <v>252</v>
      </c>
      <c r="GI30" s="71">
        <v>201</v>
      </c>
      <c r="GJ30" s="72">
        <v>453</v>
      </c>
      <c r="GK30" s="244"/>
      <c r="GL30" s="71">
        <v>222</v>
      </c>
      <c r="GM30" s="71">
        <v>137</v>
      </c>
      <c r="GN30" s="71">
        <v>150</v>
      </c>
      <c r="GO30" s="71">
        <v>143</v>
      </c>
      <c r="GP30" s="71">
        <v>114</v>
      </c>
      <c r="GQ30" s="72">
        <v>766</v>
      </c>
      <c r="GR30" s="73">
        <v>1219</v>
      </c>
      <c r="GS30" s="123">
        <v>338</v>
      </c>
      <c r="GT30" s="82">
        <v>310</v>
      </c>
      <c r="GU30" s="83">
        <v>648</v>
      </c>
      <c r="GV30" s="241"/>
      <c r="GW30" s="82">
        <v>320</v>
      </c>
      <c r="GX30" s="82">
        <v>222</v>
      </c>
      <c r="GY30" s="82">
        <v>212</v>
      </c>
      <c r="GZ30" s="82">
        <v>214</v>
      </c>
      <c r="HA30" s="82">
        <v>143</v>
      </c>
      <c r="HB30" s="84">
        <v>1111</v>
      </c>
      <c r="HC30" s="85">
        <v>1759</v>
      </c>
      <c r="HD30" s="70">
        <v>5</v>
      </c>
      <c r="HE30" s="71">
        <v>9</v>
      </c>
      <c r="HF30" s="72">
        <v>14</v>
      </c>
      <c r="HG30" s="244"/>
      <c r="HH30" s="71">
        <v>2</v>
      </c>
      <c r="HI30" s="71">
        <v>3</v>
      </c>
      <c r="HJ30" s="71">
        <v>4</v>
      </c>
      <c r="HK30" s="71">
        <v>3</v>
      </c>
      <c r="HL30" s="71">
        <v>2</v>
      </c>
      <c r="HM30" s="72">
        <v>14</v>
      </c>
      <c r="HN30" s="73">
        <v>28</v>
      </c>
      <c r="HO30" s="70">
        <v>25</v>
      </c>
      <c r="HP30" s="71">
        <v>22</v>
      </c>
      <c r="HQ30" s="72">
        <v>47</v>
      </c>
      <c r="HR30" s="244"/>
      <c r="HS30" s="71">
        <v>18</v>
      </c>
      <c r="HT30" s="71">
        <v>21</v>
      </c>
      <c r="HU30" s="71">
        <v>17</v>
      </c>
      <c r="HV30" s="71">
        <v>13</v>
      </c>
      <c r="HW30" s="71">
        <v>3</v>
      </c>
      <c r="HX30" s="72">
        <v>72</v>
      </c>
      <c r="HY30" s="73">
        <v>119</v>
      </c>
      <c r="HZ30" s="70">
        <v>52</v>
      </c>
      <c r="IA30" s="71">
        <v>40</v>
      </c>
      <c r="IB30" s="72">
        <v>92</v>
      </c>
      <c r="IC30" s="244"/>
      <c r="ID30" s="71">
        <v>36</v>
      </c>
      <c r="IE30" s="71">
        <v>30</v>
      </c>
      <c r="IF30" s="71">
        <v>19</v>
      </c>
      <c r="IG30" s="71">
        <v>22</v>
      </c>
      <c r="IH30" s="71">
        <v>14</v>
      </c>
      <c r="II30" s="72">
        <v>121</v>
      </c>
      <c r="IJ30" s="73">
        <v>213</v>
      </c>
      <c r="IK30" s="70">
        <v>90</v>
      </c>
      <c r="IL30" s="71">
        <v>72</v>
      </c>
      <c r="IM30" s="72">
        <v>162</v>
      </c>
      <c r="IN30" s="244"/>
      <c r="IO30" s="71">
        <v>69</v>
      </c>
      <c r="IP30" s="71">
        <v>42</v>
      </c>
      <c r="IQ30" s="71">
        <v>41</v>
      </c>
      <c r="IR30" s="71">
        <v>36</v>
      </c>
      <c r="IS30" s="71">
        <v>27</v>
      </c>
      <c r="IT30" s="72">
        <v>215</v>
      </c>
      <c r="IU30" s="73">
        <v>377</v>
      </c>
      <c r="IV30" s="70">
        <v>100</v>
      </c>
      <c r="IW30" s="71">
        <v>90</v>
      </c>
      <c r="IX30" s="72">
        <v>190</v>
      </c>
      <c r="IY30" s="244"/>
      <c r="IZ30" s="71">
        <v>92</v>
      </c>
      <c r="JA30" s="71">
        <v>55</v>
      </c>
      <c r="JB30" s="71">
        <v>54</v>
      </c>
      <c r="JC30" s="71">
        <v>48</v>
      </c>
      <c r="JD30" s="71">
        <v>45</v>
      </c>
      <c r="JE30" s="72">
        <v>294</v>
      </c>
      <c r="JF30" s="73">
        <v>484</v>
      </c>
      <c r="JG30" s="70">
        <v>66</v>
      </c>
      <c r="JH30" s="71">
        <v>77</v>
      </c>
      <c r="JI30" s="72">
        <v>143</v>
      </c>
      <c r="JJ30" s="244"/>
      <c r="JK30" s="71">
        <v>103</v>
      </c>
      <c r="JL30" s="71">
        <v>71</v>
      </c>
      <c r="JM30" s="71">
        <v>77</v>
      </c>
      <c r="JN30" s="71">
        <v>92</v>
      </c>
      <c r="JO30" s="71">
        <v>52</v>
      </c>
      <c r="JP30" s="72">
        <v>395</v>
      </c>
      <c r="JQ30" s="73">
        <v>538</v>
      </c>
      <c r="JR30" s="70">
        <v>4</v>
      </c>
      <c r="JS30" s="71">
        <v>3</v>
      </c>
      <c r="JT30" s="72">
        <v>7</v>
      </c>
      <c r="JU30" s="244"/>
      <c r="JV30" s="71">
        <v>8</v>
      </c>
      <c r="JW30" s="71">
        <v>7</v>
      </c>
      <c r="JX30" s="71">
        <v>8</v>
      </c>
      <c r="JY30" s="71">
        <v>3</v>
      </c>
      <c r="JZ30" s="71">
        <v>5</v>
      </c>
      <c r="KA30" s="72">
        <v>31</v>
      </c>
      <c r="KB30" s="73">
        <v>38</v>
      </c>
      <c r="KC30" s="70">
        <v>342</v>
      </c>
      <c r="KD30" s="71">
        <v>313</v>
      </c>
      <c r="KE30" s="72">
        <v>655</v>
      </c>
      <c r="KF30" s="244"/>
      <c r="KG30" s="71">
        <v>328</v>
      </c>
      <c r="KH30" s="71">
        <v>229</v>
      </c>
      <c r="KI30" s="71">
        <v>220</v>
      </c>
      <c r="KJ30" s="71">
        <v>217</v>
      </c>
      <c r="KK30" s="71">
        <v>148</v>
      </c>
      <c r="KL30" s="72">
        <v>1142</v>
      </c>
      <c r="KM30" s="73">
        <v>1797</v>
      </c>
    </row>
    <row r="31" spans="2:299" ht="21" customHeight="1" x14ac:dyDescent="0.2">
      <c r="B31" s="126" t="s">
        <v>28</v>
      </c>
      <c r="C31" s="313">
        <v>7</v>
      </c>
      <c r="D31" s="82">
        <v>11</v>
      </c>
      <c r="E31" s="83">
        <v>18</v>
      </c>
      <c r="F31" s="241"/>
      <c r="G31" s="82">
        <v>53</v>
      </c>
      <c r="H31" s="82">
        <v>40</v>
      </c>
      <c r="I31" s="82">
        <v>25</v>
      </c>
      <c r="J31" s="82">
        <v>14</v>
      </c>
      <c r="K31" s="82">
        <v>16</v>
      </c>
      <c r="L31" s="84">
        <v>148</v>
      </c>
      <c r="M31" s="85">
        <v>166</v>
      </c>
      <c r="N31" s="70">
        <v>0</v>
      </c>
      <c r="O31" s="71">
        <v>2</v>
      </c>
      <c r="P31" s="72">
        <v>2</v>
      </c>
      <c r="Q31" s="244"/>
      <c r="R31" s="71">
        <v>2</v>
      </c>
      <c r="S31" s="71">
        <v>1</v>
      </c>
      <c r="T31" s="71">
        <v>2</v>
      </c>
      <c r="U31" s="71">
        <v>1</v>
      </c>
      <c r="V31" s="71">
        <v>1</v>
      </c>
      <c r="W31" s="72">
        <v>7</v>
      </c>
      <c r="X31" s="73">
        <v>9</v>
      </c>
      <c r="Y31" s="70">
        <v>0</v>
      </c>
      <c r="Z31" s="71">
        <v>3</v>
      </c>
      <c r="AA31" s="72">
        <v>3</v>
      </c>
      <c r="AB31" s="244"/>
      <c r="AC31" s="71">
        <v>7</v>
      </c>
      <c r="AD31" s="71">
        <v>3</v>
      </c>
      <c r="AE31" s="71">
        <v>6</v>
      </c>
      <c r="AF31" s="71">
        <v>1</v>
      </c>
      <c r="AG31" s="71">
        <v>0</v>
      </c>
      <c r="AH31" s="72">
        <v>17</v>
      </c>
      <c r="AI31" s="73">
        <v>20</v>
      </c>
      <c r="AJ31" s="70">
        <v>1</v>
      </c>
      <c r="AK31" s="71">
        <v>1</v>
      </c>
      <c r="AL31" s="72">
        <v>2</v>
      </c>
      <c r="AM31" s="244"/>
      <c r="AN31" s="71">
        <v>10</v>
      </c>
      <c r="AO31" s="71">
        <v>6</v>
      </c>
      <c r="AP31" s="71">
        <v>4</v>
      </c>
      <c r="AQ31" s="71">
        <v>2</v>
      </c>
      <c r="AR31" s="71">
        <v>3</v>
      </c>
      <c r="AS31" s="72">
        <v>25</v>
      </c>
      <c r="AT31" s="73">
        <v>27</v>
      </c>
      <c r="AU31" s="70">
        <v>2</v>
      </c>
      <c r="AV31" s="71">
        <v>0</v>
      </c>
      <c r="AW31" s="72">
        <v>2</v>
      </c>
      <c r="AX31" s="244"/>
      <c r="AY31" s="71">
        <v>15</v>
      </c>
      <c r="AZ31" s="71">
        <v>12</v>
      </c>
      <c r="BA31" s="71">
        <v>3</v>
      </c>
      <c r="BB31" s="71">
        <v>2</v>
      </c>
      <c r="BC31" s="71">
        <v>1</v>
      </c>
      <c r="BD31" s="72">
        <v>33</v>
      </c>
      <c r="BE31" s="73">
        <v>35</v>
      </c>
      <c r="BF31" s="70">
        <v>3</v>
      </c>
      <c r="BG31" s="71">
        <v>4</v>
      </c>
      <c r="BH31" s="72">
        <v>7</v>
      </c>
      <c r="BI31" s="244"/>
      <c r="BJ31" s="71">
        <v>12</v>
      </c>
      <c r="BK31" s="71">
        <v>7</v>
      </c>
      <c r="BL31" s="71">
        <v>3</v>
      </c>
      <c r="BM31" s="71">
        <v>2</v>
      </c>
      <c r="BN31" s="71">
        <v>4</v>
      </c>
      <c r="BO31" s="72">
        <v>28</v>
      </c>
      <c r="BP31" s="73">
        <v>35</v>
      </c>
      <c r="BQ31" s="70">
        <v>1</v>
      </c>
      <c r="BR31" s="71">
        <v>1</v>
      </c>
      <c r="BS31" s="72">
        <v>2</v>
      </c>
      <c r="BT31" s="244"/>
      <c r="BU31" s="71">
        <v>7</v>
      </c>
      <c r="BV31" s="71">
        <v>11</v>
      </c>
      <c r="BW31" s="71">
        <v>7</v>
      </c>
      <c r="BX31" s="71">
        <v>6</v>
      </c>
      <c r="BY31" s="71">
        <v>7</v>
      </c>
      <c r="BZ31" s="72">
        <v>38</v>
      </c>
      <c r="CA31" s="73">
        <v>40</v>
      </c>
      <c r="CB31" s="70">
        <v>0</v>
      </c>
      <c r="CC31" s="71">
        <v>1</v>
      </c>
      <c r="CD31" s="72">
        <v>1</v>
      </c>
      <c r="CE31" s="244"/>
      <c r="CF31" s="71">
        <v>0</v>
      </c>
      <c r="CG31" s="71">
        <v>4</v>
      </c>
      <c r="CH31" s="71">
        <v>0</v>
      </c>
      <c r="CI31" s="71">
        <v>0</v>
      </c>
      <c r="CJ31" s="71">
        <v>3</v>
      </c>
      <c r="CK31" s="72">
        <v>7</v>
      </c>
      <c r="CL31" s="73">
        <v>8</v>
      </c>
      <c r="CM31" s="70">
        <v>7</v>
      </c>
      <c r="CN31" s="71">
        <v>12</v>
      </c>
      <c r="CO31" s="72">
        <v>19</v>
      </c>
      <c r="CP31" s="244"/>
      <c r="CQ31" s="71">
        <v>53</v>
      </c>
      <c r="CR31" s="71">
        <v>44</v>
      </c>
      <c r="CS31" s="71">
        <v>25</v>
      </c>
      <c r="CT31" s="71">
        <v>14</v>
      </c>
      <c r="CU31" s="71">
        <v>19</v>
      </c>
      <c r="CV31" s="72">
        <v>155</v>
      </c>
      <c r="CW31" s="73">
        <v>174</v>
      </c>
      <c r="CX31" s="123">
        <v>23</v>
      </c>
      <c r="CY31" s="82">
        <v>35</v>
      </c>
      <c r="CZ31" s="83">
        <v>58</v>
      </c>
      <c r="DA31" s="241"/>
      <c r="DB31" s="82">
        <v>47</v>
      </c>
      <c r="DC31" s="82">
        <v>69</v>
      </c>
      <c r="DD31" s="82">
        <v>54</v>
      </c>
      <c r="DE31" s="82">
        <v>56</v>
      </c>
      <c r="DF31" s="82">
        <v>30</v>
      </c>
      <c r="DG31" s="84">
        <v>256</v>
      </c>
      <c r="DH31" s="85">
        <v>314</v>
      </c>
      <c r="DI31" s="70">
        <v>3</v>
      </c>
      <c r="DJ31" s="71">
        <v>0</v>
      </c>
      <c r="DK31" s="72">
        <v>3</v>
      </c>
      <c r="DL31" s="244"/>
      <c r="DM31" s="71">
        <v>1</v>
      </c>
      <c r="DN31" s="71">
        <v>2</v>
      </c>
      <c r="DO31" s="71">
        <v>1</v>
      </c>
      <c r="DP31" s="71">
        <v>0</v>
      </c>
      <c r="DQ31" s="71">
        <v>0</v>
      </c>
      <c r="DR31" s="72">
        <v>4</v>
      </c>
      <c r="DS31" s="73">
        <v>7</v>
      </c>
      <c r="DT31" s="70">
        <v>3</v>
      </c>
      <c r="DU31" s="71">
        <v>6</v>
      </c>
      <c r="DV31" s="72">
        <v>9</v>
      </c>
      <c r="DW31" s="244"/>
      <c r="DX31" s="71">
        <v>1</v>
      </c>
      <c r="DY31" s="71">
        <v>4</v>
      </c>
      <c r="DZ31" s="71">
        <v>1</v>
      </c>
      <c r="EA31" s="71">
        <v>3</v>
      </c>
      <c r="EB31" s="71">
        <v>0</v>
      </c>
      <c r="EC31" s="72">
        <v>9</v>
      </c>
      <c r="ED31" s="73">
        <v>18</v>
      </c>
      <c r="EE31" s="70">
        <v>4</v>
      </c>
      <c r="EF31" s="71">
        <v>5</v>
      </c>
      <c r="EG31" s="72">
        <v>9</v>
      </c>
      <c r="EH31" s="244"/>
      <c r="EI31" s="71">
        <v>8</v>
      </c>
      <c r="EJ31" s="71">
        <v>8</v>
      </c>
      <c r="EK31" s="71">
        <v>8</v>
      </c>
      <c r="EL31" s="71">
        <v>3</v>
      </c>
      <c r="EM31" s="71">
        <v>5</v>
      </c>
      <c r="EN31" s="72">
        <v>32</v>
      </c>
      <c r="EO31" s="73">
        <v>41</v>
      </c>
      <c r="EP31" s="70">
        <v>9</v>
      </c>
      <c r="EQ31" s="71">
        <v>12</v>
      </c>
      <c r="ER31" s="72">
        <v>21</v>
      </c>
      <c r="ES31" s="244"/>
      <c r="ET31" s="71">
        <v>11</v>
      </c>
      <c r="EU31" s="71">
        <v>16</v>
      </c>
      <c r="EV31" s="71">
        <v>12</v>
      </c>
      <c r="EW31" s="71">
        <v>6</v>
      </c>
      <c r="EX31" s="71">
        <v>6</v>
      </c>
      <c r="EY31" s="72">
        <v>51</v>
      </c>
      <c r="EZ31" s="73">
        <v>72</v>
      </c>
      <c r="FA31" s="70">
        <v>4</v>
      </c>
      <c r="FB31" s="71">
        <v>7</v>
      </c>
      <c r="FC31" s="72">
        <v>11</v>
      </c>
      <c r="FD31" s="244"/>
      <c r="FE31" s="71">
        <v>9</v>
      </c>
      <c r="FF31" s="71">
        <v>27</v>
      </c>
      <c r="FG31" s="71">
        <v>9</v>
      </c>
      <c r="FH31" s="71">
        <v>20</v>
      </c>
      <c r="FI31" s="71">
        <v>9</v>
      </c>
      <c r="FJ31" s="72">
        <v>74</v>
      </c>
      <c r="FK31" s="73">
        <v>85</v>
      </c>
      <c r="FL31" s="70">
        <v>0</v>
      </c>
      <c r="FM31" s="71">
        <v>5</v>
      </c>
      <c r="FN31" s="72">
        <v>5</v>
      </c>
      <c r="FO31" s="244"/>
      <c r="FP31" s="71">
        <v>17</v>
      </c>
      <c r="FQ31" s="71">
        <v>12</v>
      </c>
      <c r="FR31" s="71">
        <v>23</v>
      </c>
      <c r="FS31" s="71">
        <v>24</v>
      </c>
      <c r="FT31" s="71">
        <v>10</v>
      </c>
      <c r="FU31" s="72">
        <v>86</v>
      </c>
      <c r="FV31" s="73">
        <v>91</v>
      </c>
      <c r="FW31" s="70">
        <v>1</v>
      </c>
      <c r="FX31" s="71">
        <v>0</v>
      </c>
      <c r="FY31" s="72">
        <v>1</v>
      </c>
      <c r="FZ31" s="244"/>
      <c r="GA31" s="71">
        <v>1</v>
      </c>
      <c r="GB31" s="71">
        <v>1</v>
      </c>
      <c r="GC31" s="71">
        <v>0</v>
      </c>
      <c r="GD31" s="71">
        <v>0</v>
      </c>
      <c r="GE31" s="71">
        <v>2</v>
      </c>
      <c r="GF31" s="72">
        <v>4</v>
      </c>
      <c r="GG31" s="73">
        <v>5</v>
      </c>
      <c r="GH31" s="70">
        <v>24</v>
      </c>
      <c r="GI31" s="71">
        <v>35</v>
      </c>
      <c r="GJ31" s="72">
        <v>59</v>
      </c>
      <c r="GK31" s="244"/>
      <c r="GL31" s="71">
        <v>48</v>
      </c>
      <c r="GM31" s="71">
        <v>70</v>
      </c>
      <c r="GN31" s="71">
        <v>54</v>
      </c>
      <c r="GO31" s="71">
        <v>56</v>
      </c>
      <c r="GP31" s="71">
        <v>32</v>
      </c>
      <c r="GQ31" s="72">
        <v>260</v>
      </c>
      <c r="GR31" s="73">
        <v>319</v>
      </c>
      <c r="GS31" s="123">
        <v>30</v>
      </c>
      <c r="GT31" s="82">
        <v>46</v>
      </c>
      <c r="GU31" s="83">
        <v>76</v>
      </c>
      <c r="GV31" s="241"/>
      <c r="GW31" s="82">
        <v>100</v>
      </c>
      <c r="GX31" s="82">
        <v>109</v>
      </c>
      <c r="GY31" s="82">
        <v>79</v>
      </c>
      <c r="GZ31" s="82">
        <v>70</v>
      </c>
      <c r="HA31" s="82">
        <v>46</v>
      </c>
      <c r="HB31" s="84">
        <v>404</v>
      </c>
      <c r="HC31" s="85">
        <v>480</v>
      </c>
      <c r="HD31" s="70">
        <v>3</v>
      </c>
      <c r="HE31" s="71">
        <v>2</v>
      </c>
      <c r="HF31" s="72">
        <v>5</v>
      </c>
      <c r="HG31" s="244"/>
      <c r="HH31" s="71">
        <v>3</v>
      </c>
      <c r="HI31" s="71">
        <v>3</v>
      </c>
      <c r="HJ31" s="71">
        <v>3</v>
      </c>
      <c r="HK31" s="71">
        <v>1</v>
      </c>
      <c r="HL31" s="71">
        <v>1</v>
      </c>
      <c r="HM31" s="72">
        <v>11</v>
      </c>
      <c r="HN31" s="73">
        <v>16</v>
      </c>
      <c r="HO31" s="70">
        <v>3</v>
      </c>
      <c r="HP31" s="71">
        <v>9</v>
      </c>
      <c r="HQ31" s="72">
        <v>12</v>
      </c>
      <c r="HR31" s="244"/>
      <c r="HS31" s="71">
        <v>8</v>
      </c>
      <c r="HT31" s="71">
        <v>7</v>
      </c>
      <c r="HU31" s="71">
        <v>7</v>
      </c>
      <c r="HV31" s="71">
        <v>4</v>
      </c>
      <c r="HW31" s="71">
        <v>0</v>
      </c>
      <c r="HX31" s="72">
        <v>26</v>
      </c>
      <c r="HY31" s="73">
        <v>38</v>
      </c>
      <c r="HZ31" s="70">
        <v>5</v>
      </c>
      <c r="IA31" s="71">
        <v>6</v>
      </c>
      <c r="IB31" s="72">
        <v>11</v>
      </c>
      <c r="IC31" s="244"/>
      <c r="ID31" s="71">
        <v>18</v>
      </c>
      <c r="IE31" s="71">
        <v>14</v>
      </c>
      <c r="IF31" s="71">
        <v>12</v>
      </c>
      <c r="IG31" s="71">
        <v>5</v>
      </c>
      <c r="IH31" s="71">
        <v>8</v>
      </c>
      <c r="II31" s="72">
        <v>57</v>
      </c>
      <c r="IJ31" s="73">
        <v>68</v>
      </c>
      <c r="IK31" s="70">
        <v>11</v>
      </c>
      <c r="IL31" s="71">
        <v>12</v>
      </c>
      <c r="IM31" s="72">
        <v>23</v>
      </c>
      <c r="IN31" s="244"/>
      <c r="IO31" s="71">
        <v>26</v>
      </c>
      <c r="IP31" s="71">
        <v>28</v>
      </c>
      <c r="IQ31" s="71">
        <v>15</v>
      </c>
      <c r="IR31" s="71">
        <v>8</v>
      </c>
      <c r="IS31" s="71">
        <v>7</v>
      </c>
      <c r="IT31" s="72">
        <v>84</v>
      </c>
      <c r="IU31" s="73">
        <v>107</v>
      </c>
      <c r="IV31" s="70">
        <v>7</v>
      </c>
      <c r="IW31" s="71">
        <v>11</v>
      </c>
      <c r="IX31" s="72">
        <v>18</v>
      </c>
      <c r="IY31" s="244"/>
      <c r="IZ31" s="71">
        <v>21</v>
      </c>
      <c r="JA31" s="71">
        <v>34</v>
      </c>
      <c r="JB31" s="71">
        <v>12</v>
      </c>
      <c r="JC31" s="71">
        <v>22</v>
      </c>
      <c r="JD31" s="71">
        <v>13</v>
      </c>
      <c r="JE31" s="72">
        <v>102</v>
      </c>
      <c r="JF31" s="73">
        <v>120</v>
      </c>
      <c r="JG31" s="70">
        <v>1</v>
      </c>
      <c r="JH31" s="71">
        <v>6</v>
      </c>
      <c r="JI31" s="72">
        <v>7</v>
      </c>
      <c r="JJ31" s="244"/>
      <c r="JK31" s="71">
        <v>24</v>
      </c>
      <c r="JL31" s="71">
        <v>23</v>
      </c>
      <c r="JM31" s="71">
        <v>30</v>
      </c>
      <c r="JN31" s="71">
        <v>30</v>
      </c>
      <c r="JO31" s="71">
        <v>17</v>
      </c>
      <c r="JP31" s="72">
        <v>124</v>
      </c>
      <c r="JQ31" s="73">
        <v>131</v>
      </c>
      <c r="JR31" s="70">
        <v>1</v>
      </c>
      <c r="JS31" s="71">
        <v>1</v>
      </c>
      <c r="JT31" s="72">
        <v>2</v>
      </c>
      <c r="JU31" s="244"/>
      <c r="JV31" s="71">
        <v>1</v>
      </c>
      <c r="JW31" s="71">
        <v>5</v>
      </c>
      <c r="JX31" s="71">
        <v>0</v>
      </c>
      <c r="JY31" s="71">
        <v>0</v>
      </c>
      <c r="JZ31" s="71">
        <v>5</v>
      </c>
      <c r="KA31" s="72">
        <v>11</v>
      </c>
      <c r="KB31" s="73">
        <v>13</v>
      </c>
      <c r="KC31" s="70">
        <v>31</v>
      </c>
      <c r="KD31" s="71">
        <v>47</v>
      </c>
      <c r="KE31" s="72">
        <v>78</v>
      </c>
      <c r="KF31" s="244"/>
      <c r="KG31" s="71">
        <v>101</v>
      </c>
      <c r="KH31" s="71">
        <v>114</v>
      </c>
      <c r="KI31" s="71">
        <v>79</v>
      </c>
      <c r="KJ31" s="71">
        <v>70</v>
      </c>
      <c r="KK31" s="71">
        <v>51</v>
      </c>
      <c r="KL31" s="72">
        <v>415</v>
      </c>
      <c r="KM31" s="73">
        <v>493</v>
      </c>
    </row>
    <row r="32" spans="2:299" ht="21" customHeight="1" x14ac:dyDescent="0.2">
      <c r="B32" s="126" t="s">
        <v>29</v>
      </c>
      <c r="C32" s="313">
        <v>27</v>
      </c>
      <c r="D32" s="82">
        <v>27</v>
      </c>
      <c r="E32" s="83">
        <v>54</v>
      </c>
      <c r="F32" s="241"/>
      <c r="G32" s="82">
        <v>46</v>
      </c>
      <c r="H32" s="82">
        <v>45</v>
      </c>
      <c r="I32" s="82">
        <v>47</v>
      </c>
      <c r="J32" s="82">
        <v>36</v>
      </c>
      <c r="K32" s="82">
        <v>18</v>
      </c>
      <c r="L32" s="84">
        <v>192</v>
      </c>
      <c r="M32" s="85">
        <v>246</v>
      </c>
      <c r="N32" s="70">
        <v>2</v>
      </c>
      <c r="O32" s="71">
        <v>0</v>
      </c>
      <c r="P32" s="72">
        <v>2</v>
      </c>
      <c r="Q32" s="244"/>
      <c r="R32" s="71">
        <v>4</v>
      </c>
      <c r="S32" s="71">
        <v>0</v>
      </c>
      <c r="T32" s="71">
        <v>4</v>
      </c>
      <c r="U32" s="71">
        <v>1</v>
      </c>
      <c r="V32" s="71">
        <v>1</v>
      </c>
      <c r="W32" s="72">
        <v>10</v>
      </c>
      <c r="X32" s="73">
        <v>12</v>
      </c>
      <c r="Y32" s="70">
        <v>4</v>
      </c>
      <c r="Z32" s="71">
        <v>5</v>
      </c>
      <c r="AA32" s="72">
        <v>9</v>
      </c>
      <c r="AB32" s="244"/>
      <c r="AC32" s="71">
        <v>9</v>
      </c>
      <c r="AD32" s="71">
        <v>4</v>
      </c>
      <c r="AE32" s="71">
        <v>6</v>
      </c>
      <c r="AF32" s="71">
        <v>3</v>
      </c>
      <c r="AG32" s="71">
        <v>1</v>
      </c>
      <c r="AH32" s="72">
        <v>23</v>
      </c>
      <c r="AI32" s="73">
        <v>32</v>
      </c>
      <c r="AJ32" s="70">
        <v>4</v>
      </c>
      <c r="AK32" s="71">
        <v>3</v>
      </c>
      <c r="AL32" s="72">
        <v>7</v>
      </c>
      <c r="AM32" s="244"/>
      <c r="AN32" s="71">
        <v>10</v>
      </c>
      <c r="AO32" s="71">
        <v>12</v>
      </c>
      <c r="AP32" s="71">
        <v>9</v>
      </c>
      <c r="AQ32" s="71">
        <v>6</v>
      </c>
      <c r="AR32" s="71">
        <v>1</v>
      </c>
      <c r="AS32" s="72">
        <v>38</v>
      </c>
      <c r="AT32" s="73">
        <v>45</v>
      </c>
      <c r="AU32" s="70">
        <v>7</v>
      </c>
      <c r="AV32" s="71">
        <v>8</v>
      </c>
      <c r="AW32" s="72">
        <v>15</v>
      </c>
      <c r="AX32" s="244"/>
      <c r="AY32" s="71">
        <v>5</v>
      </c>
      <c r="AZ32" s="71">
        <v>9</v>
      </c>
      <c r="BA32" s="71">
        <v>9</v>
      </c>
      <c r="BB32" s="71">
        <v>8</v>
      </c>
      <c r="BC32" s="71">
        <v>7</v>
      </c>
      <c r="BD32" s="72">
        <v>38</v>
      </c>
      <c r="BE32" s="73">
        <v>53</v>
      </c>
      <c r="BF32" s="70">
        <v>5</v>
      </c>
      <c r="BG32" s="71">
        <v>8</v>
      </c>
      <c r="BH32" s="72">
        <v>13</v>
      </c>
      <c r="BI32" s="244"/>
      <c r="BJ32" s="71">
        <v>13</v>
      </c>
      <c r="BK32" s="71">
        <v>7</v>
      </c>
      <c r="BL32" s="71">
        <v>10</v>
      </c>
      <c r="BM32" s="71">
        <v>11</v>
      </c>
      <c r="BN32" s="71">
        <v>5</v>
      </c>
      <c r="BO32" s="72">
        <v>46</v>
      </c>
      <c r="BP32" s="73">
        <v>59</v>
      </c>
      <c r="BQ32" s="70">
        <v>5</v>
      </c>
      <c r="BR32" s="71">
        <v>3</v>
      </c>
      <c r="BS32" s="72">
        <v>8</v>
      </c>
      <c r="BT32" s="244"/>
      <c r="BU32" s="71">
        <v>5</v>
      </c>
      <c r="BV32" s="71">
        <v>13</v>
      </c>
      <c r="BW32" s="71">
        <v>9</v>
      </c>
      <c r="BX32" s="71">
        <v>7</v>
      </c>
      <c r="BY32" s="71">
        <v>3</v>
      </c>
      <c r="BZ32" s="72">
        <v>37</v>
      </c>
      <c r="CA32" s="73">
        <v>45</v>
      </c>
      <c r="CB32" s="70">
        <v>2</v>
      </c>
      <c r="CC32" s="71">
        <v>1</v>
      </c>
      <c r="CD32" s="72">
        <v>3</v>
      </c>
      <c r="CE32" s="244"/>
      <c r="CF32" s="71">
        <v>3</v>
      </c>
      <c r="CG32" s="71">
        <v>5</v>
      </c>
      <c r="CH32" s="71">
        <v>1</v>
      </c>
      <c r="CI32" s="71">
        <v>1</v>
      </c>
      <c r="CJ32" s="71">
        <v>0</v>
      </c>
      <c r="CK32" s="72">
        <v>10</v>
      </c>
      <c r="CL32" s="73">
        <v>13</v>
      </c>
      <c r="CM32" s="70">
        <v>29</v>
      </c>
      <c r="CN32" s="71">
        <v>28</v>
      </c>
      <c r="CO32" s="72">
        <v>57</v>
      </c>
      <c r="CP32" s="244"/>
      <c r="CQ32" s="71">
        <v>49</v>
      </c>
      <c r="CR32" s="71">
        <v>50</v>
      </c>
      <c r="CS32" s="71">
        <v>48</v>
      </c>
      <c r="CT32" s="71">
        <v>37</v>
      </c>
      <c r="CU32" s="71">
        <v>18</v>
      </c>
      <c r="CV32" s="72">
        <v>202</v>
      </c>
      <c r="CW32" s="73">
        <v>259</v>
      </c>
      <c r="CX32" s="123">
        <v>46</v>
      </c>
      <c r="CY32" s="82">
        <v>48</v>
      </c>
      <c r="CZ32" s="83">
        <v>94</v>
      </c>
      <c r="DA32" s="241"/>
      <c r="DB32" s="82">
        <v>97</v>
      </c>
      <c r="DC32" s="82">
        <v>82</v>
      </c>
      <c r="DD32" s="82">
        <v>73</v>
      </c>
      <c r="DE32" s="82">
        <v>71</v>
      </c>
      <c r="DF32" s="82">
        <v>50</v>
      </c>
      <c r="DG32" s="84">
        <v>373</v>
      </c>
      <c r="DH32" s="85">
        <v>467</v>
      </c>
      <c r="DI32" s="70">
        <v>2</v>
      </c>
      <c r="DJ32" s="71">
        <v>3</v>
      </c>
      <c r="DK32" s="72">
        <v>5</v>
      </c>
      <c r="DL32" s="244"/>
      <c r="DM32" s="71">
        <v>3</v>
      </c>
      <c r="DN32" s="71">
        <v>2</v>
      </c>
      <c r="DO32" s="71">
        <v>1</v>
      </c>
      <c r="DP32" s="71">
        <v>0</v>
      </c>
      <c r="DQ32" s="71">
        <v>3</v>
      </c>
      <c r="DR32" s="72">
        <v>9</v>
      </c>
      <c r="DS32" s="73">
        <v>14</v>
      </c>
      <c r="DT32" s="70">
        <v>2</v>
      </c>
      <c r="DU32" s="71">
        <v>4</v>
      </c>
      <c r="DV32" s="72">
        <v>6</v>
      </c>
      <c r="DW32" s="244"/>
      <c r="DX32" s="71">
        <v>8</v>
      </c>
      <c r="DY32" s="71">
        <v>5</v>
      </c>
      <c r="DZ32" s="71">
        <v>3</v>
      </c>
      <c r="EA32" s="71">
        <v>2</v>
      </c>
      <c r="EB32" s="71">
        <v>2</v>
      </c>
      <c r="EC32" s="72">
        <v>20</v>
      </c>
      <c r="ED32" s="73">
        <v>26</v>
      </c>
      <c r="EE32" s="70">
        <v>9</v>
      </c>
      <c r="EF32" s="71">
        <v>4</v>
      </c>
      <c r="EG32" s="72">
        <v>13</v>
      </c>
      <c r="EH32" s="244"/>
      <c r="EI32" s="71">
        <v>10</v>
      </c>
      <c r="EJ32" s="71">
        <v>7</v>
      </c>
      <c r="EK32" s="71">
        <v>3</v>
      </c>
      <c r="EL32" s="71">
        <v>4</v>
      </c>
      <c r="EM32" s="71">
        <v>3</v>
      </c>
      <c r="EN32" s="72">
        <v>27</v>
      </c>
      <c r="EO32" s="73">
        <v>40</v>
      </c>
      <c r="EP32" s="70">
        <v>13</v>
      </c>
      <c r="EQ32" s="71">
        <v>16</v>
      </c>
      <c r="ER32" s="72">
        <v>29</v>
      </c>
      <c r="ES32" s="244"/>
      <c r="ET32" s="71">
        <v>25</v>
      </c>
      <c r="EU32" s="71">
        <v>23</v>
      </c>
      <c r="EV32" s="71">
        <v>17</v>
      </c>
      <c r="EW32" s="71">
        <v>12</v>
      </c>
      <c r="EX32" s="71">
        <v>9</v>
      </c>
      <c r="EY32" s="72">
        <v>86</v>
      </c>
      <c r="EZ32" s="73">
        <v>115</v>
      </c>
      <c r="FA32" s="70">
        <v>16</v>
      </c>
      <c r="FB32" s="71">
        <v>10</v>
      </c>
      <c r="FC32" s="72">
        <v>26</v>
      </c>
      <c r="FD32" s="244"/>
      <c r="FE32" s="71">
        <v>27</v>
      </c>
      <c r="FF32" s="71">
        <v>19</v>
      </c>
      <c r="FG32" s="71">
        <v>21</v>
      </c>
      <c r="FH32" s="71">
        <v>20</v>
      </c>
      <c r="FI32" s="71">
        <v>16</v>
      </c>
      <c r="FJ32" s="72">
        <v>103</v>
      </c>
      <c r="FK32" s="73">
        <v>129</v>
      </c>
      <c r="FL32" s="70">
        <v>4</v>
      </c>
      <c r="FM32" s="71">
        <v>11</v>
      </c>
      <c r="FN32" s="72">
        <v>15</v>
      </c>
      <c r="FO32" s="244"/>
      <c r="FP32" s="71">
        <v>24</v>
      </c>
      <c r="FQ32" s="71">
        <v>26</v>
      </c>
      <c r="FR32" s="71">
        <v>28</v>
      </c>
      <c r="FS32" s="71">
        <v>33</v>
      </c>
      <c r="FT32" s="71">
        <v>17</v>
      </c>
      <c r="FU32" s="72">
        <v>128</v>
      </c>
      <c r="FV32" s="73">
        <v>143</v>
      </c>
      <c r="FW32" s="70">
        <v>0</v>
      </c>
      <c r="FX32" s="71">
        <v>2</v>
      </c>
      <c r="FY32" s="72">
        <v>2</v>
      </c>
      <c r="FZ32" s="244"/>
      <c r="GA32" s="71">
        <v>1</v>
      </c>
      <c r="GB32" s="71">
        <v>1</v>
      </c>
      <c r="GC32" s="71">
        <v>2</v>
      </c>
      <c r="GD32" s="71">
        <v>0</v>
      </c>
      <c r="GE32" s="71">
        <v>0</v>
      </c>
      <c r="GF32" s="72">
        <v>4</v>
      </c>
      <c r="GG32" s="73">
        <v>6</v>
      </c>
      <c r="GH32" s="70">
        <v>46</v>
      </c>
      <c r="GI32" s="71">
        <v>50</v>
      </c>
      <c r="GJ32" s="72">
        <v>96</v>
      </c>
      <c r="GK32" s="244"/>
      <c r="GL32" s="71">
        <v>98</v>
      </c>
      <c r="GM32" s="71">
        <v>83</v>
      </c>
      <c r="GN32" s="71">
        <v>75</v>
      </c>
      <c r="GO32" s="71">
        <v>71</v>
      </c>
      <c r="GP32" s="71">
        <v>50</v>
      </c>
      <c r="GQ32" s="72">
        <v>377</v>
      </c>
      <c r="GR32" s="73">
        <v>473</v>
      </c>
      <c r="GS32" s="123">
        <v>73</v>
      </c>
      <c r="GT32" s="82">
        <v>75</v>
      </c>
      <c r="GU32" s="83">
        <v>148</v>
      </c>
      <c r="GV32" s="241"/>
      <c r="GW32" s="82">
        <v>143</v>
      </c>
      <c r="GX32" s="82">
        <v>127</v>
      </c>
      <c r="GY32" s="82">
        <v>120</v>
      </c>
      <c r="GZ32" s="82">
        <v>107</v>
      </c>
      <c r="HA32" s="82">
        <v>68</v>
      </c>
      <c r="HB32" s="84">
        <v>565</v>
      </c>
      <c r="HC32" s="85">
        <v>713</v>
      </c>
      <c r="HD32" s="70">
        <v>4</v>
      </c>
      <c r="HE32" s="71">
        <v>3</v>
      </c>
      <c r="HF32" s="72">
        <v>7</v>
      </c>
      <c r="HG32" s="244"/>
      <c r="HH32" s="71">
        <v>7</v>
      </c>
      <c r="HI32" s="71">
        <v>2</v>
      </c>
      <c r="HJ32" s="71">
        <v>5</v>
      </c>
      <c r="HK32" s="71">
        <v>1</v>
      </c>
      <c r="HL32" s="71">
        <v>4</v>
      </c>
      <c r="HM32" s="72">
        <v>19</v>
      </c>
      <c r="HN32" s="73">
        <v>26</v>
      </c>
      <c r="HO32" s="70">
        <v>6</v>
      </c>
      <c r="HP32" s="71">
        <v>9</v>
      </c>
      <c r="HQ32" s="72">
        <v>15</v>
      </c>
      <c r="HR32" s="244"/>
      <c r="HS32" s="71">
        <v>17</v>
      </c>
      <c r="HT32" s="71">
        <v>9</v>
      </c>
      <c r="HU32" s="71">
        <v>9</v>
      </c>
      <c r="HV32" s="71">
        <v>5</v>
      </c>
      <c r="HW32" s="71">
        <v>3</v>
      </c>
      <c r="HX32" s="72">
        <v>43</v>
      </c>
      <c r="HY32" s="73">
        <v>58</v>
      </c>
      <c r="HZ32" s="70">
        <v>13</v>
      </c>
      <c r="IA32" s="71">
        <v>7</v>
      </c>
      <c r="IB32" s="72">
        <v>20</v>
      </c>
      <c r="IC32" s="244"/>
      <c r="ID32" s="71">
        <v>20</v>
      </c>
      <c r="IE32" s="71">
        <v>19</v>
      </c>
      <c r="IF32" s="71">
        <v>12</v>
      </c>
      <c r="IG32" s="71">
        <v>10</v>
      </c>
      <c r="IH32" s="71">
        <v>4</v>
      </c>
      <c r="II32" s="72">
        <v>65</v>
      </c>
      <c r="IJ32" s="73">
        <v>85</v>
      </c>
      <c r="IK32" s="70">
        <v>20</v>
      </c>
      <c r="IL32" s="71">
        <v>24</v>
      </c>
      <c r="IM32" s="72">
        <v>44</v>
      </c>
      <c r="IN32" s="244"/>
      <c r="IO32" s="71">
        <v>30</v>
      </c>
      <c r="IP32" s="71">
        <v>32</v>
      </c>
      <c r="IQ32" s="71">
        <v>26</v>
      </c>
      <c r="IR32" s="71">
        <v>20</v>
      </c>
      <c r="IS32" s="71">
        <v>16</v>
      </c>
      <c r="IT32" s="72">
        <v>124</v>
      </c>
      <c r="IU32" s="73">
        <v>168</v>
      </c>
      <c r="IV32" s="70">
        <v>21</v>
      </c>
      <c r="IW32" s="71">
        <v>18</v>
      </c>
      <c r="IX32" s="72">
        <v>39</v>
      </c>
      <c r="IY32" s="244"/>
      <c r="IZ32" s="71">
        <v>40</v>
      </c>
      <c r="JA32" s="71">
        <v>26</v>
      </c>
      <c r="JB32" s="71">
        <v>31</v>
      </c>
      <c r="JC32" s="71">
        <v>31</v>
      </c>
      <c r="JD32" s="71">
        <v>21</v>
      </c>
      <c r="JE32" s="72">
        <v>149</v>
      </c>
      <c r="JF32" s="73">
        <v>188</v>
      </c>
      <c r="JG32" s="70">
        <v>9</v>
      </c>
      <c r="JH32" s="71">
        <v>14</v>
      </c>
      <c r="JI32" s="72">
        <v>23</v>
      </c>
      <c r="JJ32" s="244"/>
      <c r="JK32" s="71">
        <v>29</v>
      </c>
      <c r="JL32" s="71">
        <v>39</v>
      </c>
      <c r="JM32" s="71">
        <v>37</v>
      </c>
      <c r="JN32" s="71">
        <v>40</v>
      </c>
      <c r="JO32" s="71">
        <v>20</v>
      </c>
      <c r="JP32" s="72">
        <v>165</v>
      </c>
      <c r="JQ32" s="73">
        <v>188</v>
      </c>
      <c r="JR32" s="70">
        <v>2</v>
      </c>
      <c r="JS32" s="71">
        <v>3</v>
      </c>
      <c r="JT32" s="72">
        <v>5</v>
      </c>
      <c r="JU32" s="244"/>
      <c r="JV32" s="71">
        <v>4</v>
      </c>
      <c r="JW32" s="71">
        <v>6</v>
      </c>
      <c r="JX32" s="71">
        <v>3</v>
      </c>
      <c r="JY32" s="71">
        <v>1</v>
      </c>
      <c r="JZ32" s="71">
        <v>0</v>
      </c>
      <c r="KA32" s="72">
        <v>14</v>
      </c>
      <c r="KB32" s="73">
        <v>19</v>
      </c>
      <c r="KC32" s="70">
        <v>75</v>
      </c>
      <c r="KD32" s="71">
        <v>78</v>
      </c>
      <c r="KE32" s="72">
        <v>153</v>
      </c>
      <c r="KF32" s="244"/>
      <c r="KG32" s="71">
        <v>147</v>
      </c>
      <c r="KH32" s="71">
        <v>133</v>
      </c>
      <c r="KI32" s="71">
        <v>123</v>
      </c>
      <c r="KJ32" s="71">
        <v>108</v>
      </c>
      <c r="KK32" s="71">
        <v>68</v>
      </c>
      <c r="KL32" s="72">
        <v>579</v>
      </c>
      <c r="KM32" s="73">
        <v>732</v>
      </c>
    </row>
    <row r="33" spans="2:299" ht="21" customHeight="1" x14ac:dyDescent="0.2">
      <c r="B33" s="126" t="s">
        <v>30</v>
      </c>
      <c r="C33" s="313">
        <v>23</v>
      </c>
      <c r="D33" s="82">
        <v>16</v>
      </c>
      <c r="E33" s="83">
        <v>39</v>
      </c>
      <c r="F33" s="241"/>
      <c r="G33" s="82">
        <v>31</v>
      </c>
      <c r="H33" s="82">
        <v>29</v>
      </c>
      <c r="I33" s="82">
        <v>24</v>
      </c>
      <c r="J33" s="82">
        <v>32</v>
      </c>
      <c r="K33" s="82">
        <v>9</v>
      </c>
      <c r="L33" s="84">
        <v>125</v>
      </c>
      <c r="M33" s="85">
        <v>164</v>
      </c>
      <c r="N33" s="70">
        <v>3</v>
      </c>
      <c r="O33" s="71">
        <v>1</v>
      </c>
      <c r="P33" s="72">
        <v>4</v>
      </c>
      <c r="Q33" s="244"/>
      <c r="R33" s="71">
        <v>1</v>
      </c>
      <c r="S33" s="71">
        <v>2</v>
      </c>
      <c r="T33" s="71">
        <v>2</v>
      </c>
      <c r="U33" s="71">
        <v>2</v>
      </c>
      <c r="V33" s="71">
        <v>0</v>
      </c>
      <c r="W33" s="72">
        <v>7</v>
      </c>
      <c r="X33" s="73">
        <v>11</v>
      </c>
      <c r="Y33" s="70">
        <v>4</v>
      </c>
      <c r="Z33" s="71">
        <v>2</v>
      </c>
      <c r="AA33" s="72">
        <v>6</v>
      </c>
      <c r="AB33" s="244"/>
      <c r="AC33" s="71">
        <v>5</v>
      </c>
      <c r="AD33" s="71">
        <v>6</v>
      </c>
      <c r="AE33" s="71">
        <v>0</v>
      </c>
      <c r="AF33" s="71">
        <v>5</v>
      </c>
      <c r="AG33" s="71">
        <v>1</v>
      </c>
      <c r="AH33" s="72">
        <v>17</v>
      </c>
      <c r="AI33" s="73">
        <v>23</v>
      </c>
      <c r="AJ33" s="70">
        <v>3</v>
      </c>
      <c r="AK33" s="71">
        <v>2</v>
      </c>
      <c r="AL33" s="72">
        <v>5</v>
      </c>
      <c r="AM33" s="244"/>
      <c r="AN33" s="71">
        <v>1</v>
      </c>
      <c r="AO33" s="71">
        <v>5</v>
      </c>
      <c r="AP33" s="71">
        <v>4</v>
      </c>
      <c r="AQ33" s="71">
        <v>4</v>
      </c>
      <c r="AR33" s="71">
        <v>0</v>
      </c>
      <c r="AS33" s="72">
        <v>14</v>
      </c>
      <c r="AT33" s="73">
        <v>19</v>
      </c>
      <c r="AU33" s="70">
        <v>3</v>
      </c>
      <c r="AV33" s="71">
        <v>5</v>
      </c>
      <c r="AW33" s="72">
        <v>8</v>
      </c>
      <c r="AX33" s="244"/>
      <c r="AY33" s="71">
        <v>9</v>
      </c>
      <c r="AZ33" s="71">
        <v>7</v>
      </c>
      <c r="BA33" s="71">
        <v>4</v>
      </c>
      <c r="BB33" s="71">
        <v>6</v>
      </c>
      <c r="BC33" s="71">
        <v>3</v>
      </c>
      <c r="BD33" s="72">
        <v>29</v>
      </c>
      <c r="BE33" s="73">
        <v>37</v>
      </c>
      <c r="BF33" s="70">
        <v>7</v>
      </c>
      <c r="BG33" s="71">
        <v>1</v>
      </c>
      <c r="BH33" s="72">
        <v>8</v>
      </c>
      <c r="BI33" s="244"/>
      <c r="BJ33" s="71">
        <v>8</v>
      </c>
      <c r="BK33" s="71">
        <v>4</v>
      </c>
      <c r="BL33" s="71">
        <v>8</v>
      </c>
      <c r="BM33" s="71">
        <v>8</v>
      </c>
      <c r="BN33" s="71">
        <v>2</v>
      </c>
      <c r="BO33" s="72">
        <v>30</v>
      </c>
      <c r="BP33" s="73">
        <v>38</v>
      </c>
      <c r="BQ33" s="70">
        <v>3</v>
      </c>
      <c r="BR33" s="71">
        <v>5</v>
      </c>
      <c r="BS33" s="72">
        <v>8</v>
      </c>
      <c r="BT33" s="244"/>
      <c r="BU33" s="71">
        <v>7</v>
      </c>
      <c r="BV33" s="71">
        <v>5</v>
      </c>
      <c r="BW33" s="71">
        <v>6</v>
      </c>
      <c r="BX33" s="71">
        <v>7</v>
      </c>
      <c r="BY33" s="71">
        <v>3</v>
      </c>
      <c r="BZ33" s="72">
        <v>28</v>
      </c>
      <c r="CA33" s="73">
        <v>36</v>
      </c>
      <c r="CB33" s="70">
        <v>0</v>
      </c>
      <c r="CC33" s="71">
        <v>0</v>
      </c>
      <c r="CD33" s="72">
        <v>0</v>
      </c>
      <c r="CE33" s="244"/>
      <c r="CF33" s="71">
        <v>2</v>
      </c>
      <c r="CG33" s="71">
        <v>0</v>
      </c>
      <c r="CH33" s="71">
        <v>3</v>
      </c>
      <c r="CI33" s="71">
        <v>1</v>
      </c>
      <c r="CJ33" s="71">
        <v>2</v>
      </c>
      <c r="CK33" s="72">
        <v>8</v>
      </c>
      <c r="CL33" s="73">
        <v>8</v>
      </c>
      <c r="CM33" s="70">
        <v>23</v>
      </c>
      <c r="CN33" s="71">
        <v>16</v>
      </c>
      <c r="CO33" s="72">
        <v>39</v>
      </c>
      <c r="CP33" s="244"/>
      <c r="CQ33" s="71">
        <v>33</v>
      </c>
      <c r="CR33" s="71">
        <v>29</v>
      </c>
      <c r="CS33" s="71">
        <v>27</v>
      </c>
      <c r="CT33" s="71">
        <v>33</v>
      </c>
      <c r="CU33" s="71">
        <v>11</v>
      </c>
      <c r="CV33" s="72">
        <v>133</v>
      </c>
      <c r="CW33" s="73">
        <v>172</v>
      </c>
      <c r="CX33" s="123">
        <v>46</v>
      </c>
      <c r="CY33" s="82">
        <v>39</v>
      </c>
      <c r="CZ33" s="83">
        <v>85</v>
      </c>
      <c r="DA33" s="241"/>
      <c r="DB33" s="82">
        <v>89</v>
      </c>
      <c r="DC33" s="82">
        <v>60</v>
      </c>
      <c r="DD33" s="82">
        <v>87</v>
      </c>
      <c r="DE33" s="82">
        <v>73</v>
      </c>
      <c r="DF33" s="82">
        <v>33</v>
      </c>
      <c r="DG33" s="84">
        <v>342</v>
      </c>
      <c r="DH33" s="85">
        <v>427</v>
      </c>
      <c r="DI33" s="70">
        <v>1</v>
      </c>
      <c r="DJ33" s="71">
        <v>0</v>
      </c>
      <c r="DK33" s="72">
        <v>1</v>
      </c>
      <c r="DL33" s="244"/>
      <c r="DM33" s="71">
        <v>1</v>
      </c>
      <c r="DN33" s="71">
        <v>0</v>
      </c>
      <c r="DO33" s="71">
        <v>2</v>
      </c>
      <c r="DP33" s="71">
        <v>1</v>
      </c>
      <c r="DQ33" s="71">
        <v>2</v>
      </c>
      <c r="DR33" s="72">
        <v>6</v>
      </c>
      <c r="DS33" s="73">
        <v>7</v>
      </c>
      <c r="DT33" s="70">
        <v>4</v>
      </c>
      <c r="DU33" s="71">
        <v>2</v>
      </c>
      <c r="DV33" s="72">
        <v>6</v>
      </c>
      <c r="DW33" s="244"/>
      <c r="DX33" s="71">
        <v>0</v>
      </c>
      <c r="DY33" s="71">
        <v>5</v>
      </c>
      <c r="DZ33" s="71">
        <v>2</v>
      </c>
      <c r="EA33" s="71">
        <v>4</v>
      </c>
      <c r="EB33" s="71">
        <v>3</v>
      </c>
      <c r="EC33" s="72">
        <v>14</v>
      </c>
      <c r="ED33" s="73">
        <v>20</v>
      </c>
      <c r="EE33" s="70">
        <v>10</v>
      </c>
      <c r="EF33" s="71">
        <v>2</v>
      </c>
      <c r="EG33" s="72">
        <v>12</v>
      </c>
      <c r="EH33" s="244"/>
      <c r="EI33" s="71">
        <v>14</v>
      </c>
      <c r="EJ33" s="71">
        <v>5</v>
      </c>
      <c r="EK33" s="71">
        <v>12</v>
      </c>
      <c r="EL33" s="71">
        <v>3</v>
      </c>
      <c r="EM33" s="71">
        <v>2</v>
      </c>
      <c r="EN33" s="72">
        <v>36</v>
      </c>
      <c r="EO33" s="73">
        <v>48</v>
      </c>
      <c r="EP33" s="70">
        <v>12</v>
      </c>
      <c r="EQ33" s="71">
        <v>8</v>
      </c>
      <c r="ER33" s="72">
        <v>20</v>
      </c>
      <c r="ES33" s="244"/>
      <c r="ET33" s="71">
        <v>27</v>
      </c>
      <c r="EU33" s="71">
        <v>13</v>
      </c>
      <c r="EV33" s="71">
        <v>13</v>
      </c>
      <c r="EW33" s="71">
        <v>9</v>
      </c>
      <c r="EX33" s="71">
        <v>7</v>
      </c>
      <c r="EY33" s="72">
        <v>69</v>
      </c>
      <c r="EZ33" s="73">
        <v>89</v>
      </c>
      <c r="FA33" s="70">
        <v>11</v>
      </c>
      <c r="FB33" s="71">
        <v>14</v>
      </c>
      <c r="FC33" s="72">
        <v>25</v>
      </c>
      <c r="FD33" s="244"/>
      <c r="FE33" s="71">
        <v>28</v>
      </c>
      <c r="FF33" s="71">
        <v>17</v>
      </c>
      <c r="FG33" s="71">
        <v>18</v>
      </c>
      <c r="FH33" s="71">
        <v>17</v>
      </c>
      <c r="FI33" s="71">
        <v>9</v>
      </c>
      <c r="FJ33" s="72">
        <v>89</v>
      </c>
      <c r="FK33" s="73">
        <v>114</v>
      </c>
      <c r="FL33" s="70">
        <v>8</v>
      </c>
      <c r="FM33" s="71">
        <v>13</v>
      </c>
      <c r="FN33" s="72">
        <v>21</v>
      </c>
      <c r="FO33" s="244"/>
      <c r="FP33" s="71">
        <v>19</v>
      </c>
      <c r="FQ33" s="71">
        <v>20</v>
      </c>
      <c r="FR33" s="71">
        <v>40</v>
      </c>
      <c r="FS33" s="71">
        <v>39</v>
      </c>
      <c r="FT33" s="71">
        <v>10</v>
      </c>
      <c r="FU33" s="72">
        <v>128</v>
      </c>
      <c r="FV33" s="73">
        <v>149</v>
      </c>
      <c r="FW33" s="70">
        <v>0</v>
      </c>
      <c r="FX33" s="71">
        <v>0</v>
      </c>
      <c r="FY33" s="72">
        <v>0</v>
      </c>
      <c r="FZ33" s="244"/>
      <c r="GA33" s="71">
        <v>2</v>
      </c>
      <c r="GB33" s="71">
        <v>0</v>
      </c>
      <c r="GC33" s="71">
        <v>1</v>
      </c>
      <c r="GD33" s="71">
        <v>1</v>
      </c>
      <c r="GE33" s="71">
        <v>2</v>
      </c>
      <c r="GF33" s="72">
        <v>6</v>
      </c>
      <c r="GG33" s="73">
        <v>6</v>
      </c>
      <c r="GH33" s="70">
        <v>46</v>
      </c>
      <c r="GI33" s="71">
        <v>39</v>
      </c>
      <c r="GJ33" s="72">
        <v>85</v>
      </c>
      <c r="GK33" s="244"/>
      <c r="GL33" s="71">
        <v>91</v>
      </c>
      <c r="GM33" s="71">
        <v>60</v>
      </c>
      <c r="GN33" s="71">
        <v>88</v>
      </c>
      <c r="GO33" s="71">
        <v>74</v>
      </c>
      <c r="GP33" s="71">
        <v>35</v>
      </c>
      <c r="GQ33" s="72">
        <v>348</v>
      </c>
      <c r="GR33" s="73">
        <v>433</v>
      </c>
      <c r="GS33" s="123">
        <v>69</v>
      </c>
      <c r="GT33" s="82">
        <v>55</v>
      </c>
      <c r="GU33" s="83">
        <v>124</v>
      </c>
      <c r="GV33" s="241"/>
      <c r="GW33" s="82">
        <v>120</v>
      </c>
      <c r="GX33" s="82">
        <v>89</v>
      </c>
      <c r="GY33" s="82">
        <v>111</v>
      </c>
      <c r="GZ33" s="82">
        <v>105</v>
      </c>
      <c r="HA33" s="82">
        <v>42</v>
      </c>
      <c r="HB33" s="84">
        <v>467</v>
      </c>
      <c r="HC33" s="85">
        <v>591</v>
      </c>
      <c r="HD33" s="70">
        <v>4</v>
      </c>
      <c r="HE33" s="71">
        <v>1</v>
      </c>
      <c r="HF33" s="72">
        <v>5</v>
      </c>
      <c r="HG33" s="244"/>
      <c r="HH33" s="71">
        <v>2</v>
      </c>
      <c r="HI33" s="71">
        <v>2</v>
      </c>
      <c r="HJ33" s="71">
        <v>4</v>
      </c>
      <c r="HK33" s="71">
        <v>3</v>
      </c>
      <c r="HL33" s="71">
        <v>2</v>
      </c>
      <c r="HM33" s="72">
        <v>13</v>
      </c>
      <c r="HN33" s="73">
        <v>18</v>
      </c>
      <c r="HO33" s="70">
        <v>8</v>
      </c>
      <c r="HP33" s="71">
        <v>4</v>
      </c>
      <c r="HQ33" s="72">
        <v>12</v>
      </c>
      <c r="HR33" s="244"/>
      <c r="HS33" s="71">
        <v>5</v>
      </c>
      <c r="HT33" s="71">
        <v>11</v>
      </c>
      <c r="HU33" s="71">
        <v>2</v>
      </c>
      <c r="HV33" s="71">
        <v>9</v>
      </c>
      <c r="HW33" s="71">
        <v>4</v>
      </c>
      <c r="HX33" s="72">
        <v>31</v>
      </c>
      <c r="HY33" s="73">
        <v>43</v>
      </c>
      <c r="HZ33" s="70">
        <v>13</v>
      </c>
      <c r="IA33" s="71">
        <v>4</v>
      </c>
      <c r="IB33" s="72">
        <v>17</v>
      </c>
      <c r="IC33" s="244"/>
      <c r="ID33" s="71">
        <v>15</v>
      </c>
      <c r="IE33" s="71">
        <v>10</v>
      </c>
      <c r="IF33" s="71">
        <v>16</v>
      </c>
      <c r="IG33" s="71">
        <v>7</v>
      </c>
      <c r="IH33" s="71">
        <v>2</v>
      </c>
      <c r="II33" s="72">
        <v>50</v>
      </c>
      <c r="IJ33" s="73">
        <v>67</v>
      </c>
      <c r="IK33" s="70">
        <v>15</v>
      </c>
      <c r="IL33" s="71">
        <v>13</v>
      </c>
      <c r="IM33" s="72">
        <v>28</v>
      </c>
      <c r="IN33" s="244"/>
      <c r="IO33" s="71">
        <v>36</v>
      </c>
      <c r="IP33" s="71">
        <v>20</v>
      </c>
      <c r="IQ33" s="71">
        <v>17</v>
      </c>
      <c r="IR33" s="71">
        <v>15</v>
      </c>
      <c r="IS33" s="71">
        <v>10</v>
      </c>
      <c r="IT33" s="72">
        <v>98</v>
      </c>
      <c r="IU33" s="73">
        <v>126</v>
      </c>
      <c r="IV33" s="70">
        <v>18</v>
      </c>
      <c r="IW33" s="71">
        <v>15</v>
      </c>
      <c r="IX33" s="72">
        <v>33</v>
      </c>
      <c r="IY33" s="244"/>
      <c r="IZ33" s="71">
        <v>36</v>
      </c>
      <c r="JA33" s="71">
        <v>21</v>
      </c>
      <c r="JB33" s="71">
        <v>26</v>
      </c>
      <c r="JC33" s="71">
        <v>25</v>
      </c>
      <c r="JD33" s="71">
        <v>11</v>
      </c>
      <c r="JE33" s="72">
        <v>119</v>
      </c>
      <c r="JF33" s="73">
        <v>152</v>
      </c>
      <c r="JG33" s="70">
        <v>11</v>
      </c>
      <c r="JH33" s="71">
        <v>18</v>
      </c>
      <c r="JI33" s="72">
        <v>29</v>
      </c>
      <c r="JJ33" s="244"/>
      <c r="JK33" s="71">
        <v>26</v>
      </c>
      <c r="JL33" s="71">
        <v>25</v>
      </c>
      <c r="JM33" s="71">
        <v>46</v>
      </c>
      <c r="JN33" s="71">
        <v>46</v>
      </c>
      <c r="JO33" s="71">
        <v>13</v>
      </c>
      <c r="JP33" s="72">
        <v>156</v>
      </c>
      <c r="JQ33" s="73">
        <v>185</v>
      </c>
      <c r="JR33" s="70">
        <v>0</v>
      </c>
      <c r="JS33" s="71">
        <v>0</v>
      </c>
      <c r="JT33" s="72">
        <v>0</v>
      </c>
      <c r="JU33" s="244"/>
      <c r="JV33" s="71">
        <v>4</v>
      </c>
      <c r="JW33" s="71">
        <v>0</v>
      </c>
      <c r="JX33" s="71">
        <v>4</v>
      </c>
      <c r="JY33" s="71">
        <v>2</v>
      </c>
      <c r="JZ33" s="71">
        <v>4</v>
      </c>
      <c r="KA33" s="72">
        <v>14</v>
      </c>
      <c r="KB33" s="73">
        <v>14</v>
      </c>
      <c r="KC33" s="70">
        <v>69</v>
      </c>
      <c r="KD33" s="71">
        <v>55</v>
      </c>
      <c r="KE33" s="72">
        <v>124</v>
      </c>
      <c r="KF33" s="244"/>
      <c r="KG33" s="71">
        <v>124</v>
      </c>
      <c r="KH33" s="71">
        <v>89</v>
      </c>
      <c r="KI33" s="71">
        <v>115</v>
      </c>
      <c r="KJ33" s="71">
        <v>107</v>
      </c>
      <c r="KK33" s="71">
        <v>46</v>
      </c>
      <c r="KL33" s="72">
        <v>481</v>
      </c>
      <c r="KM33" s="73">
        <v>605</v>
      </c>
    </row>
    <row r="34" spans="2:299" ht="21" customHeight="1" x14ac:dyDescent="0.2">
      <c r="B34" s="126" t="s">
        <v>31</v>
      </c>
      <c r="C34" s="313">
        <v>21</v>
      </c>
      <c r="D34" s="82">
        <v>36</v>
      </c>
      <c r="E34" s="83">
        <v>57</v>
      </c>
      <c r="F34" s="241"/>
      <c r="G34" s="82">
        <v>54</v>
      </c>
      <c r="H34" s="82">
        <v>48</v>
      </c>
      <c r="I34" s="82">
        <v>38</v>
      </c>
      <c r="J34" s="82">
        <v>34</v>
      </c>
      <c r="K34" s="82">
        <v>15</v>
      </c>
      <c r="L34" s="84">
        <v>189</v>
      </c>
      <c r="M34" s="85">
        <v>246</v>
      </c>
      <c r="N34" s="70">
        <v>0</v>
      </c>
      <c r="O34" s="71">
        <v>0</v>
      </c>
      <c r="P34" s="72">
        <v>0</v>
      </c>
      <c r="Q34" s="244"/>
      <c r="R34" s="71">
        <v>2</v>
      </c>
      <c r="S34" s="71">
        <v>3</v>
      </c>
      <c r="T34" s="71">
        <v>4</v>
      </c>
      <c r="U34" s="71">
        <v>1</v>
      </c>
      <c r="V34" s="71">
        <v>1</v>
      </c>
      <c r="W34" s="72">
        <v>11</v>
      </c>
      <c r="X34" s="73">
        <v>11</v>
      </c>
      <c r="Y34" s="70">
        <v>4</v>
      </c>
      <c r="Z34" s="71">
        <v>5</v>
      </c>
      <c r="AA34" s="72">
        <v>9</v>
      </c>
      <c r="AB34" s="244"/>
      <c r="AC34" s="71">
        <v>4</v>
      </c>
      <c r="AD34" s="71">
        <v>8</v>
      </c>
      <c r="AE34" s="71">
        <v>3</v>
      </c>
      <c r="AF34" s="71">
        <v>5</v>
      </c>
      <c r="AG34" s="71">
        <v>3</v>
      </c>
      <c r="AH34" s="72">
        <v>23</v>
      </c>
      <c r="AI34" s="73">
        <v>32</v>
      </c>
      <c r="AJ34" s="70">
        <v>3</v>
      </c>
      <c r="AK34" s="71">
        <v>6</v>
      </c>
      <c r="AL34" s="72">
        <v>9</v>
      </c>
      <c r="AM34" s="244"/>
      <c r="AN34" s="71">
        <v>7</v>
      </c>
      <c r="AO34" s="71">
        <v>4</v>
      </c>
      <c r="AP34" s="71">
        <v>8</v>
      </c>
      <c r="AQ34" s="71">
        <v>8</v>
      </c>
      <c r="AR34" s="71">
        <v>1</v>
      </c>
      <c r="AS34" s="72">
        <v>28</v>
      </c>
      <c r="AT34" s="73">
        <v>37</v>
      </c>
      <c r="AU34" s="70">
        <v>4</v>
      </c>
      <c r="AV34" s="71">
        <v>11</v>
      </c>
      <c r="AW34" s="72">
        <v>15</v>
      </c>
      <c r="AX34" s="244"/>
      <c r="AY34" s="71">
        <v>14</v>
      </c>
      <c r="AZ34" s="71">
        <v>10</v>
      </c>
      <c r="BA34" s="71">
        <v>6</v>
      </c>
      <c r="BB34" s="71">
        <v>5</v>
      </c>
      <c r="BC34" s="71">
        <v>2</v>
      </c>
      <c r="BD34" s="72">
        <v>37</v>
      </c>
      <c r="BE34" s="73">
        <v>52</v>
      </c>
      <c r="BF34" s="70">
        <v>5</v>
      </c>
      <c r="BG34" s="71">
        <v>7</v>
      </c>
      <c r="BH34" s="72">
        <v>12</v>
      </c>
      <c r="BI34" s="244"/>
      <c r="BJ34" s="71">
        <v>15</v>
      </c>
      <c r="BK34" s="71">
        <v>12</v>
      </c>
      <c r="BL34" s="71">
        <v>5</v>
      </c>
      <c r="BM34" s="71">
        <v>9</v>
      </c>
      <c r="BN34" s="71">
        <v>2</v>
      </c>
      <c r="BO34" s="72">
        <v>43</v>
      </c>
      <c r="BP34" s="73">
        <v>55</v>
      </c>
      <c r="BQ34" s="70">
        <v>5</v>
      </c>
      <c r="BR34" s="71">
        <v>7</v>
      </c>
      <c r="BS34" s="72">
        <v>12</v>
      </c>
      <c r="BT34" s="244"/>
      <c r="BU34" s="71">
        <v>12</v>
      </c>
      <c r="BV34" s="71">
        <v>11</v>
      </c>
      <c r="BW34" s="71">
        <v>12</v>
      </c>
      <c r="BX34" s="71">
        <v>6</v>
      </c>
      <c r="BY34" s="71">
        <v>6</v>
      </c>
      <c r="BZ34" s="72">
        <v>47</v>
      </c>
      <c r="CA34" s="73">
        <v>59</v>
      </c>
      <c r="CB34" s="70">
        <v>0</v>
      </c>
      <c r="CC34" s="71">
        <v>4</v>
      </c>
      <c r="CD34" s="72">
        <v>4</v>
      </c>
      <c r="CE34" s="244"/>
      <c r="CF34" s="71">
        <v>2</v>
      </c>
      <c r="CG34" s="71">
        <v>0</v>
      </c>
      <c r="CH34" s="71">
        <v>0</v>
      </c>
      <c r="CI34" s="71">
        <v>1</v>
      </c>
      <c r="CJ34" s="71">
        <v>0</v>
      </c>
      <c r="CK34" s="72">
        <v>3</v>
      </c>
      <c r="CL34" s="73">
        <v>7</v>
      </c>
      <c r="CM34" s="70">
        <v>21</v>
      </c>
      <c r="CN34" s="71">
        <v>40</v>
      </c>
      <c r="CO34" s="72">
        <v>61</v>
      </c>
      <c r="CP34" s="244"/>
      <c r="CQ34" s="71">
        <v>56</v>
      </c>
      <c r="CR34" s="71">
        <v>48</v>
      </c>
      <c r="CS34" s="71">
        <v>38</v>
      </c>
      <c r="CT34" s="71">
        <v>35</v>
      </c>
      <c r="CU34" s="71">
        <v>15</v>
      </c>
      <c r="CV34" s="72">
        <v>192</v>
      </c>
      <c r="CW34" s="73">
        <v>253</v>
      </c>
      <c r="CX34" s="123">
        <v>53</v>
      </c>
      <c r="CY34" s="82">
        <v>85</v>
      </c>
      <c r="CZ34" s="83">
        <v>138</v>
      </c>
      <c r="DA34" s="241"/>
      <c r="DB34" s="82">
        <v>108</v>
      </c>
      <c r="DC34" s="82">
        <v>84</v>
      </c>
      <c r="DD34" s="82">
        <v>75</v>
      </c>
      <c r="DE34" s="82">
        <v>71</v>
      </c>
      <c r="DF34" s="82">
        <v>41</v>
      </c>
      <c r="DG34" s="84">
        <v>379</v>
      </c>
      <c r="DH34" s="85">
        <v>517</v>
      </c>
      <c r="DI34" s="70">
        <v>0</v>
      </c>
      <c r="DJ34" s="71">
        <v>3</v>
      </c>
      <c r="DK34" s="72">
        <v>3</v>
      </c>
      <c r="DL34" s="244"/>
      <c r="DM34" s="71">
        <v>1</v>
      </c>
      <c r="DN34" s="71">
        <v>1</v>
      </c>
      <c r="DO34" s="71">
        <v>1</v>
      </c>
      <c r="DP34" s="71">
        <v>2</v>
      </c>
      <c r="DQ34" s="71">
        <v>2</v>
      </c>
      <c r="DR34" s="72">
        <v>7</v>
      </c>
      <c r="DS34" s="73">
        <v>10</v>
      </c>
      <c r="DT34" s="70">
        <v>2</v>
      </c>
      <c r="DU34" s="71">
        <v>4</v>
      </c>
      <c r="DV34" s="72">
        <v>6</v>
      </c>
      <c r="DW34" s="244"/>
      <c r="DX34" s="71">
        <v>12</v>
      </c>
      <c r="DY34" s="71">
        <v>6</v>
      </c>
      <c r="DZ34" s="71">
        <v>3</v>
      </c>
      <c r="EA34" s="71">
        <v>6</v>
      </c>
      <c r="EB34" s="71">
        <v>2</v>
      </c>
      <c r="EC34" s="72">
        <v>29</v>
      </c>
      <c r="ED34" s="73">
        <v>35</v>
      </c>
      <c r="EE34" s="70">
        <v>2</v>
      </c>
      <c r="EF34" s="71">
        <v>8</v>
      </c>
      <c r="EG34" s="72">
        <v>10</v>
      </c>
      <c r="EH34" s="244"/>
      <c r="EI34" s="71">
        <v>10</v>
      </c>
      <c r="EJ34" s="71">
        <v>6</v>
      </c>
      <c r="EK34" s="71">
        <v>2</v>
      </c>
      <c r="EL34" s="71">
        <v>6</v>
      </c>
      <c r="EM34" s="71">
        <v>1</v>
      </c>
      <c r="EN34" s="72">
        <v>25</v>
      </c>
      <c r="EO34" s="73">
        <v>35</v>
      </c>
      <c r="EP34" s="70">
        <v>18</v>
      </c>
      <c r="EQ34" s="71">
        <v>28</v>
      </c>
      <c r="ER34" s="72">
        <v>46</v>
      </c>
      <c r="ES34" s="244"/>
      <c r="ET34" s="71">
        <v>18</v>
      </c>
      <c r="EU34" s="71">
        <v>13</v>
      </c>
      <c r="EV34" s="71">
        <v>14</v>
      </c>
      <c r="EW34" s="71">
        <v>8</v>
      </c>
      <c r="EX34" s="71">
        <v>6</v>
      </c>
      <c r="EY34" s="72">
        <v>59</v>
      </c>
      <c r="EZ34" s="73">
        <v>105</v>
      </c>
      <c r="FA34" s="70">
        <v>23</v>
      </c>
      <c r="FB34" s="71">
        <v>26</v>
      </c>
      <c r="FC34" s="72">
        <v>49</v>
      </c>
      <c r="FD34" s="244"/>
      <c r="FE34" s="71">
        <v>26</v>
      </c>
      <c r="FF34" s="71">
        <v>32</v>
      </c>
      <c r="FG34" s="71">
        <v>23</v>
      </c>
      <c r="FH34" s="71">
        <v>17</v>
      </c>
      <c r="FI34" s="71">
        <v>10</v>
      </c>
      <c r="FJ34" s="72">
        <v>108</v>
      </c>
      <c r="FK34" s="73">
        <v>157</v>
      </c>
      <c r="FL34" s="70">
        <v>8</v>
      </c>
      <c r="FM34" s="71">
        <v>16</v>
      </c>
      <c r="FN34" s="72">
        <v>24</v>
      </c>
      <c r="FO34" s="244"/>
      <c r="FP34" s="71">
        <v>41</v>
      </c>
      <c r="FQ34" s="71">
        <v>26</v>
      </c>
      <c r="FR34" s="71">
        <v>32</v>
      </c>
      <c r="FS34" s="71">
        <v>32</v>
      </c>
      <c r="FT34" s="71">
        <v>20</v>
      </c>
      <c r="FU34" s="72">
        <v>151</v>
      </c>
      <c r="FV34" s="73">
        <v>175</v>
      </c>
      <c r="FW34" s="70">
        <v>0</v>
      </c>
      <c r="FX34" s="71">
        <v>0</v>
      </c>
      <c r="FY34" s="72">
        <v>0</v>
      </c>
      <c r="FZ34" s="244"/>
      <c r="GA34" s="71">
        <v>2</v>
      </c>
      <c r="GB34" s="71">
        <v>0</v>
      </c>
      <c r="GC34" s="71">
        <v>1</v>
      </c>
      <c r="GD34" s="71">
        <v>1</v>
      </c>
      <c r="GE34" s="71">
        <v>1</v>
      </c>
      <c r="GF34" s="72">
        <v>5</v>
      </c>
      <c r="GG34" s="73">
        <v>5</v>
      </c>
      <c r="GH34" s="70">
        <v>53</v>
      </c>
      <c r="GI34" s="71">
        <v>85</v>
      </c>
      <c r="GJ34" s="72">
        <v>138</v>
      </c>
      <c r="GK34" s="244"/>
      <c r="GL34" s="71">
        <v>110</v>
      </c>
      <c r="GM34" s="71">
        <v>84</v>
      </c>
      <c r="GN34" s="71">
        <v>76</v>
      </c>
      <c r="GO34" s="71">
        <v>72</v>
      </c>
      <c r="GP34" s="71">
        <v>42</v>
      </c>
      <c r="GQ34" s="72">
        <v>384</v>
      </c>
      <c r="GR34" s="73">
        <v>522</v>
      </c>
      <c r="GS34" s="123">
        <v>74</v>
      </c>
      <c r="GT34" s="82">
        <v>121</v>
      </c>
      <c r="GU34" s="83">
        <v>195</v>
      </c>
      <c r="GV34" s="241"/>
      <c r="GW34" s="82">
        <v>162</v>
      </c>
      <c r="GX34" s="82">
        <v>132</v>
      </c>
      <c r="GY34" s="82">
        <v>113</v>
      </c>
      <c r="GZ34" s="82">
        <v>105</v>
      </c>
      <c r="HA34" s="82">
        <v>56</v>
      </c>
      <c r="HB34" s="84">
        <v>568</v>
      </c>
      <c r="HC34" s="85">
        <v>763</v>
      </c>
      <c r="HD34" s="70">
        <v>0</v>
      </c>
      <c r="HE34" s="71">
        <v>3</v>
      </c>
      <c r="HF34" s="72">
        <v>3</v>
      </c>
      <c r="HG34" s="244"/>
      <c r="HH34" s="71">
        <v>3</v>
      </c>
      <c r="HI34" s="71">
        <v>4</v>
      </c>
      <c r="HJ34" s="71">
        <v>5</v>
      </c>
      <c r="HK34" s="71">
        <v>3</v>
      </c>
      <c r="HL34" s="71">
        <v>3</v>
      </c>
      <c r="HM34" s="72">
        <v>18</v>
      </c>
      <c r="HN34" s="73">
        <v>21</v>
      </c>
      <c r="HO34" s="70">
        <v>6</v>
      </c>
      <c r="HP34" s="71">
        <v>9</v>
      </c>
      <c r="HQ34" s="72">
        <v>15</v>
      </c>
      <c r="HR34" s="244"/>
      <c r="HS34" s="71">
        <v>16</v>
      </c>
      <c r="HT34" s="71">
        <v>14</v>
      </c>
      <c r="HU34" s="71">
        <v>6</v>
      </c>
      <c r="HV34" s="71">
        <v>11</v>
      </c>
      <c r="HW34" s="71">
        <v>5</v>
      </c>
      <c r="HX34" s="72">
        <v>52</v>
      </c>
      <c r="HY34" s="73">
        <v>67</v>
      </c>
      <c r="HZ34" s="70">
        <v>5</v>
      </c>
      <c r="IA34" s="71">
        <v>14</v>
      </c>
      <c r="IB34" s="72">
        <v>19</v>
      </c>
      <c r="IC34" s="244"/>
      <c r="ID34" s="71">
        <v>17</v>
      </c>
      <c r="IE34" s="71">
        <v>10</v>
      </c>
      <c r="IF34" s="71">
        <v>10</v>
      </c>
      <c r="IG34" s="71">
        <v>14</v>
      </c>
      <c r="IH34" s="71">
        <v>2</v>
      </c>
      <c r="II34" s="72">
        <v>53</v>
      </c>
      <c r="IJ34" s="73">
        <v>72</v>
      </c>
      <c r="IK34" s="70">
        <v>22</v>
      </c>
      <c r="IL34" s="71">
        <v>39</v>
      </c>
      <c r="IM34" s="72">
        <v>61</v>
      </c>
      <c r="IN34" s="244"/>
      <c r="IO34" s="71">
        <v>32</v>
      </c>
      <c r="IP34" s="71">
        <v>23</v>
      </c>
      <c r="IQ34" s="71">
        <v>20</v>
      </c>
      <c r="IR34" s="71">
        <v>13</v>
      </c>
      <c r="IS34" s="71">
        <v>8</v>
      </c>
      <c r="IT34" s="72">
        <v>96</v>
      </c>
      <c r="IU34" s="73">
        <v>157</v>
      </c>
      <c r="IV34" s="70">
        <v>28</v>
      </c>
      <c r="IW34" s="71">
        <v>33</v>
      </c>
      <c r="IX34" s="72">
        <v>61</v>
      </c>
      <c r="IY34" s="244"/>
      <c r="IZ34" s="71">
        <v>41</v>
      </c>
      <c r="JA34" s="71">
        <v>44</v>
      </c>
      <c r="JB34" s="71">
        <v>28</v>
      </c>
      <c r="JC34" s="71">
        <v>26</v>
      </c>
      <c r="JD34" s="71">
        <v>12</v>
      </c>
      <c r="JE34" s="72">
        <v>151</v>
      </c>
      <c r="JF34" s="73">
        <v>212</v>
      </c>
      <c r="JG34" s="70">
        <v>13</v>
      </c>
      <c r="JH34" s="71">
        <v>23</v>
      </c>
      <c r="JI34" s="72">
        <v>36</v>
      </c>
      <c r="JJ34" s="244"/>
      <c r="JK34" s="71">
        <v>53</v>
      </c>
      <c r="JL34" s="71">
        <v>37</v>
      </c>
      <c r="JM34" s="71">
        <v>44</v>
      </c>
      <c r="JN34" s="71">
        <v>38</v>
      </c>
      <c r="JO34" s="71">
        <v>26</v>
      </c>
      <c r="JP34" s="72">
        <v>198</v>
      </c>
      <c r="JQ34" s="73">
        <v>234</v>
      </c>
      <c r="JR34" s="70">
        <v>0</v>
      </c>
      <c r="JS34" s="71">
        <v>4</v>
      </c>
      <c r="JT34" s="72">
        <v>4</v>
      </c>
      <c r="JU34" s="244"/>
      <c r="JV34" s="71">
        <v>4</v>
      </c>
      <c r="JW34" s="71">
        <v>0</v>
      </c>
      <c r="JX34" s="71">
        <v>1</v>
      </c>
      <c r="JY34" s="71">
        <v>2</v>
      </c>
      <c r="JZ34" s="71">
        <v>1</v>
      </c>
      <c r="KA34" s="72">
        <v>8</v>
      </c>
      <c r="KB34" s="73">
        <v>12</v>
      </c>
      <c r="KC34" s="70">
        <v>74</v>
      </c>
      <c r="KD34" s="71">
        <v>125</v>
      </c>
      <c r="KE34" s="72">
        <v>199</v>
      </c>
      <c r="KF34" s="244"/>
      <c r="KG34" s="71">
        <v>166</v>
      </c>
      <c r="KH34" s="71">
        <v>132</v>
      </c>
      <c r="KI34" s="71">
        <v>114</v>
      </c>
      <c r="KJ34" s="71">
        <v>107</v>
      </c>
      <c r="KK34" s="71">
        <v>57</v>
      </c>
      <c r="KL34" s="72">
        <v>576</v>
      </c>
      <c r="KM34" s="73">
        <v>775</v>
      </c>
    </row>
    <row r="35" spans="2:299" ht="21" customHeight="1" x14ac:dyDescent="0.2">
      <c r="B35" s="126" t="s">
        <v>32</v>
      </c>
      <c r="C35" s="313">
        <v>23</v>
      </c>
      <c r="D35" s="82">
        <v>23</v>
      </c>
      <c r="E35" s="83">
        <v>46</v>
      </c>
      <c r="F35" s="241"/>
      <c r="G35" s="82">
        <v>65</v>
      </c>
      <c r="H35" s="82">
        <v>54</v>
      </c>
      <c r="I35" s="82">
        <v>42</v>
      </c>
      <c r="J35" s="82">
        <v>34</v>
      </c>
      <c r="K35" s="82">
        <v>24</v>
      </c>
      <c r="L35" s="84">
        <v>219</v>
      </c>
      <c r="M35" s="85">
        <v>265</v>
      </c>
      <c r="N35" s="70">
        <v>2</v>
      </c>
      <c r="O35" s="71">
        <v>1</v>
      </c>
      <c r="P35" s="72">
        <v>3</v>
      </c>
      <c r="Q35" s="244"/>
      <c r="R35" s="71">
        <v>5</v>
      </c>
      <c r="S35" s="71">
        <v>2</v>
      </c>
      <c r="T35" s="71">
        <v>3</v>
      </c>
      <c r="U35" s="71">
        <v>3</v>
      </c>
      <c r="V35" s="71">
        <v>0</v>
      </c>
      <c r="W35" s="72">
        <v>13</v>
      </c>
      <c r="X35" s="73">
        <v>16</v>
      </c>
      <c r="Y35" s="70">
        <v>5</v>
      </c>
      <c r="Z35" s="71">
        <v>1</v>
      </c>
      <c r="AA35" s="72">
        <v>6</v>
      </c>
      <c r="AB35" s="244"/>
      <c r="AC35" s="71">
        <v>4</v>
      </c>
      <c r="AD35" s="71">
        <v>7</v>
      </c>
      <c r="AE35" s="71">
        <v>3</v>
      </c>
      <c r="AF35" s="71">
        <v>5</v>
      </c>
      <c r="AG35" s="71">
        <v>2</v>
      </c>
      <c r="AH35" s="72">
        <v>21</v>
      </c>
      <c r="AI35" s="73">
        <v>27</v>
      </c>
      <c r="AJ35" s="70">
        <v>4</v>
      </c>
      <c r="AK35" s="71">
        <v>0</v>
      </c>
      <c r="AL35" s="72">
        <v>4</v>
      </c>
      <c r="AM35" s="244"/>
      <c r="AN35" s="71">
        <v>9</v>
      </c>
      <c r="AO35" s="71">
        <v>10</v>
      </c>
      <c r="AP35" s="71">
        <v>4</v>
      </c>
      <c r="AQ35" s="71">
        <v>2</v>
      </c>
      <c r="AR35" s="71">
        <v>6</v>
      </c>
      <c r="AS35" s="72">
        <v>31</v>
      </c>
      <c r="AT35" s="73">
        <v>35</v>
      </c>
      <c r="AU35" s="70">
        <v>4</v>
      </c>
      <c r="AV35" s="71">
        <v>9</v>
      </c>
      <c r="AW35" s="72">
        <v>13</v>
      </c>
      <c r="AX35" s="244"/>
      <c r="AY35" s="71">
        <v>23</v>
      </c>
      <c r="AZ35" s="71">
        <v>10</v>
      </c>
      <c r="BA35" s="71">
        <v>11</v>
      </c>
      <c r="BB35" s="71">
        <v>8</v>
      </c>
      <c r="BC35" s="71">
        <v>5</v>
      </c>
      <c r="BD35" s="72">
        <v>57</v>
      </c>
      <c r="BE35" s="73">
        <v>70</v>
      </c>
      <c r="BF35" s="70">
        <v>6</v>
      </c>
      <c r="BG35" s="71">
        <v>8</v>
      </c>
      <c r="BH35" s="72">
        <v>14</v>
      </c>
      <c r="BI35" s="244"/>
      <c r="BJ35" s="71">
        <v>17</v>
      </c>
      <c r="BK35" s="71">
        <v>10</v>
      </c>
      <c r="BL35" s="71">
        <v>15</v>
      </c>
      <c r="BM35" s="71">
        <v>8</v>
      </c>
      <c r="BN35" s="71">
        <v>10</v>
      </c>
      <c r="BO35" s="72">
        <v>60</v>
      </c>
      <c r="BP35" s="73">
        <v>74</v>
      </c>
      <c r="BQ35" s="70">
        <v>2</v>
      </c>
      <c r="BR35" s="71">
        <v>4</v>
      </c>
      <c r="BS35" s="72">
        <v>6</v>
      </c>
      <c r="BT35" s="244"/>
      <c r="BU35" s="71">
        <v>7</v>
      </c>
      <c r="BV35" s="71">
        <v>15</v>
      </c>
      <c r="BW35" s="71">
        <v>6</v>
      </c>
      <c r="BX35" s="71">
        <v>8</v>
      </c>
      <c r="BY35" s="71">
        <v>1</v>
      </c>
      <c r="BZ35" s="72">
        <v>37</v>
      </c>
      <c r="CA35" s="73">
        <v>43</v>
      </c>
      <c r="CB35" s="70">
        <v>1</v>
      </c>
      <c r="CC35" s="71">
        <v>1</v>
      </c>
      <c r="CD35" s="72">
        <v>2</v>
      </c>
      <c r="CE35" s="244"/>
      <c r="CF35" s="71">
        <v>4</v>
      </c>
      <c r="CG35" s="71">
        <v>4</v>
      </c>
      <c r="CH35" s="71">
        <v>2</v>
      </c>
      <c r="CI35" s="71">
        <v>1</v>
      </c>
      <c r="CJ35" s="71">
        <v>4</v>
      </c>
      <c r="CK35" s="72">
        <v>15</v>
      </c>
      <c r="CL35" s="73">
        <v>17</v>
      </c>
      <c r="CM35" s="70">
        <v>24</v>
      </c>
      <c r="CN35" s="71">
        <v>24</v>
      </c>
      <c r="CO35" s="72">
        <v>48</v>
      </c>
      <c r="CP35" s="244"/>
      <c r="CQ35" s="71">
        <v>69</v>
      </c>
      <c r="CR35" s="71">
        <v>58</v>
      </c>
      <c r="CS35" s="71">
        <v>44</v>
      </c>
      <c r="CT35" s="71">
        <v>35</v>
      </c>
      <c r="CU35" s="71">
        <v>28</v>
      </c>
      <c r="CV35" s="72">
        <v>234</v>
      </c>
      <c r="CW35" s="73">
        <v>282</v>
      </c>
      <c r="CX35" s="123">
        <v>32</v>
      </c>
      <c r="CY35" s="82">
        <v>73</v>
      </c>
      <c r="CZ35" s="83">
        <v>105</v>
      </c>
      <c r="DA35" s="241"/>
      <c r="DB35" s="82">
        <v>122</v>
      </c>
      <c r="DC35" s="82">
        <v>93</v>
      </c>
      <c r="DD35" s="82">
        <v>83</v>
      </c>
      <c r="DE35" s="82">
        <v>74</v>
      </c>
      <c r="DF35" s="82">
        <v>40</v>
      </c>
      <c r="DG35" s="84">
        <v>412</v>
      </c>
      <c r="DH35" s="85">
        <v>517</v>
      </c>
      <c r="DI35" s="70">
        <v>2</v>
      </c>
      <c r="DJ35" s="71">
        <v>1</v>
      </c>
      <c r="DK35" s="72">
        <v>3</v>
      </c>
      <c r="DL35" s="244"/>
      <c r="DM35" s="71">
        <v>4</v>
      </c>
      <c r="DN35" s="71">
        <v>4</v>
      </c>
      <c r="DO35" s="71">
        <v>2</v>
      </c>
      <c r="DP35" s="71">
        <v>0</v>
      </c>
      <c r="DQ35" s="71">
        <v>0</v>
      </c>
      <c r="DR35" s="72">
        <v>10</v>
      </c>
      <c r="DS35" s="73">
        <v>13</v>
      </c>
      <c r="DT35" s="70">
        <v>2</v>
      </c>
      <c r="DU35" s="71">
        <v>3</v>
      </c>
      <c r="DV35" s="72">
        <v>5</v>
      </c>
      <c r="DW35" s="244"/>
      <c r="DX35" s="71">
        <v>9</v>
      </c>
      <c r="DY35" s="71">
        <v>1</v>
      </c>
      <c r="DZ35" s="71">
        <v>1</v>
      </c>
      <c r="EA35" s="71">
        <v>5</v>
      </c>
      <c r="EB35" s="71">
        <v>3</v>
      </c>
      <c r="EC35" s="72">
        <v>19</v>
      </c>
      <c r="ED35" s="73">
        <v>24</v>
      </c>
      <c r="EE35" s="70">
        <v>6</v>
      </c>
      <c r="EF35" s="71">
        <v>10</v>
      </c>
      <c r="EG35" s="72">
        <v>16</v>
      </c>
      <c r="EH35" s="244"/>
      <c r="EI35" s="71">
        <v>19</v>
      </c>
      <c r="EJ35" s="71">
        <v>4</v>
      </c>
      <c r="EK35" s="71">
        <v>7</v>
      </c>
      <c r="EL35" s="71">
        <v>2</v>
      </c>
      <c r="EM35" s="71">
        <v>6</v>
      </c>
      <c r="EN35" s="72">
        <v>38</v>
      </c>
      <c r="EO35" s="73">
        <v>54</v>
      </c>
      <c r="EP35" s="70">
        <v>10</v>
      </c>
      <c r="EQ35" s="71">
        <v>17</v>
      </c>
      <c r="ER35" s="72">
        <v>27</v>
      </c>
      <c r="ES35" s="244"/>
      <c r="ET35" s="71">
        <v>23</v>
      </c>
      <c r="EU35" s="71">
        <v>26</v>
      </c>
      <c r="EV35" s="71">
        <v>19</v>
      </c>
      <c r="EW35" s="71">
        <v>11</v>
      </c>
      <c r="EX35" s="71">
        <v>7</v>
      </c>
      <c r="EY35" s="72">
        <v>86</v>
      </c>
      <c r="EZ35" s="73">
        <v>113</v>
      </c>
      <c r="FA35" s="70">
        <v>7</v>
      </c>
      <c r="FB35" s="71">
        <v>19</v>
      </c>
      <c r="FC35" s="72">
        <v>26</v>
      </c>
      <c r="FD35" s="244"/>
      <c r="FE35" s="71">
        <v>29</v>
      </c>
      <c r="FF35" s="71">
        <v>24</v>
      </c>
      <c r="FG35" s="71">
        <v>20</v>
      </c>
      <c r="FH35" s="71">
        <v>20</v>
      </c>
      <c r="FI35" s="71">
        <v>10</v>
      </c>
      <c r="FJ35" s="72">
        <v>103</v>
      </c>
      <c r="FK35" s="73">
        <v>129</v>
      </c>
      <c r="FL35" s="70">
        <v>5</v>
      </c>
      <c r="FM35" s="71">
        <v>23</v>
      </c>
      <c r="FN35" s="72">
        <v>28</v>
      </c>
      <c r="FO35" s="244"/>
      <c r="FP35" s="71">
        <v>38</v>
      </c>
      <c r="FQ35" s="71">
        <v>34</v>
      </c>
      <c r="FR35" s="71">
        <v>34</v>
      </c>
      <c r="FS35" s="71">
        <v>36</v>
      </c>
      <c r="FT35" s="71">
        <v>14</v>
      </c>
      <c r="FU35" s="72">
        <v>156</v>
      </c>
      <c r="FV35" s="73">
        <v>184</v>
      </c>
      <c r="FW35" s="70">
        <v>1</v>
      </c>
      <c r="FX35" s="71">
        <v>1</v>
      </c>
      <c r="FY35" s="72">
        <v>2</v>
      </c>
      <c r="FZ35" s="244"/>
      <c r="GA35" s="71">
        <v>3</v>
      </c>
      <c r="GB35" s="71">
        <v>3</v>
      </c>
      <c r="GC35" s="71">
        <v>1</v>
      </c>
      <c r="GD35" s="71">
        <v>0</v>
      </c>
      <c r="GE35" s="71">
        <v>1</v>
      </c>
      <c r="GF35" s="72">
        <v>8</v>
      </c>
      <c r="GG35" s="73">
        <v>10</v>
      </c>
      <c r="GH35" s="70">
        <v>33</v>
      </c>
      <c r="GI35" s="71">
        <v>74</v>
      </c>
      <c r="GJ35" s="72">
        <v>107</v>
      </c>
      <c r="GK35" s="244"/>
      <c r="GL35" s="71">
        <v>125</v>
      </c>
      <c r="GM35" s="71">
        <v>96</v>
      </c>
      <c r="GN35" s="71">
        <v>84</v>
      </c>
      <c r="GO35" s="71">
        <v>74</v>
      </c>
      <c r="GP35" s="71">
        <v>41</v>
      </c>
      <c r="GQ35" s="72">
        <v>420</v>
      </c>
      <c r="GR35" s="73">
        <v>527</v>
      </c>
      <c r="GS35" s="123">
        <v>55</v>
      </c>
      <c r="GT35" s="82">
        <v>96</v>
      </c>
      <c r="GU35" s="83">
        <v>151</v>
      </c>
      <c r="GV35" s="241"/>
      <c r="GW35" s="82">
        <v>187</v>
      </c>
      <c r="GX35" s="82">
        <v>147</v>
      </c>
      <c r="GY35" s="82">
        <v>125</v>
      </c>
      <c r="GZ35" s="82">
        <v>108</v>
      </c>
      <c r="HA35" s="82">
        <v>64</v>
      </c>
      <c r="HB35" s="84">
        <v>631</v>
      </c>
      <c r="HC35" s="85">
        <v>782</v>
      </c>
      <c r="HD35" s="70">
        <v>4</v>
      </c>
      <c r="HE35" s="71">
        <v>2</v>
      </c>
      <c r="HF35" s="72">
        <v>6</v>
      </c>
      <c r="HG35" s="244"/>
      <c r="HH35" s="71">
        <v>9</v>
      </c>
      <c r="HI35" s="71">
        <v>6</v>
      </c>
      <c r="HJ35" s="71">
        <v>5</v>
      </c>
      <c r="HK35" s="71">
        <v>3</v>
      </c>
      <c r="HL35" s="71">
        <v>0</v>
      </c>
      <c r="HM35" s="72">
        <v>23</v>
      </c>
      <c r="HN35" s="73">
        <v>29</v>
      </c>
      <c r="HO35" s="70">
        <v>7</v>
      </c>
      <c r="HP35" s="71">
        <v>4</v>
      </c>
      <c r="HQ35" s="72">
        <v>11</v>
      </c>
      <c r="HR35" s="244"/>
      <c r="HS35" s="71">
        <v>13</v>
      </c>
      <c r="HT35" s="71">
        <v>8</v>
      </c>
      <c r="HU35" s="71">
        <v>4</v>
      </c>
      <c r="HV35" s="71">
        <v>10</v>
      </c>
      <c r="HW35" s="71">
        <v>5</v>
      </c>
      <c r="HX35" s="72">
        <v>40</v>
      </c>
      <c r="HY35" s="73">
        <v>51</v>
      </c>
      <c r="HZ35" s="70">
        <v>10</v>
      </c>
      <c r="IA35" s="71">
        <v>10</v>
      </c>
      <c r="IB35" s="72">
        <v>20</v>
      </c>
      <c r="IC35" s="244"/>
      <c r="ID35" s="71">
        <v>28</v>
      </c>
      <c r="IE35" s="71">
        <v>14</v>
      </c>
      <c r="IF35" s="71">
        <v>11</v>
      </c>
      <c r="IG35" s="71">
        <v>4</v>
      </c>
      <c r="IH35" s="71">
        <v>12</v>
      </c>
      <c r="II35" s="72">
        <v>69</v>
      </c>
      <c r="IJ35" s="73">
        <v>89</v>
      </c>
      <c r="IK35" s="70">
        <v>14</v>
      </c>
      <c r="IL35" s="71">
        <v>26</v>
      </c>
      <c r="IM35" s="72">
        <v>40</v>
      </c>
      <c r="IN35" s="244"/>
      <c r="IO35" s="71">
        <v>46</v>
      </c>
      <c r="IP35" s="71">
        <v>36</v>
      </c>
      <c r="IQ35" s="71">
        <v>30</v>
      </c>
      <c r="IR35" s="71">
        <v>19</v>
      </c>
      <c r="IS35" s="71">
        <v>12</v>
      </c>
      <c r="IT35" s="72">
        <v>143</v>
      </c>
      <c r="IU35" s="73">
        <v>183</v>
      </c>
      <c r="IV35" s="70">
        <v>13</v>
      </c>
      <c r="IW35" s="71">
        <v>27</v>
      </c>
      <c r="IX35" s="72">
        <v>40</v>
      </c>
      <c r="IY35" s="244"/>
      <c r="IZ35" s="71">
        <v>46</v>
      </c>
      <c r="JA35" s="71">
        <v>34</v>
      </c>
      <c r="JB35" s="71">
        <v>35</v>
      </c>
      <c r="JC35" s="71">
        <v>28</v>
      </c>
      <c r="JD35" s="71">
        <v>20</v>
      </c>
      <c r="JE35" s="72">
        <v>163</v>
      </c>
      <c r="JF35" s="73">
        <v>203</v>
      </c>
      <c r="JG35" s="70">
        <v>7</v>
      </c>
      <c r="JH35" s="71">
        <v>27</v>
      </c>
      <c r="JI35" s="72">
        <v>34</v>
      </c>
      <c r="JJ35" s="244"/>
      <c r="JK35" s="71">
        <v>45</v>
      </c>
      <c r="JL35" s="71">
        <v>49</v>
      </c>
      <c r="JM35" s="71">
        <v>40</v>
      </c>
      <c r="JN35" s="71">
        <v>44</v>
      </c>
      <c r="JO35" s="71">
        <v>15</v>
      </c>
      <c r="JP35" s="72">
        <v>193</v>
      </c>
      <c r="JQ35" s="73">
        <v>227</v>
      </c>
      <c r="JR35" s="70">
        <v>2</v>
      </c>
      <c r="JS35" s="71">
        <v>2</v>
      </c>
      <c r="JT35" s="72">
        <v>4</v>
      </c>
      <c r="JU35" s="244"/>
      <c r="JV35" s="71">
        <v>7</v>
      </c>
      <c r="JW35" s="71">
        <v>7</v>
      </c>
      <c r="JX35" s="71">
        <v>3</v>
      </c>
      <c r="JY35" s="71">
        <v>1</v>
      </c>
      <c r="JZ35" s="71">
        <v>5</v>
      </c>
      <c r="KA35" s="72">
        <v>23</v>
      </c>
      <c r="KB35" s="73">
        <v>27</v>
      </c>
      <c r="KC35" s="70">
        <v>57</v>
      </c>
      <c r="KD35" s="71">
        <v>98</v>
      </c>
      <c r="KE35" s="72">
        <v>155</v>
      </c>
      <c r="KF35" s="244"/>
      <c r="KG35" s="71">
        <v>194</v>
      </c>
      <c r="KH35" s="71">
        <v>154</v>
      </c>
      <c r="KI35" s="71">
        <v>128</v>
      </c>
      <c r="KJ35" s="71">
        <v>109</v>
      </c>
      <c r="KK35" s="71">
        <v>69</v>
      </c>
      <c r="KL35" s="72">
        <v>654</v>
      </c>
      <c r="KM35" s="73">
        <v>809</v>
      </c>
    </row>
    <row r="36" spans="2:299" ht="21" customHeight="1" x14ac:dyDescent="0.2">
      <c r="B36" s="126" t="s">
        <v>33</v>
      </c>
      <c r="C36" s="313">
        <v>33</v>
      </c>
      <c r="D36" s="82">
        <v>24</v>
      </c>
      <c r="E36" s="83">
        <v>57</v>
      </c>
      <c r="F36" s="241"/>
      <c r="G36" s="82">
        <v>58</v>
      </c>
      <c r="H36" s="82">
        <v>39</v>
      </c>
      <c r="I36" s="82">
        <v>41</v>
      </c>
      <c r="J36" s="82">
        <v>24</v>
      </c>
      <c r="K36" s="82">
        <v>16</v>
      </c>
      <c r="L36" s="84">
        <v>178</v>
      </c>
      <c r="M36" s="85">
        <v>235</v>
      </c>
      <c r="N36" s="70">
        <v>0</v>
      </c>
      <c r="O36" s="71">
        <v>0</v>
      </c>
      <c r="P36" s="72">
        <v>0</v>
      </c>
      <c r="Q36" s="244"/>
      <c r="R36" s="71">
        <v>2</v>
      </c>
      <c r="S36" s="71">
        <v>1</v>
      </c>
      <c r="T36" s="71">
        <v>3</v>
      </c>
      <c r="U36" s="71">
        <v>2</v>
      </c>
      <c r="V36" s="71">
        <v>1</v>
      </c>
      <c r="W36" s="72">
        <v>9</v>
      </c>
      <c r="X36" s="73">
        <v>9</v>
      </c>
      <c r="Y36" s="70">
        <v>4</v>
      </c>
      <c r="Z36" s="71">
        <v>6</v>
      </c>
      <c r="AA36" s="72">
        <v>10</v>
      </c>
      <c r="AB36" s="244"/>
      <c r="AC36" s="71">
        <v>8</v>
      </c>
      <c r="AD36" s="71">
        <v>8</v>
      </c>
      <c r="AE36" s="71">
        <v>7</v>
      </c>
      <c r="AF36" s="71">
        <v>6</v>
      </c>
      <c r="AG36" s="71">
        <v>4</v>
      </c>
      <c r="AH36" s="72">
        <v>33</v>
      </c>
      <c r="AI36" s="73">
        <v>43</v>
      </c>
      <c r="AJ36" s="70">
        <v>7</v>
      </c>
      <c r="AK36" s="71">
        <v>3</v>
      </c>
      <c r="AL36" s="72">
        <v>10</v>
      </c>
      <c r="AM36" s="244"/>
      <c r="AN36" s="71">
        <v>14</v>
      </c>
      <c r="AO36" s="71">
        <v>3</v>
      </c>
      <c r="AP36" s="71">
        <v>8</v>
      </c>
      <c r="AQ36" s="71">
        <v>2</v>
      </c>
      <c r="AR36" s="71">
        <v>4</v>
      </c>
      <c r="AS36" s="72">
        <v>31</v>
      </c>
      <c r="AT36" s="73">
        <v>41</v>
      </c>
      <c r="AU36" s="70">
        <v>10</v>
      </c>
      <c r="AV36" s="71">
        <v>7</v>
      </c>
      <c r="AW36" s="72">
        <v>17</v>
      </c>
      <c r="AX36" s="244"/>
      <c r="AY36" s="71">
        <v>14</v>
      </c>
      <c r="AZ36" s="71">
        <v>13</v>
      </c>
      <c r="BA36" s="71">
        <v>7</v>
      </c>
      <c r="BB36" s="71">
        <v>3</v>
      </c>
      <c r="BC36" s="71">
        <v>2</v>
      </c>
      <c r="BD36" s="72">
        <v>39</v>
      </c>
      <c r="BE36" s="73">
        <v>56</v>
      </c>
      <c r="BF36" s="70">
        <v>5</v>
      </c>
      <c r="BG36" s="71">
        <v>4</v>
      </c>
      <c r="BH36" s="72">
        <v>9</v>
      </c>
      <c r="BI36" s="244"/>
      <c r="BJ36" s="71">
        <v>9</v>
      </c>
      <c r="BK36" s="71">
        <v>7</v>
      </c>
      <c r="BL36" s="71">
        <v>12</v>
      </c>
      <c r="BM36" s="71">
        <v>8</v>
      </c>
      <c r="BN36" s="71">
        <v>4</v>
      </c>
      <c r="BO36" s="72">
        <v>40</v>
      </c>
      <c r="BP36" s="73">
        <v>49</v>
      </c>
      <c r="BQ36" s="70">
        <v>7</v>
      </c>
      <c r="BR36" s="71">
        <v>4</v>
      </c>
      <c r="BS36" s="72">
        <v>11</v>
      </c>
      <c r="BT36" s="244"/>
      <c r="BU36" s="71">
        <v>11</v>
      </c>
      <c r="BV36" s="71">
        <v>7</v>
      </c>
      <c r="BW36" s="71">
        <v>4</v>
      </c>
      <c r="BX36" s="71">
        <v>3</v>
      </c>
      <c r="BY36" s="71">
        <v>1</v>
      </c>
      <c r="BZ36" s="72">
        <v>26</v>
      </c>
      <c r="CA36" s="73">
        <v>37</v>
      </c>
      <c r="CB36" s="70">
        <v>1</v>
      </c>
      <c r="CC36" s="71">
        <v>0</v>
      </c>
      <c r="CD36" s="72">
        <v>1</v>
      </c>
      <c r="CE36" s="244"/>
      <c r="CF36" s="71">
        <v>1</v>
      </c>
      <c r="CG36" s="71">
        <v>1</v>
      </c>
      <c r="CH36" s="71">
        <v>0</v>
      </c>
      <c r="CI36" s="71">
        <v>0</v>
      </c>
      <c r="CJ36" s="71">
        <v>0</v>
      </c>
      <c r="CK36" s="72">
        <v>2</v>
      </c>
      <c r="CL36" s="73">
        <v>3</v>
      </c>
      <c r="CM36" s="70">
        <v>34</v>
      </c>
      <c r="CN36" s="71">
        <v>24</v>
      </c>
      <c r="CO36" s="72">
        <v>58</v>
      </c>
      <c r="CP36" s="244"/>
      <c r="CQ36" s="71">
        <v>59</v>
      </c>
      <c r="CR36" s="71">
        <v>40</v>
      </c>
      <c r="CS36" s="71">
        <v>41</v>
      </c>
      <c r="CT36" s="71">
        <v>24</v>
      </c>
      <c r="CU36" s="71">
        <v>16</v>
      </c>
      <c r="CV36" s="72">
        <v>180</v>
      </c>
      <c r="CW36" s="73">
        <v>238</v>
      </c>
      <c r="CX36" s="123">
        <v>44</v>
      </c>
      <c r="CY36" s="82">
        <v>73</v>
      </c>
      <c r="CZ36" s="83">
        <v>117</v>
      </c>
      <c r="DA36" s="241"/>
      <c r="DB36" s="82">
        <v>117</v>
      </c>
      <c r="DC36" s="82">
        <v>86</v>
      </c>
      <c r="DD36" s="82">
        <v>78</v>
      </c>
      <c r="DE36" s="82">
        <v>67</v>
      </c>
      <c r="DF36" s="82">
        <v>58</v>
      </c>
      <c r="DG36" s="84">
        <v>406</v>
      </c>
      <c r="DH36" s="85">
        <v>523</v>
      </c>
      <c r="DI36" s="70">
        <v>1</v>
      </c>
      <c r="DJ36" s="71">
        <v>2</v>
      </c>
      <c r="DK36" s="72">
        <v>3</v>
      </c>
      <c r="DL36" s="244"/>
      <c r="DM36" s="71">
        <v>1</v>
      </c>
      <c r="DN36" s="71">
        <v>2</v>
      </c>
      <c r="DO36" s="71">
        <v>0</v>
      </c>
      <c r="DP36" s="71">
        <v>3</v>
      </c>
      <c r="DQ36" s="71">
        <v>3</v>
      </c>
      <c r="DR36" s="72">
        <v>9</v>
      </c>
      <c r="DS36" s="73">
        <v>12</v>
      </c>
      <c r="DT36" s="70">
        <v>4</v>
      </c>
      <c r="DU36" s="71">
        <v>7</v>
      </c>
      <c r="DV36" s="72">
        <v>11</v>
      </c>
      <c r="DW36" s="244"/>
      <c r="DX36" s="71">
        <v>3</v>
      </c>
      <c r="DY36" s="71">
        <v>5</v>
      </c>
      <c r="DZ36" s="71">
        <v>5</v>
      </c>
      <c r="EA36" s="71">
        <v>1</v>
      </c>
      <c r="EB36" s="71">
        <v>2</v>
      </c>
      <c r="EC36" s="72">
        <v>16</v>
      </c>
      <c r="ED36" s="73">
        <v>27</v>
      </c>
      <c r="EE36" s="70">
        <v>2</v>
      </c>
      <c r="EF36" s="71">
        <v>10</v>
      </c>
      <c r="EG36" s="72">
        <v>12</v>
      </c>
      <c r="EH36" s="244"/>
      <c r="EI36" s="71">
        <v>13</v>
      </c>
      <c r="EJ36" s="71">
        <v>6</v>
      </c>
      <c r="EK36" s="71">
        <v>10</v>
      </c>
      <c r="EL36" s="71">
        <v>5</v>
      </c>
      <c r="EM36" s="71">
        <v>10</v>
      </c>
      <c r="EN36" s="72">
        <v>44</v>
      </c>
      <c r="EO36" s="73">
        <v>56</v>
      </c>
      <c r="EP36" s="70">
        <v>8</v>
      </c>
      <c r="EQ36" s="71">
        <v>13</v>
      </c>
      <c r="ER36" s="72">
        <v>21</v>
      </c>
      <c r="ES36" s="244"/>
      <c r="ET36" s="71">
        <v>32</v>
      </c>
      <c r="EU36" s="71">
        <v>15</v>
      </c>
      <c r="EV36" s="71">
        <v>11</v>
      </c>
      <c r="EW36" s="71">
        <v>13</v>
      </c>
      <c r="EX36" s="71">
        <v>8</v>
      </c>
      <c r="EY36" s="72">
        <v>79</v>
      </c>
      <c r="EZ36" s="73">
        <v>100</v>
      </c>
      <c r="FA36" s="70">
        <v>20</v>
      </c>
      <c r="FB36" s="71">
        <v>22</v>
      </c>
      <c r="FC36" s="72">
        <v>42</v>
      </c>
      <c r="FD36" s="244"/>
      <c r="FE36" s="71">
        <v>36</v>
      </c>
      <c r="FF36" s="71">
        <v>20</v>
      </c>
      <c r="FG36" s="71">
        <v>20</v>
      </c>
      <c r="FH36" s="71">
        <v>14</v>
      </c>
      <c r="FI36" s="71">
        <v>14</v>
      </c>
      <c r="FJ36" s="72">
        <v>104</v>
      </c>
      <c r="FK36" s="73">
        <v>146</v>
      </c>
      <c r="FL36" s="70">
        <v>9</v>
      </c>
      <c r="FM36" s="71">
        <v>19</v>
      </c>
      <c r="FN36" s="72">
        <v>28</v>
      </c>
      <c r="FO36" s="244"/>
      <c r="FP36" s="71">
        <v>32</v>
      </c>
      <c r="FQ36" s="71">
        <v>38</v>
      </c>
      <c r="FR36" s="71">
        <v>32</v>
      </c>
      <c r="FS36" s="71">
        <v>31</v>
      </c>
      <c r="FT36" s="71">
        <v>21</v>
      </c>
      <c r="FU36" s="72">
        <v>154</v>
      </c>
      <c r="FV36" s="73">
        <v>182</v>
      </c>
      <c r="FW36" s="70">
        <v>0</v>
      </c>
      <c r="FX36" s="71">
        <v>0</v>
      </c>
      <c r="FY36" s="72">
        <v>0</v>
      </c>
      <c r="FZ36" s="244"/>
      <c r="GA36" s="71">
        <v>2</v>
      </c>
      <c r="GB36" s="71">
        <v>0</v>
      </c>
      <c r="GC36" s="71">
        <v>0</v>
      </c>
      <c r="GD36" s="71">
        <v>0</v>
      </c>
      <c r="GE36" s="71">
        <v>1</v>
      </c>
      <c r="GF36" s="72">
        <v>3</v>
      </c>
      <c r="GG36" s="73">
        <v>3</v>
      </c>
      <c r="GH36" s="70">
        <v>44</v>
      </c>
      <c r="GI36" s="71">
        <v>73</v>
      </c>
      <c r="GJ36" s="72">
        <v>117</v>
      </c>
      <c r="GK36" s="244"/>
      <c r="GL36" s="71">
        <v>119</v>
      </c>
      <c r="GM36" s="71">
        <v>86</v>
      </c>
      <c r="GN36" s="71">
        <v>78</v>
      </c>
      <c r="GO36" s="71">
        <v>67</v>
      </c>
      <c r="GP36" s="71">
        <v>59</v>
      </c>
      <c r="GQ36" s="72">
        <v>409</v>
      </c>
      <c r="GR36" s="73">
        <v>526</v>
      </c>
      <c r="GS36" s="123">
        <v>77</v>
      </c>
      <c r="GT36" s="82">
        <v>97</v>
      </c>
      <c r="GU36" s="83">
        <v>174</v>
      </c>
      <c r="GV36" s="241"/>
      <c r="GW36" s="82">
        <v>175</v>
      </c>
      <c r="GX36" s="82">
        <v>125</v>
      </c>
      <c r="GY36" s="82">
        <v>119</v>
      </c>
      <c r="GZ36" s="82">
        <v>91</v>
      </c>
      <c r="HA36" s="82">
        <v>74</v>
      </c>
      <c r="HB36" s="84">
        <v>584</v>
      </c>
      <c r="HC36" s="85">
        <v>758</v>
      </c>
      <c r="HD36" s="70">
        <v>1</v>
      </c>
      <c r="HE36" s="71">
        <v>2</v>
      </c>
      <c r="HF36" s="72">
        <v>3</v>
      </c>
      <c r="HG36" s="244"/>
      <c r="HH36" s="71">
        <v>3</v>
      </c>
      <c r="HI36" s="71">
        <v>3</v>
      </c>
      <c r="HJ36" s="71">
        <v>3</v>
      </c>
      <c r="HK36" s="71">
        <v>5</v>
      </c>
      <c r="HL36" s="71">
        <v>4</v>
      </c>
      <c r="HM36" s="72">
        <v>18</v>
      </c>
      <c r="HN36" s="73">
        <v>21</v>
      </c>
      <c r="HO36" s="70">
        <v>8</v>
      </c>
      <c r="HP36" s="71">
        <v>13</v>
      </c>
      <c r="HQ36" s="72">
        <v>21</v>
      </c>
      <c r="HR36" s="244"/>
      <c r="HS36" s="71">
        <v>11</v>
      </c>
      <c r="HT36" s="71">
        <v>13</v>
      </c>
      <c r="HU36" s="71">
        <v>12</v>
      </c>
      <c r="HV36" s="71">
        <v>7</v>
      </c>
      <c r="HW36" s="71">
        <v>6</v>
      </c>
      <c r="HX36" s="72">
        <v>49</v>
      </c>
      <c r="HY36" s="73">
        <v>70</v>
      </c>
      <c r="HZ36" s="70">
        <v>9</v>
      </c>
      <c r="IA36" s="71">
        <v>13</v>
      </c>
      <c r="IB36" s="72">
        <v>22</v>
      </c>
      <c r="IC36" s="244"/>
      <c r="ID36" s="71">
        <v>27</v>
      </c>
      <c r="IE36" s="71">
        <v>9</v>
      </c>
      <c r="IF36" s="71">
        <v>18</v>
      </c>
      <c r="IG36" s="71">
        <v>7</v>
      </c>
      <c r="IH36" s="71">
        <v>14</v>
      </c>
      <c r="II36" s="72">
        <v>75</v>
      </c>
      <c r="IJ36" s="73">
        <v>97</v>
      </c>
      <c r="IK36" s="70">
        <v>18</v>
      </c>
      <c r="IL36" s="71">
        <v>20</v>
      </c>
      <c r="IM36" s="72">
        <v>38</v>
      </c>
      <c r="IN36" s="244"/>
      <c r="IO36" s="71">
        <v>46</v>
      </c>
      <c r="IP36" s="71">
        <v>28</v>
      </c>
      <c r="IQ36" s="71">
        <v>18</v>
      </c>
      <c r="IR36" s="71">
        <v>16</v>
      </c>
      <c r="IS36" s="71">
        <v>10</v>
      </c>
      <c r="IT36" s="72">
        <v>118</v>
      </c>
      <c r="IU36" s="73">
        <v>156</v>
      </c>
      <c r="IV36" s="70">
        <v>25</v>
      </c>
      <c r="IW36" s="71">
        <v>26</v>
      </c>
      <c r="IX36" s="72">
        <v>51</v>
      </c>
      <c r="IY36" s="244"/>
      <c r="IZ36" s="71">
        <v>45</v>
      </c>
      <c r="JA36" s="71">
        <v>27</v>
      </c>
      <c r="JB36" s="71">
        <v>32</v>
      </c>
      <c r="JC36" s="71">
        <v>22</v>
      </c>
      <c r="JD36" s="71">
        <v>18</v>
      </c>
      <c r="JE36" s="72">
        <v>144</v>
      </c>
      <c r="JF36" s="73">
        <v>195</v>
      </c>
      <c r="JG36" s="70">
        <v>16</v>
      </c>
      <c r="JH36" s="71">
        <v>23</v>
      </c>
      <c r="JI36" s="72">
        <v>39</v>
      </c>
      <c r="JJ36" s="244"/>
      <c r="JK36" s="71">
        <v>43</v>
      </c>
      <c r="JL36" s="71">
        <v>45</v>
      </c>
      <c r="JM36" s="71">
        <v>36</v>
      </c>
      <c r="JN36" s="71">
        <v>34</v>
      </c>
      <c r="JO36" s="71">
        <v>22</v>
      </c>
      <c r="JP36" s="72">
        <v>180</v>
      </c>
      <c r="JQ36" s="73">
        <v>219</v>
      </c>
      <c r="JR36" s="70">
        <v>1</v>
      </c>
      <c r="JS36" s="71">
        <v>0</v>
      </c>
      <c r="JT36" s="72">
        <v>1</v>
      </c>
      <c r="JU36" s="244"/>
      <c r="JV36" s="71">
        <v>3</v>
      </c>
      <c r="JW36" s="71">
        <v>1</v>
      </c>
      <c r="JX36" s="71">
        <v>0</v>
      </c>
      <c r="JY36" s="71">
        <v>0</v>
      </c>
      <c r="JZ36" s="71">
        <v>1</v>
      </c>
      <c r="KA36" s="72">
        <v>5</v>
      </c>
      <c r="KB36" s="73">
        <v>6</v>
      </c>
      <c r="KC36" s="70">
        <v>78</v>
      </c>
      <c r="KD36" s="71">
        <v>97</v>
      </c>
      <c r="KE36" s="72">
        <v>175</v>
      </c>
      <c r="KF36" s="244"/>
      <c r="KG36" s="71">
        <v>178</v>
      </c>
      <c r="KH36" s="71">
        <v>126</v>
      </c>
      <c r="KI36" s="71">
        <v>119</v>
      </c>
      <c r="KJ36" s="71">
        <v>91</v>
      </c>
      <c r="KK36" s="71">
        <v>75</v>
      </c>
      <c r="KL36" s="72">
        <v>589</v>
      </c>
      <c r="KM36" s="73">
        <v>764</v>
      </c>
    </row>
    <row r="37" spans="2:299" ht="21" customHeight="1" x14ac:dyDescent="0.2">
      <c r="B37" s="126" t="s">
        <v>34</v>
      </c>
      <c r="C37" s="313">
        <v>16</v>
      </c>
      <c r="D37" s="82">
        <v>18</v>
      </c>
      <c r="E37" s="83">
        <v>34</v>
      </c>
      <c r="F37" s="241"/>
      <c r="G37" s="82">
        <v>38</v>
      </c>
      <c r="H37" s="82">
        <v>38</v>
      </c>
      <c r="I37" s="82">
        <v>17</v>
      </c>
      <c r="J37" s="82">
        <v>27</v>
      </c>
      <c r="K37" s="82">
        <v>12</v>
      </c>
      <c r="L37" s="84">
        <v>132</v>
      </c>
      <c r="M37" s="85">
        <v>166</v>
      </c>
      <c r="N37" s="70">
        <v>0</v>
      </c>
      <c r="O37" s="71">
        <v>4</v>
      </c>
      <c r="P37" s="72">
        <v>4</v>
      </c>
      <c r="Q37" s="244"/>
      <c r="R37" s="71">
        <v>2</v>
      </c>
      <c r="S37" s="71">
        <v>2</v>
      </c>
      <c r="T37" s="71">
        <v>2</v>
      </c>
      <c r="U37" s="71">
        <v>2</v>
      </c>
      <c r="V37" s="71">
        <v>0</v>
      </c>
      <c r="W37" s="72">
        <v>8</v>
      </c>
      <c r="X37" s="73">
        <v>12</v>
      </c>
      <c r="Y37" s="70">
        <v>1</v>
      </c>
      <c r="Z37" s="71">
        <v>2</v>
      </c>
      <c r="AA37" s="72">
        <v>3</v>
      </c>
      <c r="AB37" s="244"/>
      <c r="AC37" s="71">
        <v>1</v>
      </c>
      <c r="AD37" s="71">
        <v>3</v>
      </c>
      <c r="AE37" s="71">
        <v>2</v>
      </c>
      <c r="AF37" s="71">
        <v>0</v>
      </c>
      <c r="AG37" s="71">
        <v>1</v>
      </c>
      <c r="AH37" s="72">
        <v>7</v>
      </c>
      <c r="AI37" s="73">
        <v>10</v>
      </c>
      <c r="AJ37" s="70">
        <v>1</v>
      </c>
      <c r="AK37" s="71">
        <v>2</v>
      </c>
      <c r="AL37" s="72">
        <v>3</v>
      </c>
      <c r="AM37" s="244"/>
      <c r="AN37" s="71">
        <v>7</v>
      </c>
      <c r="AO37" s="71">
        <v>4</v>
      </c>
      <c r="AP37" s="71">
        <v>1</v>
      </c>
      <c r="AQ37" s="71">
        <v>10</v>
      </c>
      <c r="AR37" s="71">
        <v>3</v>
      </c>
      <c r="AS37" s="72">
        <v>25</v>
      </c>
      <c r="AT37" s="73">
        <v>28</v>
      </c>
      <c r="AU37" s="70">
        <v>6</v>
      </c>
      <c r="AV37" s="71">
        <v>3</v>
      </c>
      <c r="AW37" s="72">
        <v>9</v>
      </c>
      <c r="AX37" s="244"/>
      <c r="AY37" s="71">
        <v>11</v>
      </c>
      <c r="AZ37" s="71">
        <v>11</v>
      </c>
      <c r="BA37" s="71">
        <v>1</v>
      </c>
      <c r="BB37" s="71">
        <v>6</v>
      </c>
      <c r="BC37" s="71">
        <v>2</v>
      </c>
      <c r="BD37" s="72">
        <v>31</v>
      </c>
      <c r="BE37" s="73">
        <v>40</v>
      </c>
      <c r="BF37" s="70">
        <v>5</v>
      </c>
      <c r="BG37" s="71">
        <v>5</v>
      </c>
      <c r="BH37" s="72">
        <v>10</v>
      </c>
      <c r="BI37" s="244"/>
      <c r="BJ37" s="71">
        <v>13</v>
      </c>
      <c r="BK37" s="71">
        <v>9</v>
      </c>
      <c r="BL37" s="71">
        <v>8</v>
      </c>
      <c r="BM37" s="71">
        <v>5</v>
      </c>
      <c r="BN37" s="71">
        <v>3</v>
      </c>
      <c r="BO37" s="72">
        <v>38</v>
      </c>
      <c r="BP37" s="73">
        <v>48</v>
      </c>
      <c r="BQ37" s="70">
        <v>3</v>
      </c>
      <c r="BR37" s="71">
        <v>2</v>
      </c>
      <c r="BS37" s="72">
        <v>5</v>
      </c>
      <c r="BT37" s="244"/>
      <c r="BU37" s="71">
        <v>4</v>
      </c>
      <c r="BV37" s="71">
        <v>9</v>
      </c>
      <c r="BW37" s="71">
        <v>3</v>
      </c>
      <c r="BX37" s="71">
        <v>4</v>
      </c>
      <c r="BY37" s="71">
        <v>3</v>
      </c>
      <c r="BZ37" s="72">
        <v>23</v>
      </c>
      <c r="CA37" s="73">
        <v>28</v>
      </c>
      <c r="CB37" s="70">
        <v>0</v>
      </c>
      <c r="CC37" s="71">
        <v>0</v>
      </c>
      <c r="CD37" s="72">
        <v>0</v>
      </c>
      <c r="CE37" s="244"/>
      <c r="CF37" s="71">
        <v>3</v>
      </c>
      <c r="CG37" s="71">
        <v>3</v>
      </c>
      <c r="CH37" s="71">
        <v>0</v>
      </c>
      <c r="CI37" s="71">
        <v>1</v>
      </c>
      <c r="CJ37" s="71">
        <v>1</v>
      </c>
      <c r="CK37" s="72">
        <v>8</v>
      </c>
      <c r="CL37" s="73">
        <v>8</v>
      </c>
      <c r="CM37" s="70">
        <v>16</v>
      </c>
      <c r="CN37" s="71">
        <v>18</v>
      </c>
      <c r="CO37" s="72">
        <v>34</v>
      </c>
      <c r="CP37" s="244"/>
      <c r="CQ37" s="71">
        <v>41</v>
      </c>
      <c r="CR37" s="71">
        <v>41</v>
      </c>
      <c r="CS37" s="71">
        <v>17</v>
      </c>
      <c r="CT37" s="71">
        <v>28</v>
      </c>
      <c r="CU37" s="71">
        <v>13</v>
      </c>
      <c r="CV37" s="72">
        <v>140</v>
      </c>
      <c r="CW37" s="73">
        <v>174</v>
      </c>
      <c r="CX37" s="123">
        <v>47</v>
      </c>
      <c r="CY37" s="82">
        <v>34</v>
      </c>
      <c r="CZ37" s="83">
        <v>81</v>
      </c>
      <c r="DA37" s="241"/>
      <c r="DB37" s="82">
        <v>90</v>
      </c>
      <c r="DC37" s="82">
        <v>58</v>
      </c>
      <c r="DD37" s="82">
        <v>41</v>
      </c>
      <c r="DE37" s="82">
        <v>46</v>
      </c>
      <c r="DF37" s="82">
        <v>27</v>
      </c>
      <c r="DG37" s="84">
        <v>262</v>
      </c>
      <c r="DH37" s="85">
        <v>343</v>
      </c>
      <c r="DI37" s="70">
        <v>1</v>
      </c>
      <c r="DJ37" s="71">
        <v>0</v>
      </c>
      <c r="DK37" s="72">
        <v>1</v>
      </c>
      <c r="DL37" s="244"/>
      <c r="DM37" s="71">
        <v>1</v>
      </c>
      <c r="DN37" s="71">
        <v>0</v>
      </c>
      <c r="DO37" s="71">
        <v>2</v>
      </c>
      <c r="DP37" s="71">
        <v>0</v>
      </c>
      <c r="DQ37" s="71">
        <v>1</v>
      </c>
      <c r="DR37" s="72">
        <v>4</v>
      </c>
      <c r="DS37" s="73">
        <v>5</v>
      </c>
      <c r="DT37" s="70">
        <v>2</v>
      </c>
      <c r="DU37" s="71">
        <v>0</v>
      </c>
      <c r="DV37" s="72">
        <v>2</v>
      </c>
      <c r="DW37" s="244"/>
      <c r="DX37" s="71">
        <v>6</v>
      </c>
      <c r="DY37" s="71">
        <v>1</v>
      </c>
      <c r="DZ37" s="71">
        <v>0</v>
      </c>
      <c r="EA37" s="71">
        <v>1</v>
      </c>
      <c r="EB37" s="71">
        <v>3</v>
      </c>
      <c r="EC37" s="72">
        <v>11</v>
      </c>
      <c r="ED37" s="73">
        <v>13</v>
      </c>
      <c r="EE37" s="70">
        <v>5</v>
      </c>
      <c r="EF37" s="71">
        <v>3</v>
      </c>
      <c r="EG37" s="72">
        <v>8</v>
      </c>
      <c r="EH37" s="244"/>
      <c r="EI37" s="71">
        <v>7</v>
      </c>
      <c r="EJ37" s="71">
        <v>4</v>
      </c>
      <c r="EK37" s="71">
        <v>4</v>
      </c>
      <c r="EL37" s="71">
        <v>5</v>
      </c>
      <c r="EM37" s="71">
        <v>0</v>
      </c>
      <c r="EN37" s="72">
        <v>20</v>
      </c>
      <c r="EO37" s="73">
        <v>28</v>
      </c>
      <c r="EP37" s="70">
        <v>13</v>
      </c>
      <c r="EQ37" s="71">
        <v>10</v>
      </c>
      <c r="ER37" s="72">
        <v>23</v>
      </c>
      <c r="ES37" s="244"/>
      <c r="ET37" s="71">
        <v>17</v>
      </c>
      <c r="EU37" s="71">
        <v>14</v>
      </c>
      <c r="EV37" s="71">
        <v>8</v>
      </c>
      <c r="EW37" s="71">
        <v>5</v>
      </c>
      <c r="EX37" s="71">
        <v>4</v>
      </c>
      <c r="EY37" s="72">
        <v>48</v>
      </c>
      <c r="EZ37" s="73">
        <v>71</v>
      </c>
      <c r="FA37" s="70">
        <v>17</v>
      </c>
      <c r="FB37" s="71">
        <v>15</v>
      </c>
      <c r="FC37" s="72">
        <v>32</v>
      </c>
      <c r="FD37" s="244"/>
      <c r="FE37" s="71">
        <v>26</v>
      </c>
      <c r="FF37" s="71">
        <v>12</v>
      </c>
      <c r="FG37" s="71">
        <v>8</v>
      </c>
      <c r="FH37" s="71">
        <v>18</v>
      </c>
      <c r="FI37" s="71">
        <v>3</v>
      </c>
      <c r="FJ37" s="72">
        <v>67</v>
      </c>
      <c r="FK37" s="73">
        <v>99</v>
      </c>
      <c r="FL37" s="70">
        <v>9</v>
      </c>
      <c r="FM37" s="71">
        <v>6</v>
      </c>
      <c r="FN37" s="72">
        <v>15</v>
      </c>
      <c r="FO37" s="244"/>
      <c r="FP37" s="71">
        <v>33</v>
      </c>
      <c r="FQ37" s="71">
        <v>27</v>
      </c>
      <c r="FR37" s="71">
        <v>19</v>
      </c>
      <c r="FS37" s="71">
        <v>17</v>
      </c>
      <c r="FT37" s="71">
        <v>16</v>
      </c>
      <c r="FU37" s="72">
        <v>112</v>
      </c>
      <c r="FV37" s="73">
        <v>127</v>
      </c>
      <c r="FW37" s="70">
        <v>0</v>
      </c>
      <c r="FX37" s="71">
        <v>0</v>
      </c>
      <c r="FY37" s="72">
        <v>0</v>
      </c>
      <c r="FZ37" s="244"/>
      <c r="GA37" s="71">
        <v>1</v>
      </c>
      <c r="GB37" s="71">
        <v>1</v>
      </c>
      <c r="GC37" s="71">
        <v>1</v>
      </c>
      <c r="GD37" s="71">
        <v>0</v>
      </c>
      <c r="GE37" s="71">
        <v>1</v>
      </c>
      <c r="GF37" s="72">
        <v>4</v>
      </c>
      <c r="GG37" s="73">
        <v>4</v>
      </c>
      <c r="GH37" s="70">
        <v>47</v>
      </c>
      <c r="GI37" s="71">
        <v>34</v>
      </c>
      <c r="GJ37" s="72">
        <v>81</v>
      </c>
      <c r="GK37" s="244"/>
      <c r="GL37" s="71">
        <v>91</v>
      </c>
      <c r="GM37" s="71">
        <v>59</v>
      </c>
      <c r="GN37" s="71">
        <v>42</v>
      </c>
      <c r="GO37" s="71">
        <v>46</v>
      </c>
      <c r="GP37" s="71">
        <v>28</v>
      </c>
      <c r="GQ37" s="72">
        <v>266</v>
      </c>
      <c r="GR37" s="73">
        <v>347</v>
      </c>
      <c r="GS37" s="123">
        <v>63</v>
      </c>
      <c r="GT37" s="82">
        <v>52</v>
      </c>
      <c r="GU37" s="83">
        <v>115</v>
      </c>
      <c r="GV37" s="241"/>
      <c r="GW37" s="82">
        <v>128</v>
      </c>
      <c r="GX37" s="82">
        <v>96</v>
      </c>
      <c r="GY37" s="82">
        <v>58</v>
      </c>
      <c r="GZ37" s="82">
        <v>73</v>
      </c>
      <c r="HA37" s="82">
        <v>39</v>
      </c>
      <c r="HB37" s="84">
        <v>394</v>
      </c>
      <c r="HC37" s="85">
        <v>509</v>
      </c>
      <c r="HD37" s="70">
        <v>1</v>
      </c>
      <c r="HE37" s="71">
        <v>4</v>
      </c>
      <c r="HF37" s="72">
        <v>5</v>
      </c>
      <c r="HG37" s="244"/>
      <c r="HH37" s="71">
        <v>3</v>
      </c>
      <c r="HI37" s="71">
        <v>2</v>
      </c>
      <c r="HJ37" s="71">
        <v>4</v>
      </c>
      <c r="HK37" s="71">
        <v>2</v>
      </c>
      <c r="HL37" s="71">
        <v>1</v>
      </c>
      <c r="HM37" s="72">
        <v>12</v>
      </c>
      <c r="HN37" s="73">
        <v>17</v>
      </c>
      <c r="HO37" s="70">
        <v>3</v>
      </c>
      <c r="HP37" s="71">
        <v>2</v>
      </c>
      <c r="HQ37" s="72">
        <v>5</v>
      </c>
      <c r="HR37" s="244"/>
      <c r="HS37" s="71">
        <v>7</v>
      </c>
      <c r="HT37" s="71">
        <v>4</v>
      </c>
      <c r="HU37" s="71">
        <v>2</v>
      </c>
      <c r="HV37" s="71">
        <v>1</v>
      </c>
      <c r="HW37" s="71">
        <v>4</v>
      </c>
      <c r="HX37" s="72">
        <v>18</v>
      </c>
      <c r="HY37" s="73">
        <v>23</v>
      </c>
      <c r="HZ37" s="70">
        <v>6</v>
      </c>
      <c r="IA37" s="71">
        <v>5</v>
      </c>
      <c r="IB37" s="72">
        <v>11</v>
      </c>
      <c r="IC37" s="244"/>
      <c r="ID37" s="71">
        <v>14</v>
      </c>
      <c r="IE37" s="71">
        <v>8</v>
      </c>
      <c r="IF37" s="71">
        <v>5</v>
      </c>
      <c r="IG37" s="71">
        <v>15</v>
      </c>
      <c r="IH37" s="71">
        <v>3</v>
      </c>
      <c r="II37" s="72">
        <v>45</v>
      </c>
      <c r="IJ37" s="73">
        <v>56</v>
      </c>
      <c r="IK37" s="70">
        <v>19</v>
      </c>
      <c r="IL37" s="71">
        <v>13</v>
      </c>
      <c r="IM37" s="72">
        <v>32</v>
      </c>
      <c r="IN37" s="244"/>
      <c r="IO37" s="71">
        <v>28</v>
      </c>
      <c r="IP37" s="71">
        <v>25</v>
      </c>
      <c r="IQ37" s="71">
        <v>9</v>
      </c>
      <c r="IR37" s="71">
        <v>11</v>
      </c>
      <c r="IS37" s="71">
        <v>6</v>
      </c>
      <c r="IT37" s="72">
        <v>79</v>
      </c>
      <c r="IU37" s="73">
        <v>111</v>
      </c>
      <c r="IV37" s="70">
        <v>22</v>
      </c>
      <c r="IW37" s="71">
        <v>20</v>
      </c>
      <c r="IX37" s="72">
        <v>42</v>
      </c>
      <c r="IY37" s="244"/>
      <c r="IZ37" s="71">
        <v>39</v>
      </c>
      <c r="JA37" s="71">
        <v>21</v>
      </c>
      <c r="JB37" s="71">
        <v>16</v>
      </c>
      <c r="JC37" s="71">
        <v>23</v>
      </c>
      <c r="JD37" s="71">
        <v>6</v>
      </c>
      <c r="JE37" s="72">
        <v>105</v>
      </c>
      <c r="JF37" s="73">
        <v>147</v>
      </c>
      <c r="JG37" s="70">
        <v>12</v>
      </c>
      <c r="JH37" s="71">
        <v>8</v>
      </c>
      <c r="JI37" s="72">
        <v>20</v>
      </c>
      <c r="JJ37" s="244"/>
      <c r="JK37" s="71">
        <v>37</v>
      </c>
      <c r="JL37" s="71">
        <v>36</v>
      </c>
      <c r="JM37" s="71">
        <v>22</v>
      </c>
      <c r="JN37" s="71">
        <v>21</v>
      </c>
      <c r="JO37" s="71">
        <v>19</v>
      </c>
      <c r="JP37" s="72">
        <v>135</v>
      </c>
      <c r="JQ37" s="73">
        <v>155</v>
      </c>
      <c r="JR37" s="70">
        <v>0</v>
      </c>
      <c r="JS37" s="71">
        <v>0</v>
      </c>
      <c r="JT37" s="72">
        <v>0</v>
      </c>
      <c r="JU37" s="244"/>
      <c r="JV37" s="71">
        <v>4</v>
      </c>
      <c r="JW37" s="71">
        <v>4</v>
      </c>
      <c r="JX37" s="71">
        <v>1</v>
      </c>
      <c r="JY37" s="71">
        <v>1</v>
      </c>
      <c r="JZ37" s="71">
        <v>2</v>
      </c>
      <c r="KA37" s="72">
        <v>12</v>
      </c>
      <c r="KB37" s="73">
        <v>12</v>
      </c>
      <c r="KC37" s="70">
        <v>63</v>
      </c>
      <c r="KD37" s="71">
        <v>52</v>
      </c>
      <c r="KE37" s="72">
        <v>115</v>
      </c>
      <c r="KF37" s="244"/>
      <c r="KG37" s="71">
        <v>132</v>
      </c>
      <c r="KH37" s="71">
        <v>100</v>
      </c>
      <c r="KI37" s="71">
        <v>59</v>
      </c>
      <c r="KJ37" s="71">
        <v>74</v>
      </c>
      <c r="KK37" s="71">
        <v>41</v>
      </c>
      <c r="KL37" s="72">
        <v>406</v>
      </c>
      <c r="KM37" s="73">
        <v>521</v>
      </c>
    </row>
    <row r="38" spans="2:299" ht="21" customHeight="1" x14ac:dyDescent="0.2">
      <c r="B38" s="126" t="s">
        <v>35</v>
      </c>
      <c r="C38" s="313">
        <v>52</v>
      </c>
      <c r="D38" s="82">
        <v>59</v>
      </c>
      <c r="E38" s="83">
        <v>111</v>
      </c>
      <c r="F38" s="241"/>
      <c r="G38" s="82">
        <v>179</v>
      </c>
      <c r="H38" s="82">
        <v>83</v>
      </c>
      <c r="I38" s="82">
        <v>62</v>
      </c>
      <c r="J38" s="82">
        <v>50</v>
      </c>
      <c r="K38" s="82">
        <v>28</v>
      </c>
      <c r="L38" s="84">
        <v>402</v>
      </c>
      <c r="M38" s="85">
        <v>513</v>
      </c>
      <c r="N38" s="70">
        <v>1</v>
      </c>
      <c r="O38" s="71">
        <v>3</v>
      </c>
      <c r="P38" s="72">
        <v>4</v>
      </c>
      <c r="Q38" s="244"/>
      <c r="R38" s="71">
        <v>11</v>
      </c>
      <c r="S38" s="71">
        <v>3</v>
      </c>
      <c r="T38" s="71">
        <v>6</v>
      </c>
      <c r="U38" s="71">
        <v>6</v>
      </c>
      <c r="V38" s="71">
        <v>3</v>
      </c>
      <c r="W38" s="72">
        <v>29</v>
      </c>
      <c r="X38" s="73">
        <v>33</v>
      </c>
      <c r="Y38" s="70">
        <v>9</v>
      </c>
      <c r="Z38" s="71">
        <v>6</v>
      </c>
      <c r="AA38" s="72">
        <v>15</v>
      </c>
      <c r="AB38" s="244"/>
      <c r="AC38" s="71">
        <v>10</v>
      </c>
      <c r="AD38" s="71">
        <v>9</v>
      </c>
      <c r="AE38" s="71">
        <v>4</v>
      </c>
      <c r="AF38" s="71">
        <v>3</v>
      </c>
      <c r="AG38" s="71">
        <v>2</v>
      </c>
      <c r="AH38" s="72">
        <v>28</v>
      </c>
      <c r="AI38" s="73">
        <v>43</v>
      </c>
      <c r="AJ38" s="70">
        <v>9</v>
      </c>
      <c r="AK38" s="71">
        <v>13</v>
      </c>
      <c r="AL38" s="72">
        <v>22</v>
      </c>
      <c r="AM38" s="244"/>
      <c r="AN38" s="71">
        <v>33</v>
      </c>
      <c r="AO38" s="71">
        <v>12</v>
      </c>
      <c r="AP38" s="71">
        <v>12</v>
      </c>
      <c r="AQ38" s="71">
        <v>10</v>
      </c>
      <c r="AR38" s="71">
        <v>6</v>
      </c>
      <c r="AS38" s="72">
        <v>73</v>
      </c>
      <c r="AT38" s="73">
        <v>95</v>
      </c>
      <c r="AU38" s="70">
        <v>16</v>
      </c>
      <c r="AV38" s="71">
        <v>11</v>
      </c>
      <c r="AW38" s="72">
        <v>27</v>
      </c>
      <c r="AX38" s="244"/>
      <c r="AY38" s="71">
        <v>43</v>
      </c>
      <c r="AZ38" s="71">
        <v>26</v>
      </c>
      <c r="BA38" s="71">
        <v>18</v>
      </c>
      <c r="BB38" s="71">
        <v>7</v>
      </c>
      <c r="BC38" s="71">
        <v>4</v>
      </c>
      <c r="BD38" s="72">
        <v>98</v>
      </c>
      <c r="BE38" s="73">
        <v>125</v>
      </c>
      <c r="BF38" s="70">
        <v>7</v>
      </c>
      <c r="BG38" s="71">
        <v>18</v>
      </c>
      <c r="BH38" s="72">
        <v>25</v>
      </c>
      <c r="BI38" s="244"/>
      <c r="BJ38" s="71">
        <v>54</v>
      </c>
      <c r="BK38" s="71">
        <v>13</v>
      </c>
      <c r="BL38" s="71">
        <v>12</v>
      </c>
      <c r="BM38" s="71">
        <v>14</v>
      </c>
      <c r="BN38" s="71">
        <v>5</v>
      </c>
      <c r="BO38" s="72">
        <v>98</v>
      </c>
      <c r="BP38" s="73">
        <v>123</v>
      </c>
      <c r="BQ38" s="70">
        <v>10</v>
      </c>
      <c r="BR38" s="71">
        <v>8</v>
      </c>
      <c r="BS38" s="72">
        <v>18</v>
      </c>
      <c r="BT38" s="244"/>
      <c r="BU38" s="71">
        <v>28</v>
      </c>
      <c r="BV38" s="71">
        <v>20</v>
      </c>
      <c r="BW38" s="71">
        <v>10</v>
      </c>
      <c r="BX38" s="71">
        <v>10</v>
      </c>
      <c r="BY38" s="71">
        <v>8</v>
      </c>
      <c r="BZ38" s="72">
        <v>76</v>
      </c>
      <c r="CA38" s="73">
        <v>94</v>
      </c>
      <c r="CB38" s="70">
        <v>2</v>
      </c>
      <c r="CC38" s="71">
        <v>1</v>
      </c>
      <c r="CD38" s="72">
        <v>3</v>
      </c>
      <c r="CE38" s="244"/>
      <c r="CF38" s="71">
        <v>2</v>
      </c>
      <c r="CG38" s="71">
        <v>1</v>
      </c>
      <c r="CH38" s="71">
        <v>0</v>
      </c>
      <c r="CI38" s="71">
        <v>2</v>
      </c>
      <c r="CJ38" s="71">
        <v>1</v>
      </c>
      <c r="CK38" s="72">
        <v>6</v>
      </c>
      <c r="CL38" s="73">
        <v>9</v>
      </c>
      <c r="CM38" s="70">
        <v>54</v>
      </c>
      <c r="CN38" s="71">
        <v>60</v>
      </c>
      <c r="CO38" s="72">
        <v>114</v>
      </c>
      <c r="CP38" s="244"/>
      <c r="CQ38" s="71">
        <v>181</v>
      </c>
      <c r="CR38" s="71">
        <v>84</v>
      </c>
      <c r="CS38" s="71">
        <v>62</v>
      </c>
      <c r="CT38" s="71">
        <v>52</v>
      </c>
      <c r="CU38" s="71">
        <v>29</v>
      </c>
      <c r="CV38" s="72">
        <v>408</v>
      </c>
      <c r="CW38" s="73">
        <v>522</v>
      </c>
      <c r="CX38" s="123">
        <v>137</v>
      </c>
      <c r="CY38" s="82">
        <v>148</v>
      </c>
      <c r="CZ38" s="83">
        <v>285</v>
      </c>
      <c r="DA38" s="241"/>
      <c r="DB38" s="82">
        <v>321</v>
      </c>
      <c r="DC38" s="82">
        <v>182</v>
      </c>
      <c r="DD38" s="82">
        <v>160</v>
      </c>
      <c r="DE38" s="82">
        <v>174</v>
      </c>
      <c r="DF38" s="82">
        <v>83</v>
      </c>
      <c r="DG38" s="84">
        <v>920</v>
      </c>
      <c r="DH38" s="85">
        <v>1205</v>
      </c>
      <c r="DI38" s="70">
        <v>4</v>
      </c>
      <c r="DJ38" s="71">
        <v>4</v>
      </c>
      <c r="DK38" s="72">
        <v>8</v>
      </c>
      <c r="DL38" s="244"/>
      <c r="DM38" s="71">
        <v>4</v>
      </c>
      <c r="DN38" s="71">
        <v>5</v>
      </c>
      <c r="DO38" s="71">
        <v>2</v>
      </c>
      <c r="DP38" s="71">
        <v>6</v>
      </c>
      <c r="DQ38" s="71">
        <v>0</v>
      </c>
      <c r="DR38" s="72">
        <v>17</v>
      </c>
      <c r="DS38" s="73">
        <v>25</v>
      </c>
      <c r="DT38" s="70">
        <v>4</v>
      </c>
      <c r="DU38" s="71">
        <v>10</v>
      </c>
      <c r="DV38" s="72">
        <v>14</v>
      </c>
      <c r="DW38" s="244"/>
      <c r="DX38" s="71">
        <v>14</v>
      </c>
      <c r="DY38" s="71">
        <v>8</v>
      </c>
      <c r="DZ38" s="71">
        <v>9</v>
      </c>
      <c r="EA38" s="71">
        <v>10</v>
      </c>
      <c r="EB38" s="71">
        <v>2</v>
      </c>
      <c r="EC38" s="72">
        <v>43</v>
      </c>
      <c r="ED38" s="73">
        <v>57</v>
      </c>
      <c r="EE38" s="70">
        <v>18</v>
      </c>
      <c r="EF38" s="71">
        <v>28</v>
      </c>
      <c r="EG38" s="72">
        <v>46</v>
      </c>
      <c r="EH38" s="244"/>
      <c r="EI38" s="71">
        <v>36</v>
      </c>
      <c r="EJ38" s="71">
        <v>21</v>
      </c>
      <c r="EK38" s="71">
        <v>7</v>
      </c>
      <c r="EL38" s="71">
        <v>13</v>
      </c>
      <c r="EM38" s="71">
        <v>14</v>
      </c>
      <c r="EN38" s="72">
        <v>91</v>
      </c>
      <c r="EO38" s="73">
        <v>137</v>
      </c>
      <c r="EP38" s="70">
        <v>48</v>
      </c>
      <c r="EQ38" s="71">
        <v>33</v>
      </c>
      <c r="ER38" s="72">
        <v>81</v>
      </c>
      <c r="ES38" s="244"/>
      <c r="ET38" s="71">
        <v>78</v>
      </c>
      <c r="EU38" s="71">
        <v>30</v>
      </c>
      <c r="EV38" s="71">
        <v>28</v>
      </c>
      <c r="EW38" s="71">
        <v>27</v>
      </c>
      <c r="EX38" s="71">
        <v>14</v>
      </c>
      <c r="EY38" s="72">
        <v>177</v>
      </c>
      <c r="EZ38" s="73">
        <v>258</v>
      </c>
      <c r="FA38" s="70">
        <v>37</v>
      </c>
      <c r="FB38" s="71">
        <v>46</v>
      </c>
      <c r="FC38" s="72">
        <v>83</v>
      </c>
      <c r="FD38" s="244"/>
      <c r="FE38" s="71">
        <v>102</v>
      </c>
      <c r="FF38" s="71">
        <v>49</v>
      </c>
      <c r="FG38" s="71">
        <v>47</v>
      </c>
      <c r="FH38" s="71">
        <v>39</v>
      </c>
      <c r="FI38" s="71">
        <v>27</v>
      </c>
      <c r="FJ38" s="72">
        <v>264</v>
      </c>
      <c r="FK38" s="73">
        <v>347</v>
      </c>
      <c r="FL38" s="70">
        <v>26</v>
      </c>
      <c r="FM38" s="71">
        <v>27</v>
      </c>
      <c r="FN38" s="72">
        <v>53</v>
      </c>
      <c r="FO38" s="244"/>
      <c r="FP38" s="71">
        <v>87</v>
      </c>
      <c r="FQ38" s="71">
        <v>69</v>
      </c>
      <c r="FR38" s="71">
        <v>67</v>
      </c>
      <c r="FS38" s="71">
        <v>79</v>
      </c>
      <c r="FT38" s="71">
        <v>26</v>
      </c>
      <c r="FU38" s="72">
        <v>328</v>
      </c>
      <c r="FV38" s="73">
        <v>381</v>
      </c>
      <c r="FW38" s="70">
        <v>0</v>
      </c>
      <c r="FX38" s="71">
        <v>1</v>
      </c>
      <c r="FY38" s="72">
        <v>1</v>
      </c>
      <c r="FZ38" s="244"/>
      <c r="GA38" s="71">
        <v>1</v>
      </c>
      <c r="GB38" s="71">
        <v>3</v>
      </c>
      <c r="GC38" s="71">
        <v>3</v>
      </c>
      <c r="GD38" s="71">
        <v>0</v>
      </c>
      <c r="GE38" s="71">
        <v>1</v>
      </c>
      <c r="GF38" s="72">
        <v>8</v>
      </c>
      <c r="GG38" s="73">
        <v>9</v>
      </c>
      <c r="GH38" s="70">
        <v>137</v>
      </c>
      <c r="GI38" s="71">
        <v>149</v>
      </c>
      <c r="GJ38" s="72">
        <v>286</v>
      </c>
      <c r="GK38" s="244"/>
      <c r="GL38" s="71">
        <v>322</v>
      </c>
      <c r="GM38" s="71">
        <v>185</v>
      </c>
      <c r="GN38" s="71">
        <v>163</v>
      </c>
      <c r="GO38" s="71">
        <v>174</v>
      </c>
      <c r="GP38" s="71">
        <v>84</v>
      </c>
      <c r="GQ38" s="72">
        <v>928</v>
      </c>
      <c r="GR38" s="73">
        <v>1214</v>
      </c>
      <c r="GS38" s="123">
        <v>189</v>
      </c>
      <c r="GT38" s="82">
        <v>207</v>
      </c>
      <c r="GU38" s="83">
        <v>396</v>
      </c>
      <c r="GV38" s="241"/>
      <c r="GW38" s="82">
        <v>500</v>
      </c>
      <c r="GX38" s="82">
        <v>265</v>
      </c>
      <c r="GY38" s="82">
        <v>222</v>
      </c>
      <c r="GZ38" s="82">
        <v>224</v>
      </c>
      <c r="HA38" s="82">
        <v>111</v>
      </c>
      <c r="HB38" s="84">
        <v>1322</v>
      </c>
      <c r="HC38" s="85">
        <v>1718</v>
      </c>
      <c r="HD38" s="70">
        <v>5</v>
      </c>
      <c r="HE38" s="71">
        <v>7</v>
      </c>
      <c r="HF38" s="72">
        <v>12</v>
      </c>
      <c r="HG38" s="244"/>
      <c r="HH38" s="71">
        <v>15</v>
      </c>
      <c r="HI38" s="71">
        <v>8</v>
      </c>
      <c r="HJ38" s="71">
        <v>8</v>
      </c>
      <c r="HK38" s="71">
        <v>12</v>
      </c>
      <c r="HL38" s="71">
        <v>3</v>
      </c>
      <c r="HM38" s="72">
        <v>46</v>
      </c>
      <c r="HN38" s="73">
        <v>58</v>
      </c>
      <c r="HO38" s="70">
        <v>13</v>
      </c>
      <c r="HP38" s="71">
        <v>16</v>
      </c>
      <c r="HQ38" s="72">
        <v>29</v>
      </c>
      <c r="HR38" s="244"/>
      <c r="HS38" s="71">
        <v>24</v>
      </c>
      <c r="HT38" s="71">
        <v>17</v>
      </c>
      <c r="HU38" s="71">
        <v>13</v>
      </c>
      <c r="HV38" s="71">
        <v>13</v>
      </c>
      <c r="HW38" s="71">
        <v>4</v>
      </c>
      <c r="HX38" s="72">
        <v>71</v>
      </c>
      <c r="HY38" s="73">
        <v>100</v>
      </c>
      <c r="HZ38" s="70">
        <v>27</v>
      </c>
      <c r="IA38" s="71">
        <v>41</v>
      </c>
      <c r="IB38" s="72">
        <v>68</v>
      </c>
      <c r="IC38" s="244"/>
      <c r="ID38" s="71">
        <v>69</v>
      </c>
      <c r="IE38" s="71">
        <v>33</v>
      </c>
      <c r="IF38" s="71">
        <v>19</v>
      </c>
      <c r="IG38" s="71">
        <v>23</v>
      </c>
      <c r="IH38" s="71">
        <v>20</v>
      </c>
      <c r="II38" s="72">
        <v>164</v>
      </c>
      <c r="IJ38" s="73">
        <v>232</v>
      </c>
      <c r="IK38" s="70">
        <v>64</v>
      </c>
      <c r="IL38" s="71">
        <v>44</v>
      </c>
      <c r="IM38" s="72">
        <v>108</v>
      </c>
      <c r="IN38" s="244"/>
      <c r="IO38" s="71">
        <v>121</v>
      </c>
      <c r="IP38" s="71">
        <v>56</v>
      </c>
      <c r="IQ38" s="71">
        <v>46</v>
      </c>
      <c r="IR38" s="71">
        <v>34</v>
      </c>
      <c r="IS38" s="71">
        <v>18</v>
      </c>
      <c r="IT38" s="72">
        <v>275</v>
      </c>
      <c r="IU38" s="73">
        <v>383</v>
      </c>
      <c r="IV38" s="70">
        <v>44</v>
      </c>
      <c r="IW38" s="71">
        <v>64</v>
      </c>
      <c r="IX38" s="72">
        <v>108</v>
      </c>
      <c r="IY38" s="244"/>
      <c r="IZ38" s="71">
        <v>156</v>
      </c>
      <c r="JA38" s="71">
        <v>62</v>
      </c>
      <c r="JB38" s="71">
        <v>59</v>
      </c>
      <c r="JC38" s="71">
        <v>53</v>
      </c>
      <c r="JD38" s="71">
        <v>32</v>
      </c>
      <c r="JE38" s="72">
        <v>362</v>
      </c>
      <c r="JF38" s="73">
        <v>470</v>
      </c>
      <c r="JG38" s="70">
        <v>36</v>
      </c>
      <c r="JH38" s="71">
        <v>35</v>
      </c>
      <c r="JI38" s="72">
        <v>71</v>
      </c>
      <c r="JJ38" s="244"/>
      <c r="JK38" s="71">
        <v>115</v>
      </c>
      <c r="JL38" s="71">
        <v>89</v>
      </c>
      <c r="JM38" s="71">
        <v>77</v>
      </c>
      <c r="JN38" s="71">
        <v>89</v>
      </c>
      <c r="JO38" s="71">
        <v>34</v>
      </c>
      <c r="JP38" s="72">
        <v>404</v>
      </c>
      <c r="JQ38" s="73">
        <v>475</v>
      </c>
      <c r="JR38" s="70">
        <v>2</v>
      </c>
      <c r="JS38" s="71">
        <v>2</v>
      </c>
      <c r="JT38" s="72">
        <v>4</v>
      </c>
      <c r="JU38" s="244"/>
      <c r="JV38" s="71">
        <v>3</v>
      </c>
      <c r="JW38" s="71">
        <v>4</v>
      </c>
      <c r="JX38" s="71">
        <v>3</v>
      </c>
      <c r="JY38" s="71">
        <v>2</v>
      </c>
      <c r="JZ38" s="71">
        <v>2</v>
      </c>
      <c r="KA38" s="72">
        <v>14</v>
      </c>
      <c r="KB38" s="73">
        <v>18</v>
      </c>
      <c r="KC38" s="70">
        <v>191</v>
      </c>
      <c r="KD38" s="71">
        <v>209</v>
      </c>
      <c r="KE38" s="72">
        <v>400</v>
      </c>
      <c r="KF38" s="244"/>
      <c r="KG38" s="71">
        <v>503</v>
      </c>
      <c r="KH38" s="71">
        <v>269</v>
      </c>
      <c r="KI38" s="71">
        <v>225</v>
      </c>
      <c r="KJ38" s="71">
        <v>226</v>
      </c>
      <c r="KK38" s="71">
        <v>113</v>
      </c>
      <c r="KL38" s="72">
        <v>1336</v>
      </c>
      <c r="KM38" s="73">
        <v>1736</v>
      </c>
    </row>
    <row r="39" spans="2:299" ht="21" customHeight="1" x14ac:dyDescent="0.2">
      <c r="B39" s="126" t="s">
        <v>36</v>
      </c>
      <c r="C39" s="313">
        <v>67</v>
      </c>
      <c r="D39" s="82">
        <v>85</v>
      </c>
      <c r="E39" s="83">
        <v>152</v>
      </c>
      <c r="F39" s="241"/>
      <c r="G39" s="82">
        <v>143</v>
      </c>
      <c r="H39" s="82">
        <v>144</v>
      </c>
      <c r="I39" s="82">
        <v>97</v>
      </c>
      <c r="J39" s="82">
        <v>96</v>
      </c>
      <c r="K39" s="82">
        <v>55</v>
      </c>
      <c r="L39" s="84">
        <v>535</v>
      </c>
      <c r="M39" s="85">
        <v>687</v>
      </c>
      <c r="N39" s="70">
        <v>5</v>
      </c>
      <c r="O39" s="71">
        <v>7</v>
      </c>
      <c r="P39" s="72">
        <v>12</v>
      </c>
      <c r="Q39" s="244"/>
      <c r="R39" s="71">
        <v>12</v>
      </c>
      <c r="S39" s="71">
        <v>14</v>
      </c>
      <c r="T39" s="71">
        <v>7</v>
      </c>
      <c r="U39" s="71">
        <v>5</v>
      </c>
      <c r="V39" s="71">
        <v>2</v>
      </c>
      <c r="W39" s="72">
        <v>40</v>
      </c>
      <c r="X39" s="73">
        <v>52</v>
      </c>
      <c r="Y39" s="70">
        <v>10</v>
      </c>
      <c r="Z39" s="71">
        <v>12</v>
      </c>
      <c r="AA39" s="72">
        <v>22</v>
      </c>
      <c r="AB39" s="244"/>
      <c r="AC39" s="71">
        <v>19</v>
      </c>
      <c r="AD39" s="71">
        <v>27</v>
      </c>
      <c r="AE39" s="71">
        <v>13</v>
      </c>
      <c r="AF39" s="71">
        <v>14</v>
      </c>
      <c r="AG39" s="71">
        <v>7</v>
      </c>
      <c r="AH39" s="72">
        <v>80</v>
      </c>
      <c r="AI39" s="73">
        <v>102</v>
      </c>
      <c r="AJ39" s="70">
        <v>14</v>
      </c>
      <c r="AK39" s="71">
        <v>17</v>
      </c>
      <c r="AL39" s="72">
        <v>31</v>
      </c>
      <c r="AM39" s="244"/>
      <c r="AN39" s="71">
        <v>27</v>
      </c>
      <c r="AO39" s="71">
        <v>18</v>
      </c>
      <c r="AP39" s="71">
        <v>14</v>
      </c>
      <c r="AQ39" s="71">
        <v>18</v>
      </c>
      <c r="AR39" s="71">
        <v>13</v>
      </c>
      <c r="AS39" s="72">
        <v>90</v>
      </c>
      <c r="AT39" s="73">
        <v>121</v>
      </c>
      <c r="AU39" s="70">
        <v>16</v>
      </c>
      <c r="AV39" s="71">
        <v>19</v>
      </c>
      <c r="AW39" s="72">
        <v>35</v>
      </c>
      <c r="AX39" s="244"/>
      <c r="AY39" s="71">
        <v>40</v>
      </c>
      <c r="AZ39" s="71">
        <v>32</v>
      </c>
      <c r="BA39" s="71">
        <v>24</v>
      </c>
      <c r="BB39" s="71">
        <v>26</v>
      </c>
      <c r="BC39" s="71">
        <v>15</v>
      </c>
      <c r="BD39" s="72">
        <v>137</v>
      </c>
      <c r="BE39" s="73">
        <v>172</v>
      </c>
      <c r="BF39" s="70">
        <v>17</v>
      </c>
      <c r="BG39" s="71">
        <v>20</v>
      </c>
      <c r="BH39" s="72">
        <v>37</v>
      </c>
      <c r="BI39" s="244"/>
      <c r="BJ39" s="71">
        <v>29</v>
      </c>
      <c r="BK39" s="71">
        <v>30</v>
      </c>
      <c r="BL39" s="71">
        <v>25</v>
      </c>
      <c r="BM39" s="71">
        <v>19</v>
      </c>
      <c r="BN39" s="71">
        <v>7</v>
      </c>
      <c r="BO39" s="72">
        <v>110</v>
      </c>
      <c r="BP39" s="73">
        <v>147</v>
      </c>
      <c r="BQ39" s="70">
        <v>5</v>
      </c>
      <c r="BR39" s="71">
        <v>10</v>
      </c>
      <c r="BS39" s="72">
        <v>15</v>
      </c>
      <c r="BT39" s="244"/>
      <c r="BU39" s="71">
        <v>16</v>
      </c>
      <c r="BV39" s="71">
        <v>23</v>
      </c>
      <c r="BW39" s="71">
        <v>14</v>
      </c>
      <c r="BX39" s="71">
        <v>14</v>
      </c>
      <c r="BY39" s="71">
        <v>11</v>
      </c>
      <c r="BZ39" s="72">
        <v>78</v>
      </c>
      <c r="CA39" s="73">
        <v>93</v>
      </c>
      <c r="CB39" s="70">
        <v>1</v>
      </c>
      <c r="CC39" s="71">
        <v>3</v>
      </c>
      <c r="CD39" s="72">
        <v>4</v>
      </c>
      <c r="CE39" s="244"/>
      <c r="CF39" s="71">
        <v>6</v>
      </c>
      <c r="CG39" s="71">
        <v>3</v>
      </c>
      <c r="CH39" s="71">
        <v>8</v>
      </c>
      <c r="CI39" s="71">
        <v>5</v>
      </c>
      <c r="CJ39" s="71">
        <v>2</v>
      </c>
      <c r="CK39" s="72">
        <v>24</v>
      </c>
      <c r="CL39" s="73">
        <v>28</v>
      </c>
      <c r="CM39" s="70">
        <v>68</v>
      </c>
      <c r="CN39" s="71">
        <v>88</v>
      </c>
      <c r="CO39" s="72">
        <v>156</v>
      </c>
      <c r="CP39" s="244"/>
      <c r="CQ39" s="71">
        <v>149</v>
      </c>
      <c r="CR39" s="71">
        <v>147</v>
      </c>
      <c r="CS39" s="71">
        <v>105</v>
      </c>
      <c r="CT39" s="71">
        <v>101</v>
      </c>
      <c r="CU39" s="71">
        <v>57</v>
      </c>
      <c r="CV39" s="72">
        <v>559</v>
      </c>
      <c r="CW39" s="73">
        <v>715</v>
      </c>
      <c r="CX39" s="123">
        <v>95</v>
      </c>
      <c r="CY39" s="82">
        <v>187</v>
      </c>
      <c r="CZ39" s="83">
        <v>282</v>
      </c>
      <c r="DA39" s="241"/>
      <c r="DB39" s="82">
        <v>260</v>
      </c>
      <c r="DC39" s="82">
        <v>206</v>
      </c>
      <c r="DD39" s="82">
        <v>162</v>
      </c>
      <c r="DE39" s="82">
        <v>179</v>
      </c>
      <c r="DF39" s="82">
        <v>147</v>
      </c>
      <c r="DG39" s="84">
        <v>954</v>
      </c>
      <c r="DH39" s="85">
        <v>1236</v>
      </c>
      <c r="DI39" s="70">
        <v>2</v>
      </c>
      <c r="DJ39" s="71">
        <v>7</v>
      </c>
      <c r="DK39" s="72">
        <v>9</v>
      </c>
      <c r="DL39" s="244"/>
      <c r="DM39" s="71">
        <v>4</v>
      </c>
      <c r="DN39" s="71">
        <v>9</v>
      </c>
      <c r="DO39" s="71">
        <v>4</v>
      </c>
      <c r="DP39" s="71">
        <v>4</v>
      </c>
      <c r="DQ39" s="71">
        <v>4</v>
      </c>
      <c r="DR39" s="72">
        <v>25</v>
      </c>
      <c r="DS39" s="73">
        <v>34</v>
      </c>
      <c r="DT39" s="70">
        <v>6</v>
      </c>
      <c r="DU39" s="71">
        <v>22</v>
      </c>
      <c r="DV39" s="72">
        <v>28</v>
      </c>
      <c r="DW39" s="244"/>
      <c r="DX39" s="71">
        <v>21</v>
      </c>
      <c r="DY39" s="71">
        <v>14</v>
      </c>
      <c r="DZ39" s="71">
        <v>15</v>
      </c>
      <c r="EA39" s="71">
        <v>9</v>
      </c>
      <c r="EB39" s="71">
        <v>10</v>
      </c>
      <c r="EC39" s="72">
        <v>69</v>
      </c>
      <c r="ED39" s="73">
        <v>97</v>
      </c>
      <c r="EE39" s="70">
        <v>16</v>
      </c>
      <c r="EF39" s="71">
        <v>26</v>
      </c>
      <c r="EG39" s="72">
        <v>42</v>
      </c>
      <c r="EH39" s="244"/>
      <c r="EI39" s="71">
        <v>40</v>
      </c>
      <c r="EJ39" s="71">
        <v>27</v>
      </c>
      <c r="EK39" s="71">
        <v>12</v>
      </c>
      <c r="EL39" s="71">
        <v>22</v>
      </c>
      <c r="EM39" s="71">
        <v>19</v>
      </c>
      <c r="EN39" s="72">
        <v>120</v>
      </c>
      <c r="EO39" s="73">
        <v>162</v>
      </c>
      <c r="EP39" s="70">
        <v>29</v>
      </c>
      <c r="EQ39" s="71">
        <v>64</v>
      </c>
      <c r="ER39" s="72">
        <v>93</v>
      </c>
      <c r="ES39" s="244"/>
      <c r="ET39" s="71">
        <v>65</v>
      </c>
      <c r="EU39" s="71">
        <v>60</v>
      </c>
      <c r="EV39" s="71">
        <v>32</v>
      </c>
      <c r="EW39" s="71">
        <v>30</v>
      </c>
      <c r="EX39" s="71">
        <v>35</v>
      </c>
      <c r="EY39" s="72">
        <v>222</v>
      </c>
      <c r="EZ39" s="73">
        <v>315</v>
      </c>
      <c r="FA39" s="70">
        <v>29</v>
      </c>
      <c r="FB39" s="71">
        <v>44</v>
      </c>
      <c r="FC39" s="72">
        <v>73</v>
      </c>
      <c r="FD39" s="244"/>
      <c r="FE39" s="71">
        <v>75</v>
      </c>
      <c r="FF39" s="71">
        <v>42</v>
      </c>
      <c r="FG39" s="71">
        <v>48</v>
      </c>
      <c r="FH39" s="71">
        <v>44</v>
      </c>
      <c r="FI39" s="71">
        <v>33</v>
      </c>
      <c r="FJ39" s="72">
        <v>242</v>
      </c>
      <c r="FK39" s="73">
        <v>315</v>
      </c>
      <c r="FL39" s="70">
        <v>13</v>
      </c>
      <c r="FM39" s="71">
        <v>24</v>
      </c>
      <c r="FN39" s="72">
        <v>37</v>
      </c>
      <c r="FO39" s="244"/>
      <c r="FP39" s="71">
        <v>55</v>
      </c>
      <c r="FQ39" s="71">
        <v>54</v>
      </c>
      <c r="FR39" s="71">
        <v>51</v>
      </c>
      <c r="FS39" s="71">
        <v>70</v>
      </c>
      <c r="FT39" s="71">
        <v>46</v>
      </c>
      <c r="FU39" s="72">
        <v>276</v>
      </c>
      <c r="FV39" s="73">
        <v>313</v>
      </c>
      <c r="FW39" s="70">
        <v>1</v>
      </c>
      <c r="FX39" s="71">
        <v>2</v>
      </c>
      <c r="FY39" s="72">
        <v>3</v>
      </c>
      <c r="FZ39" s="244"/>
      <c r="GA39" s="71">
        <v>2</v>
      </c>
      <c r="GB39" s="71">
        <v>2</v>
      </c>
      <c r="GC39" s="71">
        <v>1</v>
      </c>
      <c r="GD39" s="71">
        <v>4</v>
      </c>
      <c r="GE39" s="71">
        <v>2</v>
      </c>
      <c r="GF39" s="72">
        <v>11</v>
      </c>
      <c r="GG39" s="73">
        <v>14</v>
      </c>
      <c r="GH39" s="70">
        <v>96</v>
      </c>
      <c r="GI39" s="71">
        <v>189</v>
      </c>
      <c r="GJ39" s="72">
        <v>285</v>
      </c>
      <c r="GK39" s="244"/>
      <c r="GL39" s="71">
        <v>262</v>
      </c>
      <c r="GM39" s="71">
        <v>208</v>
      </c>
      <c r="GN39" s="71">
        <v>163</v>
      </c>
      <c r="GO39" s="71">
        <v>183</v>
      </c>
      <c r="GP39" s="71">
        <v>149</v>
      </c>
      <c r="GQ39" s="72">
        <v>965</v>
      </c>
      <c r="GR39" s="73">
        <v>1250</v>
      </c>
      <c r="GS39" s="123">
        <v>162</v>
      </c>
      <c r="GT39" s="82">
        <v>272</v>
      </c>
      <c r="GU39" s="83">
        <v>434</v>
      </c>
      <c r="GV39" s="241"/>
      <c r="GW39" s="82">
        <v>403</v>
      </c>
      <c r="GX39" s="82">
        <v>350</v>
      </c>
      <c r="GY39" s="82">
        <v>259</v>
      </c>
      <c r="GZ39" s="82">
        <v>275</v>
      </c>
      <c r="HA39" s="82">
        <v>202</v>
      </c>
      <c r="HB39" s="84">
        <v>1489</v>
      </c>
      <c r="HC39" s="85">
        <v>1923</v>
      </c>
      <c r="HD39" s="70">
        <v>7</v>
      </c>
      <c r="HE39" s="71">
        <v>14</v>
      </c>
      <c r="HF39" s="72">
        <v>21</v>
      </c>
      <c r="HG39" s="244"/>
      <c r="HH39" s="71">
        <v>16</v>
      </c>
      <c r="HI39" s="71">
        <v>23</v>
      </c>
      <c r="HJ39" s="71">
        <v>11</v>
      </c>
      <c r="HK39" s="71">
        <v>9</v>
      </c>
      <c r="HL39" s="71">
        <v>6</v>
      </c>
      <c r="HM39" s="72">
        <v>65</v>
      </c>
      <c r="HN39" s="73">
        <v>86</v>
      </c>
      <c r="HO39" s="70">
        <v>16</v>
      </c>
      <c r="HP39" s="71">
        <v>34</v>
      </c>
      <c r="HQ39" s="72">
        <v>50</v>
      </c>
      <c r="HR39" s="244"/>
      <c r="HS39" s="71">
        <v>40</v>
      </c>
      <c r="HT39" s="71">
        <v>41</v>
      </c>
      <c r="HU39" s="71">
        <v>28</v>
      </c>
      <c r="HV39" s="71">
        <v>23</v>
      </c>
      <c r="HW39" s="71">
        <v>17</v>
      </c>
      <c r="HX39" s="72">
        <v>149</v>
      </c>
      <c r="HY39" s="73">
        <v>199</v>
      </c>
      <c r="HZ39" s="70">
        <v>30</v>
      </c>
      <c r="IA39" s="71">
        <v>43</v>
      </c>
      <c r="IB39" s="72">
        <v>73</v>
      </c>
      <c r="IC39" s="244"/>
      <c r="ID39" s="71">
        <v>67</v>
      </c>
      <c r="IE39" s="71">
        <v>45</v>
      </c>
      <c r="IF39" s="71">
        <v>26</v>
      </c>
      <c r="IG39" s="71">
        <v>40</v>
      </c>
      <c r="IH39" s="71">
        <v>32</v>
      </c>
      <c r="II39" s="72">
        <v>210</v>
      </c>
      <c r="IJ39" s="73">
        <v>283</v>
      </c>
      <c r="IK39" s="70">
        <v>45</v>
      </c>
      <c r="IL39" s="71">
        <v>83</v>
      </c>
      <c r="IM39" s="72">
        <v>128</v>
      </c>
      <c r="IN39" s="244"/>
      <c r="IO39" s="71">
        <v>105</v>
      </c>
      <c r="IP39" s="71">
        <v>92</v>
      </c>
      <c r="IQ39" s="71">
        <v>56</v>
      </c>
      <c r="IR39" s="71">
        <v>56</v>
      </c>
      <c r="IS39" s="71">
        <v>50</v>
      </c>
      <c r="IT39" s="72">
        <v>359</v>
      </c>
      <c r="IU39" s="73">
        <v>487</v>
      </c>
      <c r="IV39" s="70">
        <v>46</v>
      </c>
      <c r="IW39" s="71">
        <v>64</v>
      </c>
      <c r="IX39" s="72">
        <v>110</v>
      </c>
      <c r="IY39" s="244"/>
      <c r="IZ39" s="71">
        <v>104</v>
      </c>
      <c r="JA39" s="71">
        <v>72</v>
      </c>
      <c r="JB39" s="71">
        <v>73</v>
      </c>
      <c r="JC39" s="71">
        <v>63</v>
      </c>
      <c r="JD39" s="71">
        <v>40</v>
      </c>
      <c r="JE39" s="72">
        <v>352</v>
      </c>
      <c r="JF39" s="73">
        <v>462</v>
      </c>
      <c r="JG39" s="70">
        <v>18</v>
      </c>
      <c r="JH39" s="71">
        <v>34</v>
      </c>
      <c r="JI39" s="72">
        <v>52</v>
      </c>
      <c r="JJ39" s="244"/>
      <c r="JK39" s="71">
        <v>71</v>
      </c>
      <c r="JL39" s="71">
        <v>77</v>
      </c>
      <c r="JM39" s="71">
        <v>65</v>
      </c>
      <c r="JN39" s="71">
        <v>84</v>
      </c>
      <c r="JO39" s="71">
        <v>57</v>
      </c>
      <c r="JP39" s="72">
        <v>354</v>
      </c>
      <c r="JQ39" s="73">
        <v>406</v>
      </c>
      <c r="JR39" s="70">
        <v>2</v>
      </c>
      <c r="JS39" s="71">
        <v>5</v>
      </c>
      <c r="JT39" s="72">
        <v>7</v>
      </c>
      <c r="JU39" s="244"/>
      <c r="JV39" s="71">
        <v>8</v>
      </c>
      <c r="JW39" s="71">
        <v>5</v>
      </c>
      <c r="JX39" s="71">
        <v>9</v>
      </c>
      <c r="JY39" s="71">
        <v>9</v>
      </c>
      <c r="JZ39" s="71">
        <v>4</v>
      </c>
      <c r="KA39" s="72">
        <v>35</v>
      </c>
      <c r="KB39" s="73">
        <v>42</v>
      </c>
      <c r="KC39" s="70">
        <v>164</v>
      </c>
      <c r="KD39" s="71">
        <v>277</v>
      </c>
      <c r="KE39" s="72">
        <v>441</v>
      </c>
      <c r="KF39" s="244"/>
      <c r="KG39" s="71">
        <v>411</v>
      </c>
      <c r="KH39" s="71">
        <v>355</v>
      </c>
      <c r="KI39" s="71">
        <v>268</v>
      </c>
      <c r="KJ39" s="71">
        <v>284</v>
      </c>
      <c r="KK39" s="71">
        <v>206</v>
      </c>
      <c r="KL39" s="72">
        <v>1524</v>
      </c>
      <c r="KM39" s="73">
        <v>1965</v>
      </c>
    </row>
    <row r="40" spans="2:299" ht="21" customHeight="1" thickBot="1" x14ac:dyDescent="0.25">
      <c r="B40" s="127" t="s">
        <v>37</v>
      </c>
      <c r="C40" s="314">
        <v>3</v>
      </c>
      <c r="D40" s="87">
        <v>2</v>
      </c>
      <c r="E40" s="88">
        <v>5</v>
      </c>
      <c r="F40" s="242"/>
      <c r="G40" s="87">
        <v>9</v>
      </c>
      <c r="H40" s="87">
        <v>5</v>
      </c>
      <c r="I40" s="87">
        <v>9</v>
      </c>
      <c r="J40" s="87">
        <v>8</v>
      </c>
      <c r="K40" s="87">
        <v>1</v>
      </c>
      <c r="L40" s="89">
        <v>32</v>
      </c>
      <c r="M40" s="90">
        <v>37</v>
      </c>
      <c r="N40" s="74">
        <v>1</v>
      </c>
      <c r="O40" s="75">
        <v>0</v>
      </c>
      <c r="P40" s="76">
        <v>1</v>
      </c>
      <c r="Q40" s="245"/>
      <c r="R40" s="75">
        <v>0</v>
      </c>
      <c r="S40" s="75">
        <v>1</v>
      </c>
      <c r="T40" s="75">
        <v>0</v>
      </c>
      <c r="U40" s="75">
        <v>1</v>
      </c>
      <c r="V40" s="75">
        <v>0</v>
      </c>
      <c r="W40" s="76">
        <v>2</v>
      </c>
      <c r="X40" s="77">
        <v>3</v>
      </c>
      <c r="Y40" s="74">
        <v>1</v>
      </c>
      <c r="Z40" s="75">
        <v>0</v>
      </c>
      <c r="AA40" s="76">
        <v>1</v>
      </c>
      <c r="AB40" s="245"/>
      <c r="AC40" s="75">
        <v>0</v>
      </c>
      <c r="AD40" s="75">
        <v>1</v>
      </c>
      <c r="AE40" s="75">
        <v>2</v>
      </c>
      <c r="AF40" s="75">
        <v>2</v>
      </c>
      <c r="AG40" s="75">
        <v>0</v>
      </c>
      <c r="AH40" s="76">
        <v>5</v>
      </c>
      <c r="AI40" s="77">
        <v>6</v>
      </c>
      <c r="AJ40" s="74">
        <v>0</v>
      </c>
      <c r="AK40" s="75">
        <v>1</v>
      </c>
      <c r="AL40" s="76">
        <v>1</v>
      </c>
      <c r="AM40" s="245"/>
      <c r="AN40" s="75">
        <v>2</v>
      </c>
      <c r="AO40" s="75">
        <v>0</v>
      </c>
      <c r="AP40" s="75">
        <v>2</v>
      </c>
      <c r="AQ40" s="75">
        <v>0</v>
      </c>
      <c r="AR40" s="75">
        <v>0</v>
      </c>
      <c r="AS40" s="76">
        <v>4</v>
      </c>
      <c r="AT40" s="77">
        <v>5</v>
      </c>
      <c r="AU40" s="74">
        <v>1</v>
      </c>
      <c r="AV40" s="75">
        <v>1</v>
      </c>
      <c r="AW40" s="76">
        <v>2</v>
      </c>
      <c r="AX40" s="245"/>
      <c r="AY40" s="75">
        <v>4</v>
      </c>
      <c r="AZ40" s="75">
        <v>0</v>
      </c>
      <c r="BA40" s="75">
        <v>1</v>
      </c>
      <c r="BB40" s="75">
        <v>1</v>
      </c>
      <c r="BC40" s="75">
        <v>0</v>
      </c>
      <c r="BD40" s="76">
        <v>6</v>
      </c>
      <c r="BE40" s="77">
        <v>8</v>
      </c>
      <c r="BF40" s="74">
        <v>0</v>
      </c>
      <c r="BG40" s="75">
        <v>0</v>
      </c>
      <c r="BH40" s="76">
        <v>0</v>
      </c>
      <c r="BI40" s="245"/>
      <c r="BJ40" s="75">
        <v>1</v>
      </c>
      <c r="BK40" s="75">
        <v>1</v>
      </c>
      <c r="BL40" s="75">
        <v>3</v>
      </c>
      <c r="BM40" s="75">
        <v>4</v>
      </c>
      <c r="BN40" s="75">
        <v>0</v>
      </c>
      <c r="BO40" s="76">
        <v>9</v>
      </c>
      <c r="BP40" s="77">
        <v>9</v>
      </c>
      <c r="BQ40" s="74">
        <v>0</v>
      </c>
      <c r="BR40" s="75">
        <v>0</v>
      </c>
      <c r="BS40" s="76">
        <v>0</v>
      </c>
      <c r="BT40" s="245"/>
      <c r="BU40" s="75">
        <v>2</v>
      </c>
      <c r="BV40" s="75">
        <v>2</v>
      </c>
      <c r="BW40" s="75">
        <v>1</v>
      </c>
      <c r="BX40" s="75">
        <v>0</v>
      </c>
      <c r="BY40" s="75">
        <v>1</v>
      </c>
      <c r="BZ40" s="76">
        <v>6</v>
      </c>
      <c r="CA40" s="77">
        <v>6</v>
      </c>
      <c r="CB40" s="74">
        <v>0</v>
      </c>
      <c r="CC40" s="75">
        <v>0</v>
      </c>
      <c r="CD40" s="76">
        <v>0</v>
      </c>
      <c r="CE40" s="245"/>
      <c r="CF40" s="75">
        <v>0</v>
      </c>
      <c r="CG40" s="75">
        <v>1</v>
      </c>
      <c r="CH40" s="75">
        <v>0</v>
      </c>
      <c r="CI40" s="75">
        <v>1</v>
      </c>
      <c r="CJ40" s="75">
        <v>0</v>
      </c>
      <c r="CK40" s="76">
        <v>2</v>
      </c>
      <c r="CL40" s="77">
        <v>2</v>
      </c>
      <c r="CM40" s="74">
        <v>3</v>
      </c>
      <c r="CN40" s="75">
        <v>2</v>
      </c>
      <c r="CO40" s="76">
        <v>5</v>
      </c>
      <c r="CP40" s="245"/>
      <c r="CQ40" s="75">
        <v>9</v>
      </c>
      <c r="CR40" s="75">
        <v>6</v>
      </c>
      <c r="CS40" s="75">
        <v>9</v>
      </c>
      <c r="CT40" s="75">
        <v>9</v>
      </c>
      <c r="CU40" s="75">
        <v>1</v>
      </c>
      <c r="CV40" s="76">
        <v>34</v>
      </c>
      <c r="CW40" s="77">
        <v>39</v>
      </c>
      <c r="CX40" s="124">
        <v>15</v>
      </c>
      <c r="CY40" s="87">
        <v>4</v>
      </c>
      <c r="CZ40" s="88">
        <v>19</v>
      </c>
      <c r="DA40" s="242"/>
      <c r="DB40" s="87">
        <v>24</v>
      </c>
      <c r="DC40" s="87">
        <v>15</v>
      </c>
      <c r="DD40" s="87">
        <v>30</v>
      </c>
      <c r="DE40" s="87">
        <v>13</v>
      </c>
      <c r="DF40" s="87">
        <v>12</v>
      </c>
      <c r="DG40" s="89">
        <v>94</v>
      </c>
      <c r="DH40" s="90">
        <v>113</v>
      </c>
      <c r="DI40" s="74">
        <v>0</v>
      </c>
      <c r="DJ40" s="75">
        <v>0</v>
      </c>
      <c r="DK40" s="76">
        <v>0</v>
      </c>
      <c r="DL40" s="245"/>
      <c r="DM40" s="75">
        <v>0</v>
      </c>
      <c r="DN40" s="75">
        <v>0</v>
      </c>
      <c r="DO40" s="75">
        <v>1</v>
      </c>
      <c r="DP40" s="75">
        <v>0</v>
      </c>
      <c r="DQ40" s="75">
        <v>2</v>
      </c>
      <c r="DR40" s="76">
        <v>3</v>
      </c>
      <c r="DS40" s="77">
        <v>3</v>
      </c>
      <c r="DT40" s="74">
        <v>2</v>
      </c>
      <c r="DU40" s="75">
        <v>0</v>
      </c>
      <c r="DV40" s="76">
        <v>2</v>
      </c>
      <c r="DW40" s="245"/>
      <c r="DX40" s="75">
        <v>1</v>
      </c>
      <c r="DY40" s="75">
        <v>0</v>
      </c>
      <c r="DZ40" s="75">
        <v>0</v>
      </c>
      <c r="EA40" s="75">
        <v>1</v>
      </c>
      <c r="EB40" s="75">
        <v>0</v>
      </c>
      <c r="EC40" s="76">
        <v>2</v>
      </c>
      <c r="ED40" s="77">
        <v>4</v>
      </c>
      <c r="EE40" s="74">
        <v>1</v>
      </c>
      <c r="EF40" s="75">
        <v>0</v>
      </c>
      <c r="EG40" s="76">
        <v>1</v>
      </c>
      <c r="EH40" s="245"/>
      <c r="EI40" s="75">
        <v>1</v>
      </c>
      <c r="EJ40" s="75">
        <v>3</v>
      </c>
      <c r="EK40" s="75">
        <v>4</v>
      </c>
      <c r="EL40" s="75">
        <v>2</v>
      </c>
      <c r="EM40" s="75">
        <v>1</v>
      </c>
      <c r="EN40" s="76">
        <v>11</v>
      </c>
      <c r="EO40" s="77">
        <v>12</v>
      </c>
      <c r="EP40" s="74">
        <v>7</v>
      </c>
      <c r="EQ40" s="75">
        <v>1</v>
      </c>
      <c r="ER40" s="76">
        <v>8</v>
      </c>
      <c r="ES40" s="245"/>
      <c r="ET40" s="75">
        <v>5</v>
      </c>
      <c r="EU40" s="75">
        <v>4</v>
      </c>
      <c r="EV40" s="75">
        <v>6</v>
      </c>
      <c r="EW40" s="75">
        <v>1</v>
      </c>
      <c r="EX40" s="75">
        <v>3</v>
      </c>
      <c r="EY40" s="76">
        <v>19</v>
      </c>
      <c r="EZ40" s="77">
        <v>27</v>
      </c>
      <c r="FA40" s="74">
        <v>4</v>
      </c>
      <c r="FB40" s="75">
        <v>2</v>
      </c>
      <c r="FC40" s="76">
        <v>6</v>
      </c>
      <c r="FD40" s="245"/>
      <c r="FE40" s="75">
        <v>11</v>
      </c>
      <c r="FF40" s="75">
        <v>4</v>
      </c>
      <c r="FG40" s="75">
        <v>9</v>
      </c>
      <c r="FH40" s="75">
        <v>4</v>
      </c>
      <c r="FI40" s="75">
        <v>2</v>
      </c>
      <c r="FJ40" s="76">
        <v>30</v>
      </c>
      <c r="FK40" s="77">
        <v>36</v>
      </c>
      <c r="FL40" s="74">
        <v>1</v>
      </c>
      <c r="FM40" s="75">
        <v>1</v>
      </c>
      <c r="FN40" s="76">
        <v>2</v>
      </c>
      <c r="FO40" s="245"/>
      <c r="FP40" s="75">
        <v>6</v>
      </c>
      <c r="FQ40" s="75">
        <v>4</v>
      </c>
      <c r="FR40" s="75">
        <v>10</v>
      </c>
      <c r="FS40" s="75">
        <v>5</v>
      </c>
      <c r="FT40" s="75">
        <v>4</v>
      </c>
      <c r="FU40" s="76">
        <v>29</v>
      </c>
      <c r="FV40" s="77">
        <v>31</v>
      </c>
      <c r="FW40" s="74">
        <v>0</v>
      </c>
      <c r="FX40" s="75">
        <v>0</v>
      </c>
      <c r="FY40" s="76">
        <v>0</v>
      </c>
      <c r="FZ40" s="245"/>
      <c r="GA40" s="75">
        <v>0</v>
      </c>
      <c r="GB40" s="75">
        <v>2</v>
      </c>
      <c r="GC40" s="75">
        <v>0</v>
      </c>
      <c r="GD40" s="75">
        <v>0</v>
      </c>
      <c r="GE40" s="75">
        <v>0</v>
      </c>
      <c r="GF40" s="76">
        <v>2</v>
      </c>
      <c r="GG40" s="77">
        <v>2</v>
      </c>
      <c r="GH40" s="74">
        <v>15</v>
      </c>
      <c r="GI40" s="75">
        <v>4</v>
      </c>
      <c r="GJ40" s="76">
        <v>19</v>
      </c>
      <c r="GK40" s="245"/>
      <c r="GL40" s="75">
        <v>24</v>
      </c>
      <c r="GM40" s="75">
        <v>17</v>
      </c>
      <c r="GN40" s="75">
        <v>30</v>
      </c>
      <c r="GO40" s="75">
        <v>13</v>
      </c>
      <c r="GP40" s="75">
        <v>12</v>
      </c>
      <c r="GQ40" s="76">
        <v>96</v>
      </c>
      <c r="GR40" s="77">
        <v>115</v>
      </c>
      <c r="GS40" s="124">
        <v>18</v>
      </c>
      <c r="GT40" s="87">
        <v>6</v>
      </c>
      <c r="GU40" s="88">
        <v>24</v>
      </c>
      <c r="GV40" s="242"/>
      <c r="GW40" s="87">
        <v>33</v>
      </c>
      <c r="GX40" s="87">
        <v>20</v>
      </c>
      <c r="GY40" s="87">
        <v>39</v>
      </c>
      <c r="GZ40" s="87">
        <v>21</v>
      </c>
      <c r="HA40" s="87">
        <v>13</v>
      </c>
      <c r="HB40" s="89">
        <v>126</v>
      </c>
      <c r="HC40" s="90">
        <v>150</v>
      </c>
      <c r="HD40" s="74">
        <v>1</v>
      </c>
      <c r="HE40" s="75">
        <v>0</v>
      </c>
      <c r="HF40" s="76">
        <v>1</v>
      </c>
      <c r="HG40" s="245"/>
      <c r="HH40" s="75">
        <v>0</v>
      </c>
      <c r="HI40" s="75">
        <v>1</v>
      </c>
      <c r="HJ40" s="75">
        <v>1</v>
      </c>
      <c r="HK40" s="75">
        <v>1</v>
      </c>
      <c r="HL40" s="75">
        <v>2</v>
      </c>
      <c r="HM40" s="76">
        <v>5</v>
      </c>
      <c r="HN40" s="77">
        <v>6</v>
      </c>
      <c r="HO40" s="74">
        <v>3</v>
      </c>
      <c r="HP40" s="75">
        <v>0</v>
      </c>
      <c r="HQ40" s="76">
        <v>3</v>
      </c>
      <c r="HR40" s="245"/>
      <c r="HS40" s="75">
        <v>1</v>
      </c>
      <c r="HT40" s="75">
        <v>1</v>
      </c>
      <c r="HU40" s="75">
        <v>2</v>
      </c>
      <c r="HV40" s="75">
        <v>3</v>
      </c>
      <c r="HW40" s="75">
        <v>0</v>
      </c>
      <c r="HX40" s="76">
        <v>7</v>
      </c>
      <c r="HY40" s="77">
        <v>10</v>
      </c>
      <c r="HZ40" s="74">
        <v>1</v>
      </c>
      <c r="IA40" s="75">
        <v>1</v>
      </c>
      <c r="IB40" s="76">
        <v>2</v>
      </c>
      <c r="IC40" s="245"/>
      <c r="ID40" s="75">
        <v>3</v>
      </c>
      <c r="IE40" s="75">
        <v>3</v>
      </c>
      <c r="IF40" s="75">
        <v>6</v>
      </c>
      <c r="IG40" s="75">
        <v>2</v>
      </c>
      <c r="IH40" s="75">
        <v>1</v>
      </c>
      <c r="II40" s="76">
        <v>15</v>
      </c>
      <c r="IJ40" s="77">
        <v>17</v>
      </c>
      <c r="IK40" s="74">
        <v>8</v>
      </c>
      <c r="IL40" s="75">
        <v>2</v>
      </c>
      <c r="IM40" s="76">
        <v>10</v>
      </c>
      <c r="IN40" s="245"/>
      <c r="IO40" s="75">
        <v>9</v>
      </c>
      <c r="IP40" s="75">
        <v>4</v>
      </c>
      <c r="IQ40" s="75">
        <v>7</v>
      </c>
      <c r="IR40" s="75">
        <v>2</v>
      </c>
      <c r="IS40" s="75">
        <v>3</v>
      </c>
      <c r="IT40" s="76">
        <v>25</v>
      </c>
      <c r="IU40" s="77">
        <v>35</v>
      </c>
      <c r="IV40" s="74">
        <v>4</v>
      </c>
      <c r="IW40" s="75">
        <v>2</v>
      </c>
      <c r="IX40" s="76">
        <v>6</v>
      </c>
      <c r="IY40" s="245"/>
      <c r="IZ40" s="75">
        <v>12</v>
      </c>
      <c r="JA40" s="75">
        <v>5</v>
      </c>
      <c r="JB40" s="75">
        <v>12</v>
      </c>
      <c r="JC40" s="75">
        <v>8</v>
      </c>
      <c r="JD40" s="75">
        <v>2</v>
      </c>
      <c r="JE40" s="76">
        <v>39</v>
      </c>
      <c r="JF40" s="77">
        <v>45</v>
      </c>
      <c r="JG40" s="74">
        <v>1</v>
      </c>
      <c r="JH40" s="75">
        <v>1</v>
      </c>
      <c r="JI40" s="76">
        <v>2</v>
      </c>
      <c r="JJ40" s="245"/>
      <c r="JK40" s="75">
        <v>8</v>
      </c>
      <c r="JL40" s="75">
        <v>6</v>
      </c>
      <c r="JM40" s="75">
        <v>11</v>
      </c>
      <c r="JN40" s="75">
        <v>5</v>
      </c>
      <c r="JO40" s="75">
        <v>5</v>
      </c>
      <c r="JP40" s="76">
        <v>35</v>
      </c>
      <c r="JQ40" s="77">
        <v>37</v>
      </c>
      <c r="JR40" s="74">
        <v>0</v>
      </c>
      <c r="JS40" s="75">
        <v>0</v>
      </c>
      <c r="JT40" s="76">
        <v>0</v>
      </c>
      <c r="JU40" s="245"/>
      <c r="JV40" s="75">
        <v>0</v>
      </c>
      <c r="JW40" s="75">
        <v>3</v>
      </c>
      <c r="JX40" s="75">
        <v>0</v>
      </c>
      <c r="JY40" s="75">
        <v>1</v>
      </c>
      <c r="JZ40" s="75">
        <v>0</v>
      </c>
      <c r="KA40" s="76">
        <v>4</v>
      </c>
      <c r="KB40" s="77">
        <v>4</v>
      </c>
      <c r="KC40" s="74">
        <v>18</v>
      </c>
      <c r="KD40" s="75">
        <v>6</v>
      </c>
      <c r="KE40" s="76">
        <v>24</v>
      </c>
      <c r="KF40" s="245"/>
      <c r="KG40" s="75">
        <v>33</v>
      </c>
      <c r="KH40" s="75">
        <v>23</v>
      </c>
      <c r="KI40" s="75">
        <v>39</v>
      </c>
      <c r="KJ40" s="75">
        <v>22</v>
      </c>
      <c r="KK40" s="75">
        <v>13</v>
      </c>
      <c r="KL40" s="76">
        <v>130</v>
      </c>
      <c r="KM40" s="77">
        <v>154</v>
      </c>
    </row>
    <row r="41" spans="2:299" ht="32.25" customHeight="1" x14ac:dyDescent="0.2">
      <c r="C41" s="308"/>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490">
        <f>第１表!F2</f>
        <v>5</v>
      </c>
      <c r="I1" s="246">
        <f>第１表!G2</f>
        <v>6</v>
      </c>
      <c r="J1" s="553">
        <f>IF(I1&lt;3,I1-2+12,I1-2)</f>
        <v>4</v>
      </c>
      <c r="K1" s="553"/>
    </row>
    <row r="2" spans="2:43" ht="24" customHeight="1" thickBot="1" x14ac:dyDescent="0.25">
      <c r="B2" s="20" t="s">
        <v>157</v>
      </c>
      <c r="F2" s="20" t="s">
        <v>139</v>
      </c>
    </row>
    <row r="3" spans="2:43" ht="21" customHeight="1" x14ac:dyDescent="0.2">
      <c r="B3" s="571"/>
      <c r="C3" s="574" t="s">
        <v>57</v>
      </c>
      <c r="D3" s="575"/>
      <c r="E3" s="575"/>
      <c r="F3" s="575"/>
      <c r="G3" s="575"/>
      <c r="H3" s="575"/>
      <c r="I3" s="575"/>
      <c r="J3" s="575"/>
      <c r="K3" s="575"/>
      <c r="L3" s="575"/>
      <c r="M3" s="574" t="s">
        <v>58</v>
      </c>
      <c r="N3" s="577"/>
      <c r="O3" s="577"/>
      <c r="P3" s="577"/>
      <c r="Q3" s="577"/>
      <c r="R3" s="577"/>
      <c r="S3" s="577"/>
      <c r="T3" s="577"/>
      <c r="U3" s="577"/>
      <c r="V3" s="577"/>
      <c r="W3" s="574" t="s">
        <v>59</v>
      </c>
      <c r="X3" s="575"/>
      <c r="Y3" s="575"/>
      <c r="Z3" s="575"/>
      <c r="AA3" s="575"/>
      <c r="AB3" s="575"/>
      <c r="AC3" s="575"/>
      <c r="AD3" s="575"/>
      <c r="AE3" s="575"/>
      <c r="AF3" s="575"/>
      <c r="AG3" s="603" t="s">
        <v>150</v>
      </c>
      <c r="AH3" s="575"/>
      <c r="AI3" s="575"/>
      <c r="AJ3" s="575"/>
      <c r="AK3" s="575"/>
      <c r="AL3" s="575"/>
      <c r="AM3" s="575"/>
      <c r="AN3" s="575"/>
      <c r="AO3" s="575"/>
      <c r="AP3" s="576"/>
    </row>
    <row r="4" spans="2:43" ht="21" customHeight="1" x14ac:dyDescent="0.2">
      <c r="B4" s="573"/>
      <c r="C4" s="579" t="s">
        <v>61</v>
      </c>
      <c r="D4" s="580"/>
      <c r="E4" s="581"/>
      <c r="F4" s="582" t="s">
        <v>62</v>
      </c>
      <c r="G4" s="583"/>
      <c r="H4" s="583"/>
      <c r="I4" s="583"/>
      <c r="J4" s="583"/>
      <c r="K4" s="584"/>
      <c r="L4" s="595" t="s">
        <v>52</v>
      </c>
      <c r="M4" s="579" t="s">
        <v>61</v>
      </c>
      <c r="N4" s="580"/>
      <c r="O4" s="581"/>
      <c r="P4" s="582" t="s">
        <v>62</v>
      </c>
      <c r="Q4" s="583"/>
      <c r="R4" s="583"/>
      <c r="S4" s="583"/>
      <c r="T4" s="583"/>
      <c r="U4" s="584"/>
      <c r="V4" s="585" t="s">
        <v>52</v>
      </c>
      <c r="W4" s="579" t="s">
        <v>61</v>
      </c>
      <c r="X4" s="580"/>
      <c r="Y4" s="581"/>
      <c r="Z4" s="582" t="s">
        <v>62</v>
      </c>
      <c r="AA4" s="583"/>
      <c r="AB4" s="583"/>
      <c r="AC4" s="583"/>
      <c r="AD4" s="583"/>
      <c r="AE4" s="584"/>
      <c r="AF4" s="595" t="s">
        <v>52</v>
      </c>
      <c r="AG4" s="579" t="s">
        <v>61</v>
      </c>
      <c r="AH4" s="580"/>
      <c r="AI4" s="581"/>
      <c r="AJ4" s="582" t="s">
        <v>62</v>
      </c>
      <c r="AK4" s="583"/>
      <c r="AL4" s="583"/>
      <c r="AM4" s="583"/>
      <c r="AN4" s="583"/>
      <c r="AO4" s="584"/>
      <c r="AP4" s="585" t="s">
        <v>52</v>
      </c>
    </row>
    <row r="5" spans="2:43" ht="30" customHeight="1" thickBot="1" x14ac:dyDescent="0.25">
      <c r="B5" s="360" t="s">
        <v>42</v>
      </c>
      <c r="C5" s="31" t="s">
        <v>43</v>
      </c>
      <c r="D5" s="32" t="s">
        <v>44</v>
      </c>
      <c r="E5" s="32" t="s">
        <v>45</v>
      </c>
      <c r="F5" s="33" t="s">
        <v>47</v>
      </c>
      <c r="G5" s="34" t="s">
        <v>48</v>
      </c>
      <c r="H5" s="34" t="s">
        <v>49</v>
      </c>
      <c r="I5" s="35" t="s">
        <v>50</v>
      </c>
      <c r="J5" s="32" t="s">
        <v>51</v>
      </c>
      <c r="K5" s="36" t="s">
        <v>95</v>
      </c>
      <c r="L5" s="594"/>
      <c r="M5" s="31" t="s">
        <v>43</v>
      </c>
      <c r="N5" s="32" t="s">
        <v>44</v>
      </c>
      <c r="O5" s="36" t="s">
        <v>45</v>
      </c>
      <c r="P5" s="15" t="s">
        <v>47</v>
      </c>
      <c r="Q5" s="34" t="s">
        <v>48</v>
      </c>
      <c r="R5" s="34" t="s">
        <v>49</v>
      </c>
      <c r="S5" s="35" t="s">
        <v>50</v>
      </c>
      <c r="T5" s="32" t="s">
        <v>51</v>
      </c>
      <c r="U5" s="36" t="s">
        <v>45</v>
      </c>
      <c r="V5" s="586"/>
      <c r="W5" s="31" t="s">
        <v>43</v>
      </c>
      <c r="X5" s="32" t="s">
        <v>44</v>
      </c>
      <c r="Y5" s="32" t="s">
        <v>45</v>
      </c>
      <c r="Z5" s="33" t="s">
        <v>47</v>
      </c>
      <c r="AA5" s="34" t="s">
        <v>48</v>
      </c>
      <c r="AB5" s="34" t="s">
        <v>49</v>
      </c>
      <c r="AC5" s="35" t="s">
        <v>50</v>
      </c>
      <c r="AD5" s="32" t="s">
        <v>51</v>
      </c>
      <c r="AE5" s="36" t="s">
        <v>45</v>
      </c>
      <c r="AF5" s="594"/>
      <c r="AG5" s="31" t="s">
        <v>43</v>
      </c>
      <c r="AH5" s="32" t="s">
        <v>44</v>
      </c>
      <c r="AI5" s="32" t="s">
        <v>45</v>
      </c>
      <c r="AJ5" s="33" t="s">
        <v>47</v>
      </c>
      <c r="AK5" s="34" t="s">
        <v>48</v>
      </c>
      <c r="AL5" s="34" t="s">
        <v>49</v>
      </c>
      <c r="AM5" s="35" t="s">
        <v>50</v>
      </c>
      <c r="AN5" s="32" t="s">
        <v>51</v>
      </c>
      <c r="AO5" s="36" t="s">
        <v>45</v>
      </c>
      <c r="AP5" s="586"/>
    </row>
    <row r="6" spans="2:43" ht="21" customHeight="1" x14ac:dyDescent="0.2">
      <c r="B6" s="359" t="s">
        <v>4</v>
      </c>
      <c r="C6" s="185">
        <v>0</v>
      </c>
      <c r="D6" s="186">
        <v>0</v>
      </c>
      <c r="E6" s="186">
        <v>0</v>
      </c>
      <c r="F6" s="187">
        <v>14</v>
      </c>
      <c r="G6" s="188">
        <v>62</v>
      </c>
      <c r="H6" s="188">
        <v>460</v>
      </c>
      <c r="I6" s="188">
        <v>678</v>
      </c>
      <c r="J6" s="186">
        <v>399</v>
      </c>
      <c r="K6" s="189">
        <v>1613</v>
      </c>
      <c r="L6" s="190">
        <v>1613</v>
      </c>
      <c r="M6" s="185">
        <v>0</v>
      </c>
      <c r="N6" s="186">
        <v>0</v>
      </c>
      <c r="O6" s="189">
        <v>0</v>
      </c>
      <c r="P6" s="192">
        <v>93</v>
      </c>
      <c r="Q6" s="188">
        <v>185</v>
      </c>
      <c r="R6" s="188">
        <v>262</v>
      </c>
      <c r="S6" s="188">
        <v>339</v>
      </c>
      <c r="T6" s="186">
        <v>173</v>
      </c>
      <c r="U6" s="189">
        <v>1052</v>
      </c>
      <c r="V6" s="193">
        <v>1052</v>
      </c>
      <c r="W6" s="192">
        <v>0</v>
      </c>
      <c r="X6" s="186">
        <v>0</v>
      </c>
      <c r="Y6" s="186">
        <v>0</v>
      </c>
      <c r="Z6" s="187">
        <v>0</v>
      </c>
      <c r="AA6" s="188">
        <v>0</v>
      </c>
      <c r="AB6" s="188">
        <v>1</v>
      </c>
      <c r="AC6" s="188">
        <v>8</v>
      </c>
      <c r="AD6" s="186">
        <v>2</v>
      </c>
      <c r="AE6" s="189">
        <v>11</v>
      </c>
      <c r="AF6" s="190">
        <v>11</v>
      </c>
      <c r="AG6" s="185">
        <v>0</v>
      </c>
      <c r="AH6" s="186">
        <v>0</v>
      </c>
      <c r="AI6" s="186">
        <v>0</v>
      </c>
      <c r="AJ6" s="187">
        <v>0</v>
      </c>
      <c r="AK6" s="188">
        <v>1</v>
      </c>
      <c r="AL6" s="188">
        <v>2</v>
      </c>
      <c r="AM6" s="188">
        <v>16</v>
      </c>
      <c r="AN6" s="186">
        <v>20</v>
      </c>
      <c r="AO6" s="189">
        <v>39</v>
      </c>
      <c r="AP6" s="191">
        <v>39</v>
      </c>
      <c r="AQ6" s="37"/>
    </row>
    <row r="7" spans="2:43" ht="21" customHeight="1" x14ac:dyDescent="0.2">
      <c r="B7" s="62" t="s">
        <v>5</v>
      </c>
      <c r="C7" s="194">
        <v>0</v>
      </c>
      <c r="D7" s="195">
        <v>0</v>
      </c>
      <c r="E7" s="195">
        <v>0</v>
      </c>
      <c r="F7" s="196">
        <v>9</v>
      </c>
      <c r="G7" s="197">
        <v>47</v>
      </c>
      <c r="H7" s="197">
        <v>235</v>
      </c>
      <c r="I7" s="197">
        <v>279</v>
      </c>
      <c r="J7" s="195">
        <v>187</v>
      </c>
      <c r="K7" s="198">
        <v>757</v>
      </c>
      <c r="L7" s="199">
        <v>757</v>
      </c>
      <c r="M7" s="194">
        <v>0</v>
      </c>
      <c r="N7" s="195">
        <v>0</v>
      </c>
      <c r="O7" s="198">
        <v>0</v>
      </c>
      <c r="P7" s="201">
        <v>41</v>
      </c>
      <c r="Q7" s="197">
        <v>91</v>
      </c>
      <c r="R7" s="197">
        <v>123</v>
      </c>
      <c r="S7" s="197">
        <v>169</v>
      </c>
      <c r="T7" s="195">
        <v>84</v>
      </c>
      <c r="U7" s="198">
        <v>508</v>
      </c>
      <c r="V7" s="202">
        <v>508</v>
      </c>
      <c r="W7" s="201">
        <v>0</v>
      </c>
      <c r="X7" s="195">
        <v>0</v>
      </c>
      <c r="Y7" s="195">
        <v>0</v>
      </c>
      <c r="Z7" s="196">
        <v>0</v>
      </c>
      <c r="AA7" s="197">
        <v>0</v>
      </c>
      <c r="AB7" s="197">
        <v>0</v>
      </c>
      <c r="AC7" s="197">
        <v>4</v>
      </c>
      <c r="AD7" s="195">
        <v>1</v>
      </c>
      <c r="AE7" s="198">
        <v>5</v>
      </c>
      <c r="AF7" s="199">
        <v>5</v>
      </c>
      <c r="AG7" s="194">
        <v>0</v>
      </c>
      <c r="AH7" s="195">
        <v>0</v>
      </c>
      <c r="AI7" s="195">
        <v>0</v>
      </c>
      <c r="AJ7" s="196">
        <v>0</v>
      </c>
      <c r="AK7" s="197">
        <v>0</v>
      </c>
      <c r="AL7" s="197">
        <v>1</v>
      </c>
      <c r="AM7" s="197">
        <v>4</v>
      </c>
      <c r="AN7" s="195">
        <v>6</v>
      </c>
      <c r="AO7" s="198">
        <v>11</v>
      </c>
      <c r="AP7" s="200">
        <v>11</v>
      </c>
      <c r="AQ7" s="37"/>
    </row>
    <row r="8" spans="2:43" ht="21" customHeight="1" x14ac:dyDescent="0.2">
      <c r="B8" s="62" t="s">
        <v>6</v>
      </c>
      <c r="C8" s="194">
        <v>0</v>
      </c>
      <c r="D8" s="195">
        <v>0</v>
      </c>
      <c r="E8" s="195">
        <v>0</v>
      </c>
      <c r="F8" s="196">
        <v>1</v>
      </c>
      <c r="G8" s="197">
        <v>4</v>
      </c>
      <c r="H8" s="197">
        <v>49</v>
      </c>
      <c r="I8" s="197">
        <v>65</v>
      </c>
      <c r="J8" s="195">
        <v>46</v>
      </c>
      <c r="K8" s="198">
        <v>165</v>
      </c>
      <c r="L8" s="199">
        <v>165</v>
      </c>
      <c r="M8" s="194">
        <v>0</v>
      </c>
      <c r="N8" s="195">
        <v>0</v>
      </c>
      <c r="O8" s="198">
        <v>0</v>
      </c>
      <c r="P8" s="201">
        <v>7</v>
      </c>
      <c r="Q8" s="197">
        <v>21</v>
      </c>
      <c r="R8" s="197">
        <v>26</v>
      </c>
      <c r="S8" s="197">
        <v>36</v>
      </c>
      <c r="T8" s="195">
        <v>23</v>
      </c>
      <c r="U8" s="198">
        <v>113</v>
      </c>
      <c r="V8" s="202">
        <v>113</v>
      </c>
      <c r="W8" s="201">
        <v>0</v>
      </c>
      <c r="X8" s="195">
        <v>0</v>
      </c>
      <c r="Y8" s="195">
        <v>0</v>
      </c>
      <c r="Z8" s="196">
        <v>0</v>
      </c>
      <c r="AA8" s="197">
        <v>0</v>
      </c>
      <c r="AB8" s="197">
        <v>1</v>
      </c>
      <c r="AC8" s="197">
        <v>4</v>
      </c>
      <c r="AD8" s="195">
        <v>0</v>
      </c>
      <c r="AE8" s="198">
        <v>5</v>
      </c>
      <c r="AF8" s="199">
        <v>5</v>
      </c>
      <c r="AG8" s="194">
        <v>0</v>
      </c>
      <c r="AH8" s="195">
        <v>0</v>
      </c>
      <c r="AI8" s="195">
        <v>0</v>
      </c>
      <c r="AJ8" s="196">
        <v>0</v>
      </c>
      <c r="AK8" s="197">
        <v>0</v>
      </c>
      <c r="AL8" s="197">
        <v>0</v>
      </c>
      <c r="AM8" s="197">
        <v>4</v>
      </c>
      <c r="AN8" s="195">
        <v>4</v>
      </c>
      <c r="AO8" s="198">
        <v>8</v>
      </c>
      <c r="AP8" s="200">
        <v>8</v>
      </c>
      <c r="AQ8" s="37"/>
    </row>
    <row r="9" spans="2:43" ht="21" customHeight="1" x14ac:dyDescent="0.2">
      <c r="B9" s="62" t="s">
        <v>14</v>
      </c>
      <c r="C9" s="194">
        <v>0</v>
      </c>
      <c r="D9" s="195">
        <v>0</v>
      </c>
      <c r="E9" s="195">
        <v>0</v>
      </c>
      <c r="F9" s="196">
        <v>1</v>
      </c>
      <c r="G9" s="197">
        <v>0</v>
      </c>
      <c r="H9" s="197">
        <v>40</v>
      </c>
      <c r="I9" s="197">
        <v>53</v>
      </c>
      <c r="J9" s="195">
        <v>27</v>
      </c>
      <c r="K9" s="198">
        <v>121</v>
      </c>
      <c r="L9" s="199">
        <v>121</v>
      </c>
      <c r="M9" s="194">
        <v>0</v>
      </c>
      <c r="N9" s="195">
        <v>0</v>
      </c>
      <c r="O9" s="198">
        <v>0</v>
      </c>
      <c r="P9" s="201">
        <v>0</v>
      </c>
      <c r="Q9" s="197">
        <v>9</v>
      </c>
      <c r="R9" s="197">
        <v>14</v>
      </c>
      <c r="S9" s="197">
        <v>17</v>
      </c>
      <c r="T9" s="195">
        <v>8</v>
      </c>
      <c r="U9" s="198">
        <v>48</v>
      </c>
      <c r="V9" s="202">
        <v>48</v>
      </c>
      <c r="W9" s="201">
        <v>0</v>
      </c>
      <c r="X9" s="195">
        <v>0</v>
      </c>
      <c r="Y9" s="195">
        <v>0</v>
      </c>
      <c r="Z9" s="196">
        <v>0</v>
      </c>
      <c r="AA9" s="197">
        <v>0</v>
      </c>
      <c r="AB9" s="197">
        <v>0</v>
      </c>
      <c r="AC9" s="197">
        <v>0</v>
      </c>
      <c r="AD9" s="195">
        <v>1</v>
      </c>
      <c r="AE9" s="198">
        <v>1</v>
      </c>
      <c r="AF9" s="199">
        <v>1</v>
      </c>
      <c r="AG9" s="194">
        <v>0</v>
      </c>
      <c r="AH9" s="195">
        <v>0</v>
      </c>
      <c r="AI9" s="195">
        <v>0</v>
      </c>
      <c r="AJ9" s="196">
        <v>0</v>
      </c>
      <c r="AK9" s="197">
        <v>0</v>
      </c>
      <c r="AL9" s="197">
        <v>0</v>
      </c>
      <c r="AM9" s="197">
        <v>2</v>
      </c>
      <c r="AN9" s="195">
        <v>3</v>
      </c>
      <c r="AO9" s="198">
        <v>5</v>
      </c>
      <c r="AP9" s="200">
        <v>5</v>
      </c>
      <c r="AQ9" s="37"/>
    </row>
    <row r="10" spans="2:43" ht="21" customHeight="1" x14ac:dyDescent="0.2">
      <c r="B10" s="62" t="s">
        <v>7</v>
      </c>
      <c r="C10" s="194">
        <v>0</v>
      </c>
      <c r="D10" s="195">
        <v>0</v>
      </c>
      <c r="E10" s="195">
        <v>0</v>
      </c>
      <c r="F10" s="196">
        <v>0</v>
      </c>
      <c r="G10" s="197">
        <v>3</v>
      </c>
      <c r="H10" s="197">
        <v>17</v>
      </c>
      <c r="I10" s="197">
        <v>50</v>
      </c>
      <c r="J10" s="195">
        <v>35</v>
      </c>
      <c r="K10" s="198">
        <v>105</v>
      </c>
      <c r="L10" s="199">
        <v>105</v>
      </c>
      <c r="M10" s="194">
        <v>0</v>
      </c>
      <c r="N10" s="195">
        <v>0</v>
      </c>
      <c r="O10" s="198">
        <v>0</v>
      </c>
      <c r="P10" s="201">
        <v>16</v>
      </c>
      <c r="Q10" s="197">
        <v>9</v>
      </c>
      <c r="R10" s="197">
        <v>10</v>
      </c>
      <c r="S10" s="197">
        <v>22</v>
      </c>
      <c r="T10" s="195">
        <v>5</v>
      </c>
      <c r="U10" s="198">
        <v>62</v>
      </c>
      <c r="V10" s="202">
        <v>62</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2</v>
      </c>
      <c r="G11" s="197">
        <v>3</v>
      </c>
      <c r="H11" s="197">
        <v>12</v>
      </c>
      <c r="I11" s="197">
        <v>12</v>
      </c>
      <c r="J11" s="195">
        <v>7</v>
      </c>
      <c r="K11" s="198">
        <v>36</v>
      </c>
      <c r="L11" s="199">
        <v>36</v>
      </c>
      <c r="M11" s="194">
        <v>0</v>
      </c>
      <c r="N11" s="195">
        <v>0</v>
      </c>
      <c r="O11" s="198">
        <v>0</v>
      </c>
      <c r="P11" s="201">
        <v>3</v>
      </c>
      <c r="Q11" s="197">
        <v>3</v>
      </c>
      <c r="R11" s="197">
        <v>5</v>
      </c>
      <c r="S11" s="197">
        <v>8</v>
      </c>
      <c r="T11" s="195">
        <v>4</v>
      </c>
      <c r="U11" s="198">
        <v>23</v>
      </c>
      <c r="V11" s="202">
        <v>23</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2</v>
      </c>
      <c r="AN11" s="195">
        <v>0</v>
      </c>
      <c r="AO11" s="198">
        <v>2</v>
      </c>
      <c r="AP11" s="200">
        <v>2</v>
      </c>
      <c r="AQ11" s="37"/>
    </row>
    <row r="12" spans="2:43" ht="21" customHeight="1" x14ac:dyDescent="0.2">
      <c r="B12" s="62" t="s">
        <v>9</v>
      </c>
      <c r="C12" s="194">
        <v>0</v>
      </c>
      <c r="D12" s="195">
        <v>0</v>
      </c>
      <c r="E12" s="195">
        <v>0</v>
      </c>
      <c r="F12" s="196">
        <v>0</v>
      </c>
      <c r="G12" s="197">
        <v>0</v>
      </c>
      <c r="H12" s="197">
        <v>13</v>
      </c>
      <c r="I12" s="197">
        <v>22</v>
      </c>
      <c r="J12" s="195">
        <v>9</v>
      </c>
      <c r="K12" s="198">
        <v>44</v>
      </c>
      <c r="L12" s="199">
        <v>44</v>
      </c>
      <c r="M12" s="194">
        <v>0</v>
      </c>
      <c r="N12" s="195">
        <v>0</v>
      </c>
      <c r="O12" s="198">
        <v>0</v>
      </c>
      <c r="P12" s="201">
        <v>2</v>
      </c>
      <c r="Q12" s="197">
        <v>4</v>
      </c>
      <c r="R12" s="197">
        <v>4</v>
      </c>
      <c r="S12" s="197">
        <v>11</v>
      </c>
      <c r="T12" s="195">
        <v>5</v>
      </c>
      <c r="U12" s="198">
        <v>26</v>
      </c>
      <c r="V12" s="202">
        <v>26</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1</v>
      </c>
      <c r="AN12" s="195">
        <v>0</v>
      </c>
      <c r="AO12" s="198">
        <v>1</v>
      </c>
      <c r="AP12" s="200">
        <v>1</v>
      </c>
      <c r="AQ12" s="37"/>
    </row>
    <row r="13" spans="2:43" ht="21" customHeight="1" x14ac:dyDescent="0.2">
      <c r="B13" s="62" t="s">
        <v>10</v>
      </c>
      <c r="C13" s="194">
        <v>0</v>
      </c>
      <c r="D13" s="195">
        <v>0</v>
      </c>
      <c r="E13" s="195">
        <v>0</v>
      </c>
      <c r="F13" s="196">
        <v>1</v>
      </c>
      <c r="G13" s="197">
        <v>0</v>
      </c>
      <c r="H13" s="197">
        <v>18</v>
      </c>
      <c r="I13" s="197">
        <v>32</v>
      </c>
      <c r="J13" s="195">
        <v>17</v>
      </c>
      <c r="K13" s="198">
        <v>68</v>
      </c>
      <c r="L13" s="199">
        <v>68</v>
      </c>
      <c r="M13" s="194">
        <v>0</v>
      </c>
      <c r="N13" s="195">
        <v>0</v>
      </c>
      <c r="O13" s="198">
        <v>0</v>
      </c>
      <c r="P13" s="201">
        <v>4</v>
      </c>
      <c r="Q13" s="197">
        <v>6</v>
      </c>
      <c r="R13" s="197">
        <v>11</v>
      </c>
      <c r="S13" s="197">
        <v>10</v>
      </c>
      <c r="T13" s="195">
        <v>7</v>
      </c>
      <c r="U13" s="198">
        <v>38</v>
      </c>
      <c r="V13" s="202">
        <v>38</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1" customHeight="1" x14ac:dyDescent="0.2">
      <c r="B14" s="62" t="s">
        <v>11</v>
      </c>
      <c r="C14" s="194">
        <v>0</v>
      </c>
      <c r="D14" s="195">
        <v>0</v>
      </c>
      <c r="E14" s="195">
        <v>0</v>
      </c>
      <c r="F14" s="196">
        <v>0</v>
      </c>
      <c r="G14" s="197">
        <v>0</v>
      </c>
      <c r="H14" s="197">
        <v>4</v>
      </c>
      <c r="I14" s="197">
        <v>16</v>
      </c>
      <c r="J14" s="195">
        <v>5</v>
      </c>
      <c r="K14" s="198">
        <v>25</v>
      </c>
      <c r="L14" s="199">
        <v>25</v>
      </c>
      <c r="M14" s="194">
        <v>0</v>
      </c>
      <c r="N14" s="195">
        <v>0</v>
      </c>
      <c r="O14" s="198">
        <v>0</v>
      </c>
      <c r="P14" s="201">
        <v>1</v>
      </c>
      <c r="Q14" s="197">
        <v>1</v>
      </c>
      <c r="R14" s="197">
        <v>5</v>
      </c>
      <c r="S14" s="197">
        <v>4</v>
      </c>
      <c r="T14" s="195">
        <v>7</v>
      </c>
      <c r="U14" s="198">
        <v>18</v>
      </c>
      <c r="V14" s="202">
        <v>18</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1</v>
      </c>
      <c r="AN14" s="195">
        <v>0</v>
      </c>
      <c r="AO14" s="198">
        <v>1</v>
      </c>
      <c r="AP14" s="200">
        <v>1</v>
      </c>
      <c r="AQ14" s="37"/>
    </row>
    <row r="15" spans="2:43" ht="21" customHeight="1" x14ac:dyDescent="0.2">
      <c r="B15" s="62" t="s">
        <v>12</v>
      </c>
      <c r="C15" s="194">
        <v>0</v>
      </c>
      <c r="D15" s="195">
        <v>0</v>
      </c>
      <c r="E15" s="195">
        <v>0</v>
      </c>
      <c r="F15" s="196">
        <v>0</v>
      </c>
      <c r="G15" s="197">
        <v>0</v>
      </c>
      <c r="H15" s="197">
        <v>7</v>
      </c>
      <c r="I15" s="197">
        <v>21</v>
      </c>
      <c r="J15" s="195">
        <v>8</v>
      </c>
      <c r="K15" s="198">
        <v>36</v>
      </c>
      <c r="L15" s="199">
        <v>36</v>
      </c>
      <c r="M15" s="194">
        <v>0</v>
      </c>
      <c r="N15" s="195">
        <v>0</v>
      </c>
      <c r="O15" s="198">
        <v>0</v>
      </c>
      <c r="P15" s="201">
        <v>2</v>
      </c>
      <c r="Q15" s="197">
        <v>6</v>
      </c>
      <c r="R15" s="197">
        <v>6</v>
      </c>
      <c r="S15" s="197">
        <v>10</v>
      </c>
      <c r="T15" s="195">
        <v>2</v>
      </c>
      <c r="U15" s="198">
        <v>26</v>
      </c>
      <c r="V15" s="202">
        <v>26</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3</v>
      </c>
      <c r="I16" s="197">
        <v>11</v>
      </c>
      <c r="J16" s="195">
        <v>7</v>
      </c>
      <c r="K16" s="198">
        <v>21</v>
      </c>
      <c r="L16" s="199">
        <v>21</v>
      </c>
      <c r="M16" s="194">
        <v>0</v>
      </c>
      <c r="N16" s="195">
        <v>0</v>
      </c>
      <c r="O16" s="198">
        <v>0</v>
      </c>
      <c r="P16" s="201">
        <v>0</v>
      </c>
      <c r="Q16" s="197">
        <v>3</v>
      </c>
      <c r="R16" s="197">
        <v>5</v>
      </c>
      <c r="S16" s="197">
        <v>2</v>
      </c>
      <c r="T16" s="195">
        <v>1</v>
      </c>
      <c r="U16" s="198">
        <v>11</v>
      </c>
      <c r="V16" s="202">
        <v>11</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7</v>
      </c>
      <c r="J17" s="195">
        <v>2</v>
      </c>
      <c r="K17" s="198">
        <v>10</v>
      </c>
      <c r="L17" s="199">
        <v>10</v>
      </c>
      <c r="M17" s="194">
        <v>0</v>
      </c>
      <c r="N17" s="195">
        <v>0</v>
      </c>
      <c r="O17" s="198">
        <v>0</v>
      </c>
      <c r="P17" s="201">
        <v>0</v>
      </c>
      <c r="Q17" s="197">
        <v>2</v>
      </c>
      <c r="R17" s="197">
        <v>1</v>
      </c>
      <c r="S17" s="197">
        <v>4</v>
      </c>
      <c r="T17" s="195">
        <v>3</v>
      </c>
      <c r="U17" s="198">
        <v>10</v>
      </c>
      <c r="V17" s="202">
        <v>10</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1</v>
      </c>
      <c r="H18" s="197">
        <v>7</v>
      </c>
      <c r="I18" s="197">
        <v>11</v>
      </c>
      <c r="J18" s="195">
        <v>3</v>
      </c>
      <c r="K18" s="198">
        <v>22</v>
      </c>
      <c r="L18" s="199">
        <v>22</v>
      </c>
      <c r="M18" s="194">
        <v>0</v>
      </c>
      <c r="N18" s="195">
        <v>0</v>
      </c>
      <c r="O18" s="198">
        <v>0</v>
      </c>
      <c r="P18" s="201">
        <v>0</v>
      </c>
      <c r="Q18" s="197">
        <v>4</v>
      </c>
      <c r="R18" s="197">
        <v>6</v>
      </c>
      <c r="S18" s="197">
        <v>8</v>
      </c>
      <c r="T18" s="195">
        <v>2</v>
      </c>
      <c r="U18" s="198">
        <v>20</v>
      </c>
      <c r="V18" s="202">
        <v>20</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2</v>
      </c>
      <c r="AO18" s="198">
        <v>2</v>
      </c>
      <c r="AP18" s="200">
        <v>2</v>
      </c>
      <c r="AQ18" s="37"/>
    </row>
    <row r="19" spans="2:43" ht="21" customHeight="1" x14ac:dyDescent="0.2">
      <c r="B19" s="62" t="s">
        <v>17</v>
      </c>
      <c r="C19" s="194">
        <v>0</v>
      </c>
      <c r="D19" s="195">
        <v>0</v>
      </c>
      <c r="E19" s="195">
        <v>0</v>
      </c>
      <c r="F19" s="196">
        <v>0</v>
      </c>
      <c r="G19" s="197">
        <v>1</v>
      </c>
      <c r="H19" s="197">
        <v>9</v>
      </c>
      <c r="I19" s="197">
        <v>16</v>
      </c>
      <c r="J19" s="195">
        <v>10</v>
      </c>
      <c r="K19" s="198">
        <v>36</v>
      </c>
      <c r="L19" s="199">
        <v>36</v>
      </c>
      <c r="M19" s="194">
        <v>0</v>
      </c>
      <c r="N19" s="195">
        <v>0</v>
      </c>
      <c r="O19" s="198">
        <v>0</v>
      </c>
      <c r="P19" s="201">
        <v>6</v>
      </c>
      <c r="Q19" s="197">
        <v>4</v>
      </c>
      <c r="R19" s="197">
        <v>11</v>
      </c>
      <c r="S19" s="197">
        <v>6</v>
      </c>
      <c r="T19" s="195">
        <v>8</v>
      </c>
      <c r="U19" s="198">
        <v>35</v>
      </c>
      <c r="V19" s="202">
        <v>35</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0</v>
      </c>
      <c r="AO19" s="198">
        <v>0</v>
      </c>
      <c r="AP19" s="200">
        <v>0</v>
      </c>
      <c r="AQ19" s="37"/>
    </row>
    <row r="20" spans="2:43" ht="21" customHeight="1" x14ac:dyDescent="0.2">
      <c r="B20" s="62" t="s">
        <v>18</v>
      </c>
      <c r="C20" s="194">
        <v>0</v>
      </c>
      <c r="D20" s="195">
        <v>0</v>
      </c>
      <c r="E20" s="195">
        <v>0</v>
      </c>
      <c r="F20" s="196">
        <v>0</v>
      </c>
      <c r="G20" s="197">
        <v>0</v>
      </c>
      <c r="H20" s="197">
        <v>5</v>
      </c>
      <c r="I20" s="197">
        <v>24</v>
      </c>
      <c r="J20" s="195">
        <v>6</v>
      </c>
      <c r="K20" s="198">
        <v>35</v>
      </c>
      <c r="L20" s="199">
        <v>35</v>
      </c>
      <c r="M20" s="194">
        <v>0</v>
      </c>
      <c r="N20" s="195">
        <v>0</v>
      </c>
      <c r="O20" s="198">
        <v>0</v>
      </c>
      <c r="P20" s="201">
        <v>3</v>
      </c>
      <c r="Q20" s="197">
        <v>4</v>
      </c>
      <c r="R20" s="197">
        <v>6</v>
      </c>
      <c r="S20" s="197">
        <v>5</v>
      </c>
      <c r="T20" s="195">
        <v>3</v>
      </c>
      <c r="U20" s="198">
        <v>21</v>
      </c>
      <c r="V20" s="202">
        <v>21</v>
      </c>
      <c r="W20" s="201">
        <v>0</v>
      </c>
      <c r="X20" s="195">
        <v>0</v>
      </c>
      <c r="Y20" s="195">
        <v>0</v>
      </c>
      <c r="Z20" s="196">
        <v>0</v>
      </c>
      <c r="AA20" s="197">
        <v>0</v>
      </c>
      <c r="AB20" s="197">
        <v>0</v>
      </c>
      <c r="AC20" s="197">
        <v>0</v>
      </c>
      <c r="AD20" s="195">
        <v>0</v>
      </c>
      <c r="AE20" s="198">
        <v>0</v>
      </c>
      <c r="AF20" s="199">
        <v>0</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5</v>
      </c>
      <c r="I21" s="197">
        <v>4</v>
      </c>
      <c r="J21" s="195">
        <v>6</v>
      </c>
      <c r="K21" s="198">
        <v>15</v>
      </c>
      <c r="L21" s="199">
        <v>15</v>
      </c>
      <c r="M21" s="194">
        <v>0</v>
      </c>
      <c r="N21" s="195">
        <v>0</v>
      </c>
      <c r="O21" s="198">
        <v>0</v>
      </c>
      <c r="P21" s="201">
        <v>0</v>
      </c>
      <c r="Q21" s="197">
        <v>3</v>
      </c>
      <c r="R21" s="197">
        <v>5</v>
      </c>
      <c r="S21" s="197">
        <v>3</v>
      </c>
      <c r="T21" s="195">
        <v>1</v>
      </c>
      <c r="U21" s="198">
        <v>12</v>
      </c>
      <c r="V21" s="202">
        <v>12</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9</v>
      </c>
      <c r="I22" s="197">
        <v>13</v>
      </c>
      <c r="J22" s="195">
        <v>5</v>
      </c>
      <c r="K22" s="198">
        <v>28</v>
      </c>
      <c r="L22" s="199">
        <v>28</v>
      </c>
      <c r="M22" s="194">
        <v>0</v>
      </c>
      <c r="N22" s="195">
        <v>0</v>
      </c>
      <c r="O22" s="198">
        <v>0</v>
      </c>
      <c r="P22" s="201">
        <v>1</v>
      </c>
      <c r="Q22" s="197">
        <v>1</v>
      </c>
      <c r="R22" s="197">
        <v>2</v>
      </c>
      <c r="S22" s="197">
        <v>2</v>
      </c>
      <c r="T22" s="195">
        <v>0</v>
      </c>
      <c r="U22" s="198">
        <v>6</v>
      </c>
      <c r="V22" s="202">
        <v>6</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1</v>
      </c>
      <c r="AO22" s="198">
        <v>1</v>
      </c>
      <c r="AP22" s="200">
        <v>1</v>
      </c>
      <c r="AQ22" s="37"/>
    </row>
    <row r="23" spans="2:43" ht="21" customHeight="1" x14ac:dyDescent="0.2">
      <c r="B23" s="62" t="s">
        <v>21</v>
      </c>
      <c r="C23" s="194">
        <v>0</v>
      </c>
      <c r="D23" s="195">
        <v>0</v>
      </c>
      <c r="E23" s="195">
        <v>0</v>
      </c>
      <c r="F23" s="196">
        <v>0</v>
      </c>
      <c r="G23" s="197">
        <v>0</v>
      </c>
      <c r="H23" s="197">
        <v>10</v>
      </c>
      <c r="I23" s="197">
        <v>11</v>
      </c>
      <c r="J23" s="195">
        <v>6</v>
      </c>
      <c r="K23" s="198">
        <v>27</v>
      </c>
      <c r="L23" s="199">
        <v>27</v>
      </c>
      <c r="M23" s="194">
        <v>0</v>
      </c>
      <c r="N23" s="195">
        <v>0</v>
      </c>
      <c r="O23" s="198">
        <v>0</v>
      </c>
      <c r="P23" s="201">
        <v>0</v>
      </c>
      <c r="Q23" s="197">
        <v>1</v>
      </c>
      <c r="R23" s="197">
        <v>2</v>
      </c>
      <c r="S23" s="197">
        <v>1</v>
      </c>
      <c r="T23" s="195">
        <v>2</v>
      </c>
      <c r="U23" s="198">
        <v>6</v>
      </c>
      <c r="V23" s="202">
        <v>6</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1</v>
      </c>
      <c r="AO23" s="198">
        <v>1</v>
      </c>
      <c r="AP23" s="200">
        <v>1</v>
      </c>
      <c r="AQ23" s="37"/>
    </row>
    <row r="24" spans="2:43" ht="21" customHeight="1" x14ac:dyDescent="0.2">
      <c r="B24" s="62" t="s">
        <v>22</v>
      </c>
      <c r="C24" s="194">
        <v>0</v>
      </c>
      <c r="D24" s="195">
        <v>0</v>
      </c>
      <c r="E24" s="195">
        <v>0</v>
      </c>
      <c r="F24" s="196">
        <v>0</v>
      </c>
      <c r="G24" s="197">
        <v>0</v>
      </c>
      <c r="H24" s="197">
        <v>3</v>
      </c>
      <c r="I24" s="197">
        <v>4</v>
      </c>
      <c r="J24" s="195">
        <v>0</v>
      </c>
      <c r="K24" s="198">
        <v>7</v>
      </c>
      <c r="L24" s="199">
        <v>7</v>
      </c>
      <c r="M24" s="194">
        <v>0</v>
      </c>
      <c r="N24" s="195">
        <v>0</v>
      </c>
      <c r="O24" s="198">
        <v>0</v>
      </c>
      <c r="P24" s="201">
        <v>1</v>
      </c>
      <c r="Q24" s="197">
        <v>1</v>
      </c>
      <c r="R24" s="197">
        <v>1</v>
      </c>
      <c r="S24" s="197">
        <v>2</v>
      </c>
      <c r="T24" s="195">
        <v>1</v>
      </c>
      <c r="U24" s="198">
        <v>6</v>
      </c>
      <c r="V24" s="202">
        <v>6</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2</v>
      </c>
      <c r="I25" s="197">
        <v>5</v>
      </c>
      <c r="J25" s="195">
        <v>1</v>
      </c>
      <c r="K25" s="198">
        <v>8</v>
      </c>
      <c r="L25" s="199">
        <v>8</v>
      </c>
      <c r="M25" s="194">
        <v>0</v>
      </c>
      <c r="N25" s="195">
        <v>0</v>
      </c>
      <c r="O25" s="198">
        <v>0</v>
      </c>
      <c r="P25" s="201">
        <v>1</v>
      </c>
      <c r="Q25" s="197">
        <v>1</v>
      </c>
      <c r="R25" s="197">
        <v>1</v>
      </c>
      <c r="S25" s="197">
        <v>3</v>
      </c>
      <c r="T25" s="195">
        <v>2</v>
      </c>
      <c r="U25" s="198">
        <v>8</v>
      </c>
      <c r="V25" s="202">
        <v>8</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1" customHeight="1" x14ac:dyDescent="0.2">
      <c r="B26" s="62" t="s">
        <v>24</v>
      </c>
      <c r="C26" s="194">
        <v>0</v>
      </c>
      <c r="D26" s="195">
        <v>0</v>
      </c>
      <c r="E26" s="195">
        <v>0</v>
      </c>
      <c r="F26" s="196">
        <v>0</v>
      </c>
      <c r="G26" s="197">
        <v>0</v>
      </c>
      <c r="H26" s="197">
        <v>0</v>
      </c>
      <c r="I26" s="197">
        <v>3</v>
      </c>
      <c r="J26" s="195">
        <v>2</v>
      </c>
      <c r="K26" s="198">
        <v>5</v>
      </c>
      <c r="L26" s="199">
        <v>5</v>
      </c>
      <c r="M26" s="194">
        <v>0</v>
      </c>
      <c r="N26" s="195">
        <v>0</v>
      </c>
      <c r="O26" s="198">
        <v>0</v>
      </c>
      <c r="P26" s="201">
        <v>0</v>
      </c>
      <c r="Q26" s="197">
        <v>1</v>
      </c>
      <c r="R26" s="197">
        <v>3</v>
      </c>
      <c r="S26" s="197">
        <v>2</v>
      </c>
      <c r="T26" s="195">
        <v>0</v>
      </c>
      <c r="U26" s="198">
        <v>6</v>
      </c>
      <c r="V26" s="202">
        <v>6</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1</v>
      </c>
      <c r="H27" s="197">
        <v>4</v>
      </c>
      <c r="I27" s="197">
        <v>1</v>
      </c>
      <c r="J27" s="195">
        <v>2</v>
      </c>
      <c r="K27" s="198">
        <v>8</v>
      </c>
      <c r="L27" s="199">
        <v>8</v>
      </c>
      <c r="M27" s="194">
        <v>0</v>
      </c>
      <c r="N27" s="195">
        <v>0</v>
      </c>
      <c r="O27" s="198">
        <v>0</v>
      </c>
      <c r="P27" s="201">
        <v>1</v>
      </c>
      <c r="Q27" s="197">
        <v>1</v>
      </c>
      <c r="R27" s="197">
        <v>1</v>
      </c>
      <c r="S27" s="197">
        <v>2</v>
      </c>
      <c r="T27" s="195">
        <v>4</v>
      </c>
      <c r="U27" s="198">
        <v>9</v>
      </c>
      <c r="V27" s="202">
        <v>9</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3</v>
      </c>
      <c r="I28" s="197">
        <v>5</v>
      </c>
      <c r="J28" s="195">
        <v>2</v>
      </c>
      <c r="K28" s="198">
        <v>10</v>
      </c>
      <c r="L28" s="199">
        <v>10</v>
      </c>
      <c r="M28" s="194">
        <v>0</v>
      </c>
      <c r="N28" s="195">
        <v>0</v>
      </c>
      <c r="O28" s="198">
        <v>0</v>
      </c>
      <c r="P28" s="201">
        <v>0</v>
      </c>
      <c r="Q28" s="197">
        <v>1</v>
      </c>
      <c r="R28" s="197">
        <v>2</v>
      </c>
      <c r="S28" s="197">
        <v>2</v>
      </c>
      <c r="T28" s="195">
        <v>0</v>
      </c>
      <c r="U28" s="198">
        <v>5</v>
      </c>
      <c r="V28" s="202">
        <v>5</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1</v>
      </c>
      <c r="H29" s="197">
        <v>0</v>
      </c>
      <c r="I29" s="197">
        <v>2</v>
      </c>
      <c r="J29" s="195">
        <v>0</v>
      </c>
      <c r="K29" s="198">
        <v>3</v>
      </c>
      <c r="L29" s="199">
        <v>3</v>
      </c>
      <c r="M29" s="194">
        <v>0</v>
      </c>
      <c r="N29" s="195">
        <v>0</v>
      </c>
      <c r="O29" s="198">
        <v>0</v>
      </c>
      <c r="P29" s="201">
        <v>1</v>
      </c>
      <c r="Q29" s="197">
        <v>2</v>
      </c>
      <c r="R29" s="197">
        <v>4</v>
      </c>
      <c r="S29" s="197">
        <v>2</v>
      </c>
      <c r="T29" s="195">
        <v>0</v>
      </c>
      <c r="U29" s="198">
        <v>9</v>
      </c>
      <c r="V29" s="202">
        <v>9</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1"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1</v>
      </c>
      <c r="S30" s="197">
        <v>2</v>
      </c>
      <c r="T30" s="195">
        <v>0</v>
      </c>
      <c r="U30" s="198">
        <v>4</v>
      </c>
      <c r="V30" s="202">
        <v>4</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1</v>
      </c>
      <c r="J31" s="195">
        <v>0</v>
      </c>
      <c r="K31" s="198">
        <v>1</v>
      </c>
      <c r="L31" s="199">
        <v>1</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0</v>
      </c>
      <c r="I32" s="197">
        <v>2</v>
      </c>
      <c r="J32" s="195">
        <v>1</v>
      </c>
      <c r="K32" s="198">
        <v>3</v>
      </c>
      <c r="L32" s="199">
        <v>3</v>
      </c>
      <c r="M32" s="194">
        <v>0</v>
      </c>
      <c r="N32" s="195">
        <v>0</v>
      </c>
      <c r="O32" s="198">
        <v>0</v>
      </c>
      <c r="P32" s="201">
        <v>2</v>
      </c>
      <c r="Q32" s="197">
        <v>0</v>
      </c>
      <c r="R32" s="197">
        <v>1</v>
      </c>
      <c r="S32" s="197">
        <v>3</v>
      </c>
      <c r="T32" s="195">
        <v>1</v>
      </c>
      <c r="U32" s="198">
        <v>7</v>
      </c>
      <c r="V32" s="202">
        <v>7</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1" customHeight="1" x14ac:dyDescent="0.2">
      <c r="B33" s="62" t="s">
        <v>31</v>
      </c>
      <c r="C33" s="194">
        <v>0</v>
      </c>
      <c r="D33" s="195">
        <v>0</v>
      </c>
      <c r="E33" s="195">
        <v>0</v>
      </c>
      <c r="F33" s="196">
        <v>0</v>
      </c>
      <c r="G33" s="197">
        <v>0</v>
      </c>
      <c r="H33" s="197">
        <v>1</v>
      </c>
      <c r="I33" s="197">
        <v>1</v>
      </c>
      <c r="J33" s="195">
        <v>1</v>
      </c>
      <c r="K33" s="198">
        <v>3</v>
      </c>
      <c r="L33" s="199">
        <v>3</v>
      </c>
      <c r="M33" s="194">
        <v>0</v>
      </c>
      <c r="N33" s="195">
        <v>0</v>
      </c>
      <c r="O33" s="198">
        <v>0</v>
      </c>
      <c r="P33" s="201">
        <v>0</v>
      </c>
      <c r="Q33" s="197">
        <v>0</v>
      </c>
      <c r="R33" s="197">
        <v>1</v>
      </c>
      <c r="S33" s="197">
        <v>0</v>
      </c>
      <c r="T33" s="195">
        <v>0</v>
      </c>
      <c r="U33" s="198">
        <v>1</v>
      </c>
      <c r="V33" s="202">
        <v>1</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1</v>
      </c>
      <c r="I34" s="197">
        <v>3</v>
      </c>
      <c r="J34" s="195">
        <v>0</v>
      </c>
      <c r="K34" s="198">
        <v>4</v>
      </c>
      <c r="L34" s="199">
        <v>4</v>
      </c>
      <c r="M34" s="194">
        <v>0</v>
      </c>
      <c r="N34" s="195">
        <v>0</v>
      </c>
      <c r="O34" s="198">
        <v>0</v>
      </c>
      <c r="P34" s="201">
        <v>0</v>
      </c>
      <c r="Q34" s="197">
        <v>1</v>
      </c>
      <c r="R34" s="197">
        <v>0</v>
      </c>
      <c r="S34" s="197">
        <v>2</v>
      </c>
      <c r="T34" s="195">
        <v>0</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1</v>
      </c>
      <c r="AM35" s="197">
        <v>0</v>
      </c>
      <c r="AN35" s="195">
        <v>0</v>
      </c>
      <c r="AO35" s="198">
        <v>2</v>
      </c>
      <c r="AP35" s="200">
        <v>2</v>
      </c>
      <c r="AQ35" s="37"/>
    </row>
    <row r="36" spans="2:43" ht="21"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1</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1</v>
      </c>
      <c r="J37" s="195">
        <v>2</v>
      </c>
      <c r="K37" s="198">
        <v>3</v>
      </c>
      <c r="L37" s="199">
        <v>3</v>
      </c>
      <c r="M37" s="194">
        <v>0</v>
      </c>
      <c r="N37" s="195">
        <v>0</v>
      </c>
      <c r="O37" s="198">
        <v>0</v>
      </c>
      <c r="P37" s="201">
        <v>1</v>
      </c>
      <c r="Q37" s="197">
        <v>2</v>
      </c>
      <c r="R37" s="197">
        <v>2</v>
      </c>
      <c r="S37" s="197">
        <v>1</v>
      </c>
      <c r="T37" s="195">
        <v>0</v>
      </c>
      <c r="U37" s="198">
        <v>6</v>
      </c>
      <c r="V37" s="202">
        <v>6</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0</v>
      </c>
      <c r="I38" s="197">
        <v>2</v>
      </c>
      <c r="J38" s="195">
        <v>2</v>
      </c>
      <c r="K38" s="198">
        <v>4</v>
      </c>
      <c r="L38" s="199">
        <v>4</v>
      </c>
      <c r="M38" s="194">
        <v>0</v>
      </c>
      <c r="N38" s="195">
        <v>0</v>
      </c>
      <c r="O38" s="198">
        <v>0</v>
      </c>
      <c r="P38" s="201">
        <v>0</v>
      </c>
      <c r="Q38" s="197">
        <v>2</v>
      </c>
      <c r="R38" s="197">
        <v>2</v>
      </c>
      <c r="S38" s="197">
        <v>0</v>
      </c>
      <c r="T38" s="195">
        <v>0</v>
      </c>
      <c r="U38" s="198">
        <v>4</v>
      </c>
      <c r="V38" s="202">
        <v>4</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1</v>
      </c>
      <c r="I39" s="206">
        <v>0</v>
      </c>
      <c r="J39" s="204">
        <v>0</v>
      </c>
      <c r="K39" s="207">
        <v>1</v>
      </c>
      <c r="L39" s="208">
        <v>1</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J1:K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490">
        <f>第１表!F2</f>
        <v>5</v>
      </c>
      <c r="I1" s="246">
        <f>第１表!G2</f>
        <v>6</v>
      </c>
      <c r="J1" s="605">
        <f>IF(I1&lt;3,I1-2+12,I1-2)</f>
        <v>4</v>
      </c>
      <c r="K1" s="605"/>
    </row>
    <row r="2" spans="2:43" ht="24" customHeight="1" thickBot="1" x14ac:dyDescent="0.25">
      <c r="B2" s="20" t="s">
        <v>158</v>
      </c>
      <c r="F2" s="20" t="s">
        <v>139</v>
      </c>
    </row>
    <row r="3" spans="2:43" ht="21" customHeight="1" x14ac:dyDescent="0.2">
      <c r="B3" s="571"/>
      <c r="C3" s="574" t="s">
        <v>57</v>
      </c>
      <c r="D3" s="575"/>
      <c r="E3" s="575"/>
      <c r="F3" s="575"/>
      <c r="G3" s="575"/>
      <c r="H3" s="575"/>
      <c r="I3" s="575"/>
      <c r="J3" s="575"/>
      <c r="K3" s="575"/>
      <c r="L3" s="575"/>
      <c r="M3" s="574" t="s">
        <v>58</v>
      </c>
      <c r="N3" s="577"/>
      <c r="O3" s="577"/>
      <c r="P3" s="577"/>
      <c r="Q3" s="577"/>
      <c r="R3" s="577"/>
      <c r="S3" s="577"/>
      <c r="T3" s="577"/>
      <c r="U3" s="577"/>
      <c r="V3" s="577"/>
      <c r="W3" s="574" t="s">
        <v>59</v>
      </c>
      <c r="X3" s="575"/>
      <c r="Y3" s="575"/>
      <c r="Z3" s="575"/>
      <c r="AA3" s="575"/>
      <c r="AB3" s="575"/>
      <c r="AC3" s="575"/>
      <c r="AD3" s="575"/>
      <c r="AE3" s="575"/>
      <c r="AF3" s="575"/>
      <c r="AG3" s="603" t="s">
        <v>150</v>
      </c>
      <c r="AH3" s="575"/>
      <c r="AI3" s="575"/>
      <c r="AJ3" s="575"/>
      <c r="AK3" s="575"/>
      <c r="AL3" s="575"/>
      <c r="AM3" s="575"/>
      <c r="AN3" s="575"/>
      <c r="AO3" s="575"/>
      <c r="AP3" s="576"/>
    </row>
    <row r="4" spans="2:43" ht="21" customHeight="1" x14ac:dyDescent="0.2">
      <c r="B4" s="573"/>
      <c r="C4" s="579" t="s">
        <v>61</v>
      </c>
      <c r="D4" s="580"/>
      <c r="E4" s="581"/>
      <c r="F4" s="582" t="s">
        <v>62</v>
      </c>
      <c r="G4" s="583"/>
      <c r="H4" s="583"/>
      <c r="I4" s="583"/>
      <c r="J4" s="583"/>
      <c r="K4" s="584"/>
      <c r="L4" s="595" t="s">
        <v>52</v>
      </c>
      <c r="M4" s="579" t="s">
        <v>61</v>
      </c>
      <c r="N4" s="580"/>
      <c r="O4" s="581"/>
      <c r="P4" s="582" t="s">
        <v>62</v>
      </c>
      <c r="Q4" s="583"/>
      <c r="R4" s="583"/>
      <c r="S4" s="583"/>
      <c r="T4" s="583"/>
      <c r="U4" s="584"/>
      <c r="V4" s="585" t="s">
        <v>52</v>
      </c>
      <c r="W4" s="579" t="s">
        <v>61</v>
      </c>
      <c r="X4" s="580"/>
      <c r="Y4" s="581"/>
      <c r="Z4" s="582" t="s">
        <v>62</v>
      </c>
      <c r="AA4" s="583"/>
      <c r="AB4" s="583"/>
      <c r="AC4" s="583"/>
      <c r="AD4" s="583"/>
      <c r="AE4" s="584"/>
      <c r="AF4" s="595" t="s">
        <v>52</v>
      </c>
      <c r="AG4" s="579" t="s">
        <v>61</v>
      </c>
      <c r="AH4" s="580"/>
      <c r="AI4" s="581"/>
      <c r="AJ4" s="582" t="s">
        <v>62</v>
      </c>
      <c r="AK4" s="583"/>
      <c r="AL4" s="583"/>
      <c r="AM4" s="583"/>
      <c r="AN4" s="583"/>
      <c r="AO4" s="584"/>
      <c r="AP4" s="585" t="s">
        <v>52</v>
      </c>
    </row>
    <row r="5" spans="2:43" ht="30" customHeight="1" thickBot="1" x14ac:dyDescent="0.25">
      <c r="B5" s="362" t="s">
        <v>42</v>
      </c>
      <c r="C5" s="31" t="s">
        <v>43</v>
      </c>
      <c r="D5" s="32" t="s">
        <v>44</v>
      </c>
      <c r="E5" s="32" t="s">
        <v>45</v>
      </c>
      <c r="F5" s="33" t="s">
        <v>47</v>
      </c>
      <c r="G5" s="34" t="s">
        <v>48</v>
      </c>
      <c r="H5" s="34" t="s">
        <v>49</v>
      </c>
      <c r="I5" s="35" t="s">
        <v>50</v>
      </c>
      <c r="J5" s="32" t="s">
        <v>51</v>
      </c>
      <c r="K5" s="36" t="s">
        <v>95</v>
      </c>
      <c r="L5" s="594"/>
      <c r="M5" s="31" t="s">
        <v>43</v>
      </c>
      <c r="N5" s="32" t="s">
        <v>44</v>
      </c>
      <c r="O5" s="36" t="s">
        <v>45</v>
      </c>
      <c r="P5" s="15" t="s">
        <v>47</v>
      </c>
      <c r="Q5" s="34" t="s">
        <v>48</v>
      </c>
      <c r="R5" s="34" t="s">
        <v>49</v>
      </c>
      <c r="S5" s="35" t="s">
        <v>50</v>
      </c>
      <c r="T5" s="32" t="s">
        <v>51</v>
      </c>
      <c r="U5" s="36" t="s">
        <v>45</v>
      </c>
      <c r="V5" s="586"/>
      <c r="W5" s="31" t="s">
        <v>43</v>
      </c>
      <c r="X5" s="32" t="s">
        <v>44</v>
      </c>
      <c r="Y5" s="32" t="s">
        <v>45</v>
      </c>
      <c r="Z5" s="33" t="s">
        <v>47</v>
      </c>
      <c r="AA5" s="34" t="s">
        <v>48</v>
      </c>
      <c r="AB5" s="34" t="s">
        <v>49</v>
      </c>
      <c r="AC5" s="35" t="s">
        <v>50</v>
      </c>
      <c r="AD5" s="32" t="s">
        <v>51</v>
      </c>
      <c r="AE5" s="36" t="s">
        <v>45</v>
      </c>
      <c r="AF5" s="594"/>
      <c r="AG5" s="31" t="s">
        <v>43</v>
      </c>
      <c r="AH5" s="32" t="s">
        <v>44</v>
      </c>
      <c r="AI5" s="32" t="s">
        <v>45</v>
      </c>
      <c r="AJ5" s="33" t="s">
        <v>47</v>
      </c>
      <c r="AK5" s="34" t="s">
        <v>48</v>
      </c>
      <c r="AL5" s="34" t="s">
        <v>49</v>
      </c>
      <c r="AM5" s="35" t="s">
        <v>50</v>
      </c>
      <c r="AN5" s="32" t="s">
        <v>51</v>
      </c>
      <c r="AO5" s="36" t="s">
        <v>45</v>
      </c>
      <c r="AP5" s="586"/>
    </row>
    <row r="6" spans="2:43" ht="21" customHeight="1" x14ac:dyDescent="0.2">
      <c r="B6" s="361" t="s">
        <v>4</v>
      </c>
      <c r="C6" s="185">
        <v>0</v>
      </c>
      <c r="D6" s="186">
        <v>0</v>
      </c>
      <c r="E6" s="186">
        <v>0</v>
      </c>
      <c r="F6" s="187">
        <v>5</v>
      </c>
      <c r="G6" s="188">
        <v>35</v>
      </c>
      <c r="H6" s="188">
        <v>265</v>
      </c>
      <c r="I6" s="188">
        <v>423</v>
      </c>
      <c r="J6" s="186">
        <v>312</v>
      </c>
      <c r="K6" s="189">
        <v>1040</v>
      </c>
      <c r="L6" s="190">
        <v>1040</v>
      </c>
      <c r="M6" s="185">
        <v>0</v>
      </c>
      <c r="N6" s="186">
        <v>0</v>
      </c>
      <c r="O6" s="189">
        <v>0</v>
      </c>
      <c r="P6" s="192">
        <v>43</v>
      </c>
      <c r="Q6" s="188">
        <v>125</v>
      </c>
      <c r="R6" s="188">
        <v>190</v>
      </c>
      <c r="S6" s="188">
        <v>253</v>
      </c>
      <c r="T6" s="186">
        <v>137</v>
      </c>
      <c r="U6" s="189">
        <v>748</v>
      </c>
      <c r="V6" s="193">
        <v>748</v>
      </c>
      <c r="W6" s="192">
        <v>0</v>
      </c>
      <c r="X6" s="186">
        <v>0</v>
      </c>
      <c r="Y6" s="186">
        <v>0</v>
      </c>
      <c r="Z6" s="187">
        <v>0</v>
      </c>
      <c r="AA6" s="188">
        <v>0</v>
      </c>
      <c r="AB6" s="188">
        <v>0</v>
      </c>
      <c r="AC6" s="188">
        <v>8</v>
      </c>
      <c r="AD6" s="186">
        <v>13</v>
      </c>
      <c r="AE6" s="189">
        <v>21</v>
      </c>
      <c r="AF6" s="190">
        <v>21</v>
      </c>
      <c r="AG6" s="185">
        <v>0</v>
      </c>
      <c r="AH6" s="186">
        <v>0</v>
      </c>
      <c r="AI6" s="186">
        <v>0</v>
      </c>
      <c r="AJ6" s="187">
        <v>0</v>
      </c>
      <c r="AK6" s="188">
        <v>1</v>
      </c>
      <c r="AL6" s="188">
        <v>2</v>
      </c>
      <c r="AM6" s="188">
        <v>11</v>
      </c>
      <c r="AN6" s="186">
        <v>20</v>
      </c>
      <c r="AO6" s="189">
        <v>34</v>
      </c>
      <c r="AP6" s="191">
        <v>34</v>
      </c>
      <c r="AQ6" s="37"/>
    </row>
    <row r="7" spans="2:43" ht="21" customHeight="1" x14ac:dyDescent="0.2">
      <c r="B7" s="62" t="s">
        <v>5</v>
      </c>
      <c r="C7" s="194">
        <v>0</v>
      </c>
      <c r="D7" s="195">
        <v>0</v>
      </c>
      <c r="E7" s="195">
        <v>0</v>
      </c>
      <c r="F7" s="196">
        <v>2</v>
      </c>
      <c r="G7" s="197">
        <v>28</v>
      </c>
      <c r="H7" s="197">
        <v>136</v>
      </c>
      <c r="I7" s="197">
        <v>188</v>
      </c>
      <c r="J7" s="195">
        <v>138</v>
      </c>
      <c r="K7" s="198">
        <v>492</v>
      </c>
      <c r="L7" s="199">
        <v>492</v>
      </c>
      <c r="M7" s="194">
        <v>0</v>
      </c>
      <c r="N7" s="195">
        <v>0</v>
      </c>
      <c r="O7" s="198">
        <v>0</v>
      </c>
      <c r="P7" s="201">
        <v>19</v>
      </c>
      <c r="Q7" s="197">
        <v>62</v>
      </c>
      <c r="R7" s="197">
        <v>89</v>
      </c>
      <c r="S7" s="197">
        <v>120</v>
      </c>
      <c r="T7" s="195">
        <v>73</v>
      </c>
      <c r="U7" s="198">
        <v>363</v>
      </c>
      <c r="V7" s="202">
        <v>363</v>
      </c>
      <c r="W7" s="201">
        <v>0</v>
      </c>
      <c r="X7" s="195">
        <v>0</v>
      </c>
      <c r="Y7" s="195">
        <v>0</v>
      </c>
      <c r="Z7" s="196">
        <v>0</v>
      </c>
      <c r="AA7" s="197">
        <v>0</v>
      </c>
      <c r="AB7" s="197">
        <v>0</v>
      </c>
      <c r="AC7" s="197">
        <v>2</v>
      </c>
      <c r="AD7" s="195">
        <v>5</v>
      </c>
      <c r="AE7" s="198">
        <v>7</v>
      </c>
      <c r="AF7" s="199">
        <v>7</v>
      </c>
      <c r="AG7" s="194">
        <v>0</v>
      </c>
      <c r="AH7" s="195">
        <v>0</v>
      </c>
      <c r="AI7" s="195">
        <v>0</v>
      </c>
      <c r="AJ7" s="196">
        <v>0</v>
      </c>
      <c r="AK7" s="197">
        <v>0</v>
      </c>
      <c r="AL7" s="197">
        <v>0</v>
      </c>
      <c r="AM7" s="197">
        <v>5</v>
      </c>
      <c r="AN7" s="195">
        <v>7</v>
      </c>
      <c r="AO7" s="198">
        <v>12</v>
      </c>
      <c r="AP7" s="200">
        <v>12</v>
      </c>
      <c r="AQ7" s="37"/>
    </row>
    <row r="8" spans="2:43" ht="21" customHeight="1" x14ac:dyDescent="0.2">
      <c r="B8" s="62" t="s">
        <v>6</v>
      </c>
      <c r="C8" s="194">
        <v>0</v>
      </c>
      <c r="D8" s="195">
        <v>0</v>
      </c>
      <c r="E8" s="195">
        <v>0</v>
      </c>
      <c r="F8" s="196">
        <v>1</v>
      </c>
      <c r="G8" s="197">
        <v>2</v>
      </c>
      <c r="H8" s="197">
        <v>29</v>
      </c>
      <c r="I8" s="197">
        <v>55</v>
      </c>
      <c r="J8" s="195">
        <v>36</v>
      </c>
      <c r="K8" s="198">
        <v>123</v>
      </c>
      <c r="L8" s="199">
        <v>123</v>
      </c>
      <c r="M8" s="194">
        <v>0</v>
      </c>
      <c r="N8" s="195">
        <v>0</v>
      </c>
      <c r="O8" s="198">
        <v>0</v>
      </c>
      <c r="P8" s="201">
        <v>5</v>
      </c>
      <c r="Q8" s="197">
        <v>14</v>
      </c>
      <c r="R8" s="197">
        <v>21</v>
      </c>
      <c r="S8" s="197">
        <v>43</v>
      </c>
      <c r="T8" s="195">
        <v>21</v>
      </c>
      <c r="U8" s="198">
        <v>104</v>
      </c>
      <c r="V8" s="202">
        <v>104</v>
      </c>
      <c r="W8" s="201">
        <v>0</v>
      </c>
      <c r="X8" s="195">
        <v>0</v>
      </c>
      <c r="Y8" s="195">
        <v>0</v>
      </c>
      <c r="Z8" s="196">
        <v>0</v>
      </c>
      <c r="AA8" s="197">
        <v>0</v>
      </c>
      <c r="AB8" s="197">
        <v>0</v>
      </c>
      <c r="AC8" s="197">
        <v>5</v>
      </c>
      <c r="AD8" s="195">
        <v>4</v>
      </c>
      <c r="AE8" s="198">
        <v>9</v>
      </c>
      <c r="AF8" s="199">
        <v>9</v>
      </c>
      <c r="AG8" s="194">
        <v>0</v>
      </c>
      <c r="AH8" s="195">
        <v>0</v>
      </c>
      <c r="AI8" s="195">
        <v>0</v>
      </c>
      <c r="AJ8" s="196">
        <v>0</v>
      </c>
      <c r="AK8" s="197">
        <v>0</v>
      </c>
      <c r="AL8" s="197">
        <v>0</v>
      </c>
      <c r="AM8" s="197">
        <v>2</v>
      </c>
      <c r="AN8" s="195">
        <v>3</v>
      </c>
      <c r="AO8" s="198">
        <v>5</v>
      </c>
      <c r="AP8" s="200">
        <v>5</v>
      </c>
      <c r="AQ8" s="37"/>
    </row>
    <row r="9" spans="2:43" ht="21" customHeight="1" x14ac:dyDescent="0.2">
      <c r="B9" s="62" t="s">
        <v>14</v>
      </c>
      <c r="C9" s="194">
        <v>0</v>
      </c>
      <c r="D9" s="195">
        <v>0</v>
      </c>
      <c r="E9" s="195">
        <v>0</v>
      </c>
      <c r="F9" s="196">
        <v>0</v>
      </c>
      <c r="G9" s="197">
        <v>0</v>
      </c>
      <c r="H9" s="197">
        <v>16</v>
      </c>
      <c r="I9" s="197">
        <v>36</v>
      </c>
      <c r="J9" s="195">
        <v>22</v>
      </c>
      <c r="K9" s="198">
        <v>74</v>
      </c>
      <c r="L9" s="199">
        <v>74</v>
      </c>
      <c r="M9" s="194">
        <v>0</v>
      </c>
      <c r="N9" s="195">
        <v>0</v>
      </c>
      <c r="O9" s="198">
        <v>0</v>
      </c>
      <c r="P9" s="201">
        <v>1</v>
      </c>
      <c r="Q9" s="197">
        <v>9</v>
      </c>
      <c r="R9" s="197">
        <v>9</v>
      </c>
      <c r="S9" s="197">
        <v>12</v>
      </c>
      <c r="T9" s="195">
        <v>6</v>
      </c>
      <c r="U9" s="198">
        <v>37</v>
      </c>
      <c r="V9" s="202">
        <v>37</v>
      </c>
      <c r="W9" s="201">
        <v>0</v>
      </c>
      <c r="X9" s="195">
        <v>0</v>
      </c>
      <c r="Y9" s="195">
        <v>0</v>
      </c>
      <c r="Z9" s="196">
        <v>0</v>
      </c>
      <c r="AA9" s="197">
        <v>0</v>
      </c>
      <c r="AB9" s="197">
        <v>0</v>
      </c>
      <c r="AC9" s="197">
        <v>0</v>
      </c>
      <c r="AD9" s="195">
        <v>2</v>
      </c>
      <c r="AE9" s="198">
        <v>2</v>
      </c>
      <c r="AF9" s="199">
        <v>2</v>
      </c>
      <c r="AG9" s="194">
        <v>0</v>
      </c>
      <c r="AH9" s="195">
        <v>0</v>
      </c>
      <c r="AI9" s="195">
        <v>0</v>
      </c>
      <c r="AJ9" s="196">
        <v>0</v>
      </c>
      <c r="AK9" s="197">
        <v>0</v>
      </c>
      <c r="AL9" s="197">
        <v>1</v>
      </c>
      <c r="AM9" s="197">
        <v>1</v>
      </c>
      <c r="AN9" s="195">
        <v>1</v>
      </c>
      <c r="AO9" s="198">
        <v>3</v>
      </c>
      <c r="AP9" s="200">
        <v>3</v>
      </c>
      <c r="AQ9" s="37"/>
    </row>
    <row r="10" spans="2:43" ht="21" customHeight="1" x14ac:dyDescent="0.2">
      <c r="B10" s="62" t="s">
        <v>7</v>
      </c>
      <c r="C10" s="194">
        <v>0</v>
      </c>
      <c r="D10" s="195">
        <v>0</v>
      </c>
      <c r="E10" s="195">
        <v>0</v>
      </c>
      <c r="F10" s="196">
        <v>0</v>
      </c>
      <c r="G10" s="197">
        <v>0</v>
      </c>
      <c r="H10" s="197">
        <v>3</v>
      </c>
      <c r="I10" s="197">
        <v>21</v>
      </c>
      <c r="J10" s="195">
        <v>15</v>
      </c>
      <c r="K10" s="198">
        <v>39</v>
      </c>
      <c r="L10" s="199">
        <v>39</v>
      </c>
      <c r="M10" s="194">
        <v>0</v>
      </c>
      <c r="N10" s="195">
        <v>0</v>
      </c>
      <c r="O10" s="198">
        <v>0</v>
      </c>
      <c r="P10" s="201">
        <v>1</v>
      </c>
      <c r="Q10" s="197">
        <v>1</v>
      </c>
      <c r="R10" s="197">
        <v>4</v>
      </c>
      <c r="S10" s="197">
        <v>7</v>
      </c>
      <c r="T10" s="195">
        <v>1</v>
      </c>
      <c r="U10" s="198">
        <v>14</v>
      </c>
      <c r="V10" s="202">
        <v>14</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1</v>
      </c>
      <c r="G11" s="197">
        <v>1</v>
      </c>
      <c r="H11" s="197">
        <v>7</v>
      </c>
      <c r="I11" s="197">
        <v>11</v>
      </c>
      <c r="J11" s="195">
        <v>5</v>
      </c>
      <c r="K11" s="198">
        <v>25</v>
      </c>
      <c r="L11" s="199">
        <v>25</v>
      </c>
      <c r="M11" s="194">
        <v>0</v>
      </c>
      <c r="N11" s="195">
        <v>0</v>
      </c>
      <c r="O11" s="198">
        <v>0</v>
      </c>
      <c r="P11" s="201">
        <v>1</v>
      </c>
      <c r="Q11" s="197">
        <v>5</v>
      </c>
      <c r="R11" s="197">
        <v>7</v>
      </c>
      <c r="S11" s="197">
        <v>6</v>
      </c>
      <c r="T11" s="195">
        <v>4</v>
      </c>
      <c r="U11" s="198">
        <v>23</v>
      </c>
      <c r="V11" s="202">
        <v>23</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1</v>
      </c>
      <c r="AL11" s="197">
        <v>0</v>
      </c>
      <c r="AM11" s="197">
        <v>0</v>
      </c>
      <c r="AN11" s="195">
        <v>0</v>
      </c>
      <c r="AO11" s="198">
        <v>1</v>
      </c>
      <c r="AP11" s="200">
        <v>1</v>
      </c>
      <c r="AQ11" s="37"/>
    </row>
    <row r="12" spans="2:43" ht="21" customHeight="1" x14ac:dyDescent="0.2">
      <c r="B12" s="62" t="s">
        <v>9</v>
      </c>
      <c r="C12" s="194">
        <v>0</v>
      </c>
      <c r="D12" s="195">
        <v>0</v>
      </c>
      <c r="E12" s="195">
        <v>0</v>
      </c>
      <c r="F12" s="196">
        <v>1</v>
      </c>
      <c r="G12" s="197">
        <v>0</v>
      </c>
      <c r="H12" s="197">
        <v>4</v>
      </c>
      <c r="I12" s="197">
        <v>17</v>
      </c>
      <c r="J12" s="195">
        <v>13</v>
      </c>
      <c r="K12" s="198">
        <v>35</v>
      </c>
      <c r="L12" s="199">
        <v>35</v>
      </c>
      <c r="M12" s="194">
        <v>0</v>
      </c>
      <c r="N12" s="195">
        <v>0</v>
      </c>
      <c r="O12" s="198">
        <v>0</v>
      </c>
      <c r="P12" s="201">
        <v>2</v>
      </c>
      <c r="Q12" s="197">
        <v>5</v>
      </c>
      <c r="R12" s="197">
        <v>8</v>
      </c>
      <c r="S12" s="197">
        <v>5</v>
      </c>
      <c r="T12" s="195">
        <v>5</v>
      </c>
      <c r="U12" s="198">
        <v>25</v>
      </c>
      <c r="V12" s="202">
        <v>25</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1</v>
      </c>
      <c r="AO12" s="198">
        <v>1</v>
      </c>
      <c r="AP12" s="200">
        <v>1</v>
      </c>
      <c r="AQ12" s="37"/>
    </row>
    <row r="13" spans="2:43" ht="21" customHeight="1" x14ac:dyDescent="0.2">
      <c r="B13" s="62" t="s">
        <v>10</v>
      </c>
      <c r="C13" s="194">
        <v>0</v>
      </c>
      <c r="D13" s="195">
        <v>0</v>
      </c>
      <c r="E13" s="195">
        <v>0</v>
      </c>
      <c r="F13" s="196">
        <v>0</v>
      </c>
      <c r="G13" s="197">
        <v>0</v>
      </c>
      <c r="H13" s="197">
        <v>13</v>
      </c>
      <c r="I13" s="197">
        <v>14</v>
      </c>
      <c r="J13" s="195">
        <v>20</v>
      </c>
      <c r="K13" s="198">
        <v>47</v>
      </c>
      <c r="L13" s="199">
        <v>47</v>
      </c>
      <c r="M13" s="194">
        <v>0</v>
      </c>
      <c r="N13" s="195">
        <v>0</v>
      </c>
      <c r="O13" s="198">
        <v>0</v>
      </c>
      <c r="P13" s="201">
        <v>2</v>
      </c>
      <c r="Q13" s="197">
        <v>3</v>
      </c>
      <c r="R13" s="197">
        <v>7</v>
      </c>
      <c r="S13" s="197">
        <v>5</v>
      </c>
      <c r="T13" s="195">
        <v>1</v>
      </c>
      <c r="U13" s="198">
        <v>18</v>
      </c>
      <c r="V13" s="202">
        <v>18</v>
      </c>
      <c r="W13" s="201">
        <v>0</v>
      </c>
      <c r="X13" s="195">
        <v>0</v>
      </c>
      <c r="Y13" s="195">
        <v>0</v>
      </c>
      <c r="Z13" s="196">
        <v>0</v>
      </c>
      <c r="AA13" s="197">
        <v>0</v>
      </c>
      <c r="AB13" s="197">
        <v>0</v>
      </c>
      <c r="AC13" s="197">
        <v>0</v>
      </c>
      <c r="AD13" s="195">
        <v>1</v>
      </c>
      <c r="AE13" s="198">
        <v>1</v>
      </c>
      <c r="AF13" s="199">
        <v>1</v>
      </c>
      <c r="AG13" s="194">
        <v>0</v>
      </c>
      <c r="AH13" s="195">
        <v>0</v>
      </c>
      <c r="AI13" s="195">
        <v>0</v>
      </c>
      <c r="AJ13" s="196">
        <v>0</v>
      </c>
      <c r="AK13" s="197">
        <v>0</v>
      </c>
      <c r="AL13" s="197">
        <v>0</v>
      </c>
      <c r="AM13" s="197">
        <v>0</v>
      </c>
      <c r="AN13" s="195">
        <v>1</v>
      </c>
      <c r="AO13" s="198">
        <v>1</v>
      </c>
      <c r="AP13" s="200">
        <v>1</v>
      </c>
      <c r="AQ13" s="37"/>
    </row>
    <row r="14" spans="2:43" ht="21" customHeight="1" x14ac:dyDescent="0.2">
      <c r="B14" s="62" t="s">
        <v>11</v>
      </c>
      <c r="C14" s="194">
        <v>0</v>
      </c>
      <c r="D14" s="195">
        <v>0</v>
      </c>
      <c r="E14" s="195">
        <v>0</v>
      </c>
      <c r="F14" s="196">
        <v>0</v>
      </c>
      <c r="G14" s="197">
        <v>0</v>
      </c>
      <c r="H14" s="197">
        <v>3</v>
      </c>
      <c r="I14" s="197">
        <v>4</v>
      </c>
      <c r="J14" s="195">
        <v>9</v>
      </c>
      <c r="K14" s="198">
        <v>16</v>
      </c>
      <c r="L14" s="199">
        <v>16</v>
      </c>
      <c r="M14" s="194">
        <v>0</v>
      </c>
      <c r="N14" s="195">
        <v>0</v>
      </c>
      <c r="O14" s="198">
        <v>0</v>
      </c>
      <c r="P14" s="201">
        <v>1</v>
      </c>
      <c r="Q14" s="197">
        <v>1</v>
      </c>
      <c r="R14" s="197">
        <v>5</v>
      </c>
      <c r="S14" s="197">
        <v>4</v>
      </c>
      <c r="T14" s="195">
        <v>2</v>
      </c>
      <c r="U14" s="198">
        <v>13</v>
      </c>
      <c r="V14" s="202">
        <v>13</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1" customHeight="1" x14ac:dyDescent="0.2">
      <c r="B15" s="62" t="s">
        <v>12</v>
      </c>
      <c r="C15" s="194">
        <v>0</v>
      </c>
      <c r="D15" s="195">
        <v>0</v>
      </c>
      <c r="E15" s="195">
        <v>0</v>
      </c>
      <c r="F15" s="196">
        <v>0</v>
      </c>
      <c r="G15" s="197">
        <v>1</v>
      </c>
      <c r="H15" s="197">
        <v>3</v>
      </c>
      <c r="I15" s="197">
        <v>8</v>
      </c>
      <c r="J15" s="195">
        <v>8</v>
      </c>
      <c r="K15" s="198">
        <v>20</v>
      </c>
      <c r="L15" s="199">
        <v>20</v>
      </c>
      <c r="M15" s="194">
        <v>0</v>
      </c>
      <c r="N15" s="195">
        <v>0</v>
      </c>
      <c r="O15" s="198">
        <v>0</v>
      </c>
      <c r="P15" s="201">
        <v>0</v>
      </c>
      <c r="Q15" s="197">
        <v>3</v>
      </c>
      <c r="R15" s="197">
        <v>5</v>
      </c>
      <c r="S15" s="197">
        <v>8</v>
      </c>
      <c r="T15" s="195">
        <v>2</v>
      </c>
      <c r="U15" s="198">
        <v>18</v>
      </c>
      <c r="V15" s="202">
        <v>18</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4</v>
      </c>
      <c r="I16" s="197">
        <v>6</v>
      </c>
      <c r="J16" s="195">
        <v>5</v>
      </c>
      <c r="K16" s="198">
        <v>15</v>
      </c>
      <c r="L16" s="199">
        <v>15</v>
      </c>
      <c r="M16" s="194">
        <v>0</v>
      </c>
      <c r="N16" s="195">
        <v>0</v>
      </c>
      <c r="O16" s="198">
        <v>0</v>
      </c>
      <c r="P16" s="201">
        <v>0</v>
      </c>
      <c r="Q16" s="197">
        <v>0</v>
      </c>
      <c r="R16" s="197">
        <v>3</v>
      </c>
      <c r="S16" s="197">
        <v>3</v>
      </c>
      <c r="T16" s="195">
        <v>3</v>
      </c>
      <c r="U16" s="198">
        <v>9</v>
      </c>
      <c r="V16" s="202">
        <v>9</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2</v>
      </c>
      <c r="J17" s="195">
        <v>1</v>
      </c>
      <c r="K17" s="198">
        <v>4</v>
      </c>
      <c r="L17" s="199">
        <v>4</v>
      </c>
      <c r="M17" s="194">
        <v>0</v>
      </c>
      <c r="N17" s="195">
        <v>0</v>
      </c>
      <c r="O17" s="198">
        <v>0</v>
      </c>
      <c r="P17" s="201">
        <v>0</v>
      </c>
      <c r="Q17" s="197">
        <v>0</v>
      </c>
      <c r="R17" s="197">
        <v>1</v>
      </c>
      <c r="S17" s="197">
        <v>0</v>
      </c>
      <c r="T17" s="195">
        <v>1</v>
      </c>
      <c r="U17" s="198">
        <v>2</v>
      </c>
      <c r="V17" s="202">
        <v>2</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0</v>
      </c>
      <c r="H18" s="197">
        <v>4</v>
      </c>
      <c r="I18" s="197">
        <v>8</v>
      </c>
      <c r="J18" s="195">
        <v>3</v>
      </c>
      <c r="K18" s="198">
        <v>15</v>
      </c>
      <c r="L18" s="199">
        <v>15</v>
      </c>
      <c r="M18" s="194">
        <v>0</v>
      </c>
      <c r="N18" s="195">
        <v>0</v>
      </c>
      <c r="O18" s="198">
        <v>0</v>
      </c>
      <c r="P18" s="201">
        <v>1</v>
      </c>
      <c r="Q18" s="197">
        <v>0</v>
      </c>
      <c r="R18" s="197">
        <v>5</v>
      </c>
      <c r="S18" s="197">
        <v>4</v>
      </c>
      <c r="T18" s="195">
        <v>4</v>
      </c>
      <c r="U18" s="198">
        <v>14</v>
      </c>
      <c r="V18" s="202">
        <v>14</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1</v>
      </c>
      <c r="AM18" s="197">
        <v>0</v>
      </c>
      <c r="AN18" s="195">
        <v>0</v>
      </c>
      <c r="AO18" s="198">
        <v>1</v>
      </c>
      <c r="AP18" s="200">
        <v>1</v>
      </c>
      <c r="AQ18" s="37"/>
    </row>
    <row r="19" spans="2:43" ht="21" customHeight="1" x14ac:dyDescent="0.2">
      <c r="B19" s="62" t="s">
        <v>17</v>
      </c>
      <c r="C19" s="194">
        <v>0</v>
      </c>
      <c r="D19" s="195">
        <v>0</v>
      </c>
      <c r="E19" s="195">
        <v>0</v>
      </c>
      <c r="F19" s="196">
        <v>0</v>
      </c>
      <c r="G19" s="197">
        <v>1</v>
      </c>
      <c r="H19" s="197">
        <v>10</v>
      </c>
      <c r="I19" s="197">
        <v>8</v>
      </c>
      <c r="J19" s="195">
        <v>5</v>
      </c>
      <c r="K19" s="198">
        <v>24</v>
      </c>
      <c r="L19" s="199">
        <v>24</v>
      </c>
      <c r="M19" s="194">
        <v>0</v>
      </c>
      <c r="N19" s="195">
        <v>0</v>
      </c>
      <c r="O19" s="198">
        <v>0</v>
      </c>
      <c r="P19" s="201">
        <v>0</v>
      </c>
      <c r="Q19" s="197">
        <v>6</v>
      </c>
      <c r="R19" s="197">
        <v>10</v>
      </c>
      <c r="S19" s="197">
        <v>7</v>
      </c>
      <c r="T19" s="195">
        <v>4</v>
      </c>
      <c r="U19" s="198">
        <v>27</v>
      </c>
      <c r="V19" s="202">
        <v>27</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1</v>
      </c>
      <c r="H20" s="197">
        <v>7</v>
      </c>
      <c r="I20" s="197">
        <v>14</v>
      </c>
      <c r="J20" s="195">
        <v>11</v>
      </c>
      <c r="K20" s="198">
        <v>33</v>
      </c>
      <c r="L20" s="199">
        <v>33</v>
      </c>
      <c r="M20" s="194">
        <v>0</v>
      </c>
      <c r="N20" s="195">
        <v>0</v>
      </c>
      <c r="O20" s="198">
        <v>0</v>
      </c>
      <c r="P20" s="201">
        <v>3</v>
      </c>
      <c r="Q20" s="197">
        <v>2</v>
      </c>
      <c r="R20" s="197">
        <v>5</v>
      </c>
      <c r="S20" s="197">
        <v>7</v>
      </c>
      <c r="T20" s="195">
        <v>3</v>
      </c>
      <c r="U20" s="198">
        <v>20</v>
      </c>
      <c r="V20" s="202">
        <v>20</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4</v>
      </c>
      <c r="I21" s="197">
        <v>2</v>
      </c>
      <c r="J21" s="195">
        <v>2</v>
      </c>
      <c r="K21" s="198">
        <v>8</v>
      </c>
      <c r="L21" s="199">
        <v>8</v>
      </c>
      <c r="M21" s="194">
        <v>0</v>
      </c>
      <c r="N21" s="195">
        <v>0</v>
      </c>
      <c r="O21" s="198">
        <v>0</v>
      </c>
      <c r="P21" s="201">
        <v>0</v>
      </c>
      <c r="Q21" s="197">
        <v>3</v>
      </c>
      <c r="R21" s="197">
        <v>3</v>
      </c>
      <c r="S21" s="197">
        <v>2</v>
      </c>
      <c r="T21" s="195">
        <v>1</v>
      </c>
      <c r="U21" s="198">
        <v>9</v>
      </c>
      <c r="V21" s="202">
        <v>9</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0</v>
      </c>
      <c r="I22" s="197">
        <v>8</v>
      </c>
      <c r="J22" s="195">
        <v>5</v>
      </c>
      <c r="K22" s="198">
        <v>14</v>
      </c>
      <c r="L22" s="199">
        <v>14</v>
      </c>
      <c r="M22" s="194">
        <v>0</v>
      </c>
      <c r="N22" s="195">
        <v>0</v>
      </c>
      <c r="O22" s="198">
        <v>0</v>
      </c>
      <c r="P22" s="201">
        <v>2</v>
      </c>
      <c r="Q22" s="197">
        <v>2</v>
      </c>
      <c r="R22" s="197">
        <v>1</v>
      </c>
      <c r="S22" s="197">
        <v>3</v>
      </c>
      <c r="T22" s="195">
        <v>0</v>
      </c>
      <c r="U22" s="198">
        <v>8</v>
      </c>
      <c r="V22" s="202">
        <v>8</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1" customHeight="1" x14ac:dyDescent="0.2">
      <c r="B23" s="62" t="s">
        <v>21</v>
      </c>
      <c r="C23" s="194">
        <v>0</v>
      </c>
      <c r="D23" s="195">
        <v>0</v>
      </c>
      <c r="E23" s="195">
        <v>0</v>
      </c>
      <c r="F23" s="196">
        <v>0</v>
      </c>
      <c r="G23" s="197">
        <v>0</v>
      </c>
      <c r="H23" s="197">
        <v>6</v>
      </c>
      <c r="I23" s="197">
        <v>6</v>
      </c>
      <c r="J23" s="195">
        <v>3</v>
      </c>
      <c r="K23" s="198">
        <v>15</v>
      </c>
      <c r="L23" s="199">
        <v>15</v>
      </c>
      <c r="M23" s="194">
        <v>0</v>
      </c>
      <c r="N23" s="195">
        <v>0</v>
      </c>
      <c r="O23" s="198">
        <v>0</v>
      </c>
      <c r="P23" s="201">
        <v>0</v>
      </c>
      <c r="Q23" s="197">
        <v>4</v>
      </c>
      <c r="R23" s="197">
        <v>1</v>
      </c>
      <c r="S23" s="197">
        <v>2</v>
      </c>
      <c r="T23" s="195">
        <v>1</v>
      </c>
      <c r="U23" s="198">
        <v>8</v>
      </c>
      <c r="V23" s="202">
        <v>8</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3</v>
      </c>
      <c r="AO23" s="198">
        <v>3</v>
      </c>
      <c r="AP23" s="200">
        <v>3</v>
      </c>
      <c r="AQ23" s="37"/>
    </row>
    <row r="24" spans="2:43" ht="21" customHeight="1" x14ac:dyDescent="0.2">
      <c r="B24" s="62" t="s">
        <v>22</v>
      </c>
      <c r="C24" s="194">
        <v>0</v>
      </c>
      <c r="D24" s="195">
        <v>0</v>
      </c>
      <c r="E24" s="195">
        <v>0</v>
      </c>
      <c r="F24" s="196">
        <v>0</v>
      </c>
      <c r="G24" s="197">
        <v>0</v>
      </c>
      <c r="H24" s="197">
        <v>1</v>
      </c>
      <c r="I24" s="197">
        <v>2</v>
      </c>
      <c r="J24" s="195">
        <v>1</v>
      </c>
      <c r="K24" s="198">
        <v>4</v>
      </c>
      <c r="L24" s="199">
        <v>4</v>
      </c>
      <c r="M24" s="194">
        <v>0</v>
      </c>
      <c r="N24" s="195">
        <v>0</v>
      </c>
      <c r="O24" s="198">
        <v>0</v>
      </c>
      <c r="P24" s="201">
        <v>1</v>
      </c>
      <c r="Q24" s="197">
        <v>0</v>
      </c>
      <c r="R24" s="197">
        <v>2</v>
      </c>
      <c r="S24" s="197">
        <v>0</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1</v>
      </c>
      <c r="I25" s="197">
        <v>2</v>
      </c>
      <c r="J25" s="195">
        <v>2</v>
      </c>
      <c r="K25" s="198">
        <v>5</v>
      </c>
      <c r="L25" s="199">
        <v>5</v>
      </c>
      <c r="M25" s="194">
        <v>0</v>
      </c>
      <c r="N25" s="195">
        <v>0</v>
      </c>
      <c r="O25" s="198">
        <v>0</v>
      </c>
      <c r="P25" s="201">
        <v>0</v>
      </c>
      <c r="Q25" s="197">
        <v>0</v>
      </c>
      <c r="R25" s="197">
        <v>1</v>
      </c>
      <c r="S25" s="197">
        <v>3</v>
      </c>
      <c r="T25" s="195">
        <v>2</v>
      </c>
      <c r="U25" s="198">
        <v>6</v>
      </c>
      <c r="V25" s="202">
        <v>6</v>
      </c>
      <c r="W25" s="201">
        <v>0</v>
      </c>
      <c r="X25" s="195">
        <v>0</v>
      </c>
      <c r="Y25" s="195">
        <v>0</v>
      </c>
      <c r="Z25" s="196">
        <v>0</v>
      </c>
      <c r="AA25" s="197">
        <v>0</v>
      </c>
      <c r="AB25" s="197">
        <v>0</v>
      </c>
      <c r="AC25" s="197">
        <v>1</v>
      </c>
      <c r="AD25" s="195">
        <v>0</v>
      </c>
      <c r="AE25" s="198">
        <v>1</v>
      </c>
      <c r="AF25" s="199">
        <v>1</v>
      </c>
      <c r="AG25" s="194">
        <v>0</v>
      </c>
      <c r="AH25" s="195">
        <v>0</v>
      </c>
      <c r="AI25" s="195">
        <v>0</v>
      </c>
      <c r="AJ25" s="196">
        <v>0</v>
      </c>
      <c r="AK25" s="197">
        <v>0</v>
      </c>
      <c r="AL25" s="197">
        <v>0</v>
      </c>
      <c r="AM25" s="197">
        <v>0</v>
      </c>
      <c r="AN25" s="195">
        <v>1</v>
      </c>
      <c r="AO25" s="198">
        <v>1</v>
      </c>
      <c r="AP25" s="200">
        <v>1</v>
      </c>
      <c r="AQ25" s="37"/>
    </row>
    <row r="26" spans="2:43" ht="21" customHeight="1" x14ac:dyDescent="0.2">
      <c r="B26" s="62" t="s">
        <v>24</v>
      </c>
      <c r="C26" s="194">
        <v>0</v>
      </c>
      <c r="D26" s="195">
        <v>0</v>
      </c>
      <c r="E26" s="195">
        <v>0</v>
      </c>
      <c r="F26" s="196">
        <v>0</v>
      </c>
      <c r="G26" s="197">
        <v>0</v>
      </c>
      <c r="H26" s="197">
        <v>3</v>
      </c>
      <c r="I26" s="197">
        <v>3</v>
      </c>
      <c r="J26" s="195">
        <v>2</v>
      </c>
      <c r="K26" s="198">
        <v>8</v>
      </c>
      <c r="L26" s="199">
        <v>8</v>
      </c>
      <c r="M26" s="194">
        <v>0</v>
      </c>
      <c r="N26" s="195">
        <v>0</v>
      </c>
      <c r="O26" s="198">
        <v>0</v>
      </c>
      <c r="P26" s="201">
        <v>0</v>
      </c>
      <c r="Q26" s="197">
        <v>0</v>
      </c>
      <c r="R26" s="197">
        <v>0</v>
      </c>
      <c r="S26" s="197">
        <v>2</v>
      </c>
      <c r="T26" s="195">
        <v>0</v>
      </c>
      <c r="U26" s="198">
        <v>2</v>
      </c>
      <c r="V26" s="202">
        <v>2</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0</v>
      </c>
      <c r="H27" s="197">
        <v>3</v>
      </c>
      <c r="I27" s="197">
        <v>1</v>
      </c>
      <c r="J27" s="195">
        <v>1</v>
      </c>
      <c r="K27" s="198">
        <v>5</v>
      </c>
      <c r="L27" s="199">
        <v>5</v>
      </c>
      <c r="M27" s="194">
        <v>0</v>
      </c>
      <c r="N27" s="195">
        <v>0</v>
      </c>
      <c r="O27" s="198">
        <v>0</v>
      </c>
      <c r="P27" s="201">
        <v>0</v>
      </c>
      <c r="Q27" s="197">
        <v>0</v>
      </c>
      <c r="R27" s="197">
        <v>0</v>
      </c>
      <c r="S27" s="197">
        <v>1</v>
      </c>
      <c r="T27" s="195">
        <v>0</v>
      </c>
      <c r="U27" s="198">
        <v>1</v>
      </c>
      <c r="V27" s="202">
        <v>1</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1</v>
      </c>
      <c r="AN27" s="195">
        <v>0</v>
      </c>
      <c r="AO27" s="198">
        <v>1</v>
      </c>
      <c r="AP27" s="200">
        <v>1</v>
      </c>
      <c r="AQ27" s="37"/>
    </row>
    <row r="28" spans="2:43" ht="21" customHeight="1" x14ac:dyDescent="0.2">
      <c r="B28" s="62" t="s">
        <v>26</v>
      </c>
      <c r="C28" s="194">
        <v>0</v>
      </c>
      <c r="D28" s="195">
        <v>0</v>
      </c>
      <c r="E28" s="195">
        <v>0</v>
      </c>
      <c r="F28" s="196">
        <v>0</v>
      </c>
      <c r="G28" s="197">
        <v>0</v>
      </c>
      <c r="H28" s="197">
        <v>1</v>
      </c>
      <c r="I28" s="197">
        <v>1</v>
      </c>
      <c r="J28" s="195">
        <v>0</v>
      </c>
      <c r="K28" s="198">
        <v>2</v>
      </c>
      <c r="L28" s="199">
        <v>2</v>
      </c>
      <c r="M28" s="194">
        <v>0</v>
      </c>
      <c r="N28" s="195">
        <v>0</v>
      </c>
      <c r="O28" s="198">
        <v>0</v>
      </c>
      <c r="P28" s="201">
        <v>1</v>
      </c>
      <c r="Q28" s="197">
        <v>2</v>
      </c>
      <c r="R28" s="197">
        <v>0</v>
      </c>
      <c r="S28" s="197">
        <v>2</v>
      </c>
      <c r="T28" s="195">
        <v>0</v>
      </c>
      <c r="U28" s="198">
        <v>5</v>
      </c>
      <c r="V28" s="202">
        <v>5</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0</v>
      </c>
      <c r="H29" s="197">
        <v>2</v>
      </c>
      <c r="I29" s="197">
        <v>2</v>
      </c>
      <c r="J29" s="195">
        <v>1</v>
      </c>
      <c r="K29" s="198">
        <v>5</v>
      </c>
      <c r="L29" s="199">
        <v>5</v>
      </c>
      <c r="M29" s="194">
        <v>0</v>
      </c>
      <c r="N29" s="195">
        <v>0</v>
      </c>
      <c r="O29" s="198">
        <v>0</v>
      </c>
      <c r="P29" s="201">
        <v>1</v>
      </c>
      <c r="Q29" s="197">
        <v>0</v>
      </c>
      <c r="R29" s="197">
        <v>0</v>
      </c>
      <c r="S29" s="197">
        <v>0</v>
      </c>
      <c r="T29" s="195">
        <v>0</v>
      </c>
      <c r="U29" s="198">
        <v>1</v>
      </c>
      <c r="V29" s="202">
        <v>1</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1" customHeight="1" x14ac:dyDescent="0.2">
      <c r="B30" s="62" t="s">
        <v>28</v>
      </c>
      <c r="C30" s="194">
        <v>0</v>
      </c>
      <c r="D30" s="195">
        <v>0</v>
      </c>
      <c r="E30" s="195">
        <v>0</v>
      </c>
      <c r="F30" s="196">
        <v>0</v>
      </c>
      <c r="G30" s="197">
        <v>0</v>
      </c>
      <c r="H30" s="197">
        <v>0</v>
      </c>
      <c r="I30" s="197">
        <v>0</v>
      </c>
      <c r="J30" s="195">
        <v>0</v>
      </c>
      <c r="K30" s="198">
        <v>0</v>
      </c>
      <c r="L30" s="199">
        <v>0</v>
      </c>
      <c r="M30" s="194">
        <v>0</v>
      </c>
      <c r="N30" s="195">
        <v>0</v>
      </c>
      <c r="O30" s="198">
        <v>0</v>
      </c>
      <c r="P30" s="201">
        <v>0</v>
      </c>
      <c r="Q30" s="197">
        <v>0</v>
      </c>
      <c r="R30" s="197">
        <v>1</v>
      </c>
      <c r="S30" s="197">
        <v>1</v>
      </c>
      <c r="T30" s="195">
        <v>0</v>
      </c>
      <c r="U30" s="198">
        <v>2</v>
      </c>
      <c r="V30" s="202">
        <v>2</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0</v>
      </c>
      <c r="K31" s="198">
        <v>0</v>
      </c>
      <c r="L31" s="199">
        <v>0</v>
      </c>
      <c r="M31" s="194">
        <v>0</v>
      </c>
      <c r="N31" s="195">
        <v>0</v>
      </c>
      <c r="O31" s="198">
        <v>0</v>
      </c>
      <c r="P31" s="201">
        <v>0</v>
      </c>
      <c r="Q31" s="197">
        <v>0</v>
      </c>
      <c r="R31" s="197">
        <v>0</v>
      </c>
      <c r="S31" s="197">
        <v>1</v>
      </c>
      <c r="T31" s="195">
        <v>0</v>
      </c>
      <c r="U31" s="198">
        <v>1</v>
      </c>
      <c r="V31" s="202">
        <v>1</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1</v>
      </c>
      <c r="I32" s="197">
        <v>2</v>
      </c>
      <c r="J32" s="195">
        <v>0</v>
      </c>
      <c r="K32" s="198">
        <v>3</v>
      </c>
      <c r="L32" s="199">
        <v>3</v>
      </c>
      <c r="M32" s="194">
        <v>0</v>
      </c>
      <c r="N32" s="195">
        <v>0</v>
      </c>
      <c r="O32" s="198">
        <v>0</v>
      </c>
      <c r="P32" s="201">
        <v>1</v>
      </c>
      <c r="Q32" s="197">
        <v>0</v>
      </c>
      <c r="R32" s="197">
        <v>0</v>
      </c>
      <c r="S32" s="197">
        <v>0</v>
      </c>
      <c r="T32" s="195">
        <v>1</v>
      </c>
      <c r="U32" s="198">
        <v>2</v>
      </c>
      <c r="V32" s="202">
        <v>2</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1" customHeight="1" x14ac:dyDescent="0.2">
      <c r="B33" s="62" t="s">
        <v>31</v>
      </c>
      <c r="C33" s="194">
        <v>0</v>
      </c>
      <c r="D33" s="195">
        <v>0</v>
      </c>
      <c r="E33" s="195">
        <v>0</v>
      </c>
      <c r="F33" s="196">
        <v>0</v>
      </c>
      <c r="G33" s="197">
        <v>0</v>
      </c>
      <c r="H33" s="197">
        <v>1</v>
      </c>
      <c r="I33" s="197">
        <v>0</v>
      </c>
      <c r="J33" s="195">
        <v>1</v>
      </c>
      <c r="K33" s="198">
        <v>2</v>
      </c>
      <c r="L33" s="199">
        <v>2</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1</v>
      </c>
      <c r="J34" s="195">
        <v>1</v>
      </c>
      <c r="K34" s="198">
        <v>2</v>
      </c>
      <c r="L34" s="199">
        <v>2</v>
      </c>
      <c r="M34" s="194">
        <v>0</v>
      </c>
      <c r="N34" s="195">
        <v>0</v>
      </c>
      <c r="O34" s="198">
        <v>0</v>
      </c>
      <c r="P34" s="201">
        <v>0</v>
      </c>
      <c r="Q34" s="197">
        <v>0</v>
      </c>
      <c r="R34" s="197">
        <v>0</v>
      </c>
      <c r="S34" s="197">
        <v>0</v>
      </c>
      <c r="T34" s="195">
        <v>1</v>
      </c>
      <c r="U34" s="198">
        <v>1</v>
      </c>
      <c r="V34" s="202">
        <v>1</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1</v>
      </c>
      <c r="T35" s="195">
        <v>0</v>
      </c>
      <c r="U35" s="198">
        <v>1</v>
      </c>
      <c r="V35" s="202">
        <v>1</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0</v>
      </c>
      <c r="AM35" s="197">
        <v>1</v>
      </c>
      <c r="AN35" s="195">
        <v>2</v>
      </c>
      <c r="AO35" s="198">
        <v>3</v>
      </c>
      <c r="AP35" s="200">
        <v>3</v>
      </c>
      <c r="AQ35" s="37"/>
    </row>
    <row r="36" spans="2:43" ht="21"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2</v>
      </c>
      <c r="R36" s="197">
        <v>1</v>
      </c>
      <c r="S36" s="197">
        <v>0</v>
      </c>
      <c r="T36" s="195">
        <v>0</v>
      </c>
      <c r="U36" s="198">
        <v>3</v>
      </c>
      <c r="V36" s="202">
        <v>3</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1</v>
      </c>
      <c r="J37" s="195">
        <v>0</v>
      </c>
      <c r="K37" s="198">
        <v>1</v>
      </c>
      <c r="L37" s="199">
        <v>1</v>
      </c>
      <c r="M37" s="194">
        <v>0</v>
      </c>
      <c r="N37" s="195">
        <v>0</v>
      </c>
      <c r="O37" s="198">
        <v>0</v>
      </c>
      <c r="P37" s="201">
        <v>0</v>
      </c>
      <c r="Q37" s="197">
        <v>0</v>
      </c>
      <c r="R37" s="197">
        <v>0</v>
      </c>
      <c r="S37" s="197">
        <v>0</v>
      </c>
      <c r="T37" s="195">
        <v>0</v>
      </c>
      <c r="U37" s="198">
        <v>0</v>
      </c>
      <c r="V37" s="202">
        <v>0</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2</v>
      </c>
      <c r="I38" s="197">
        <v>0</v>
      </c>
      <c r="J38" s="195">
        <v>2</v>
      </c>
      <c r="K38" s="198">
        <v>4</v>
      </c>
      <c r="L38" s="199">
        <v>4</v>
      </c>
      <c r="M38" s="194">
        <v>0</v>
      </c>
      <c r="N38" s="195">
        <v>0</v>
      </c>
      <c r="O38" s="198">
        <v>0</v>
      </c>
      <c r="P38" s="201">
        <v>1</v>
      </c>
      <c r="Q38" s="197">
        <v>0</v>
      </c>
      <c r="R38" s="197">
        <v>1</v>
      </c>
      <c r="S38" s="197">
        <v>4</v>
      </c>
      <c r="T38" s="195">
        <v>0</v>
      </c>
      <c r="U38" s="198">
        <v>6</v>
      </c>
      <c r="V38" s="202">
        <v>6</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J1:K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5</v>
      </c>
      <c r="E1" s="490">
        <f>第１表!F2</f>
        <v>5</v>
      </c>
      <c r="F1" s="246">
        <f>第１表!G2</f>
        <v>6</v>
      </c>
      <c r="G1" s="606">
        <f>IF(F1&lt;3,F1-2+12,F1-2)</f>
        <v>4</v>
      </c>
      <c r="H1" s="606"/>
      <c r="IB1" s="365"/>
      <c r="IC1" s="252"/>
      <c r="ID1" s="647"/>
      <c r="IE1" s="647"/>
    </row>
    <row r="2" spans="1:409" s="44" customFormat="1" ht="24" customHeight="1" x14ac:dyDescent="0.2">
      <c r="B2" s="20" t="s">
        <v>146</v>
      </c>
      <c r="E2" s="249"/>
      <c r="F2" s="250"/>
      <c r="G2" s="621"/>
      <c r="H2" s="621"/>
      <c r="CB2" s="322"/>
      <c r="CC2" s="322"/>
      <c r="CD2" s="322"/>
      <c r="CE2" s="322"/>
      <c r="CF2" s="322"/>
      <c r="CG2" s="322"/>
      <c r="CH2" s="322"/>
      <c r="CI2" s="322"/>
      <c r="CJ2" s="322"/>
      <c r="CK2" s="322"/>
      <c r="CL2" s="322"/>
      <c r="DI2" s="322"/>
      <c r="DJ2" s="322"/>
      <c r="DK2" s="322"/>
      <c r="DL2" s="322"/>
      <c r="DM2" s="322"/>
      <c r="DN2" s="322"/>
      <c r="DO2" s="322"/>
      <c r="DP2" s="322"/>
      <c r="DQ2" s="322"/>
      <c r="DR2" s="322"/>
      <c r="DS2" s="322"/>
      <c r="FL2" s="322"/>
      <c r="FM2" s="322"/>
      <c r="FN2" s="322"/>
      <c r="FO2" s="322"/>
      <c r="FP2" s="322"/>
      <c r="FQ2" s="322"/>
      <c r="FR2" s="322"/>
      <c r="FS2" s="322"/>
      <c r="FT2" s="322"/>
      <c r="FU2" s="322"/>
      <c r="FV2" s="322"/>
      <c r="HZ2" s="39"/>
      <c r="IA2" s="39"/>
      <c r="IB2" s="251"/>
      <c r="IC2" s="252"/>
      <c r="ID2" s="368"/>
      <c r="IE2" s="368"/>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7</v>
      </c>
      <c r="CB3" s="322"/>
      <c r="CC3" s="322"/>
      <c r="CD3" s="322"/>
      <c r="CE3" s="322"/>
      <c r="CF3" s="322"/>
      <c r="CG3" s="322"/>
      <c r="CH3" s="322"/>
      <c r="CI3" s="322"/>
      <c r="CJ3" s="322"/>
      <c r="CK3" s="322"/>
      <c r="CL3" s="322"/>
      <c r="DI3" s="322"/>
      <c r="DJ3" s="322"/>
      <c r="DK3" s="322"/>
      <c r="DL3" s="322"/>
      <c r="DM3" s="322"/>
      <c r="DN3" s="322"/>
      <c r="DO3" s="322"/>
      <c r="DP3" s="322"/>
      <c r="DQ3" s="322"/>
      <c r="DR3" s="322"/>
      <c r="DS3" s="322"/>
      <c r="FL3" s="322"/>
      <c r="FM3" s="322"/>
      <c r="FN3" s="322"/>
      <c r="FO3" s="322"/>
      <c r="FP3" s="322"/>
      <c r="FQ3" s="322"/>
      <c r="FR3" s="322"/>
      <c r="FS3" s="322"/>
      <c r="FT3" s="322"/>
      <c r="FU3" s="322"/>
      <c r="FV3" s="322"/>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26" t="s">
        <v>42</v>
      </c>
      <c r="C4" s="629" t="s">
        <v>63</v>
      </c>
      <c r="D4" s="629"/>
      <c r="E4" s="629"/>
      <c r="F4" s="629"/>
      <c r="G4" s="629"/>
      <c r="H4" s="629"/>
      <c r="I4" s="629"/>
      <c r="J4" s="629"/>
      <c r="K4" s="629"/>
      <c r="L4" s="629"/>
      <c r="M4" s="629"/>
      <c r="N4" s="575"/>
      <c r="O4" s="575"/>
      <c r="P4" s="575"/>
      <c r="Q4" s="575"/>
      <c r="R4" s="575"/>
      <c r="S4" s="575"/>
      <c r="T4" s="575"/>
      <c r="U4" s="575"/>
      <c r="V4" s="575"/>
      <c r="W4" s="575"/>
      <c r="X4" s="575"/>
      <c r="Y4" s="575"/>
      <c r="Z4" s="575"/>
      <c r="AA4" s="575"/>
      <c r="AB4" s="575"/>
      <c r="AC4" s="575"/>
      <c r="AD4" s="575"/>
      <c r="AE4" s="575"/>
      <c r="AF4" s="575"/>
      <c r="AG4" s="575"/>
      <c r="AH4" s="575"/>
      <c r="AI4" s="575"/>
      <c r="AJ4" s="575"/>
      <c r="AK4" s="575"/>
      <c r="AL4" s="575"/>
      <c r="AM4" s="575"/>
      <c r="AN4" s="575"/>
      <c r="AO4" s="575"/>
      <c r="AP4" s="575"/>
      <c r="AQ4" s="575"/>
      <c r="AR4" s="575"/>
      <c r="AS4" s="575"/>
      <c r="AT4" s="575"/>
      <c r="AU4" s="575"/>
      <c r="AV4" s="575"/>
      <c r="AW4" s="575"/>
      <c r="AX4" s="575"/>
      <c r="AY4" s="575"/>
      <c r="AZ4" s="575"/>
      <c r="BA4" s="575"/>
      <c r="BB4" s="575"/>
      <c r="BC4" s="575"/>
      <c r="BD4" s="575"/>
      <c r="BE4" s="575"/>
      <c r="BF4" s="575"/>
      <c r="BG4" s="575"/>
      <c r="BH4" s="575"/>
      <c r="BI4" s="575"/>
      <c r="BJ4" s="575"/>
      <c r="BK4" s="575"/>
      <c r="BL4" s="575"/>
      <c r="BM4" s="575"/>
      <c r="BN4" s="575"/>
      <c r="BO4" s="575"/>
      <c r="BP4" s="575"/>
      <c r="BQ4" s="575"/>
      <c r="BR4" s="575"/>
      <c r="BS4" s="575"/>
      <c r="BT4" s="575"/>
      <c r="BU4" s="575"/>
      <c r="BV4" s="575"/>
      <c r="BW4" s="575"/>
      <c r="BX4" s="575"/>
      <c r="BY4" s="575"/>
      <c r="BZ4" s="575"/>
      <c r="CA4" s="575"/>
      <c r="CB4" s="575"/>
      <c r="CC4" s="575"/>
      <c r="CD4" s="575"/>
      <c r="CE4" s="575"/>
      <c r="CF4" s="575"/>
      <c r="CG4" s="575"/>
      <c r="CH4" s="575"/>
      <c r="CI4" s="575"/>
      <c r="CJ4" s="575"/>
      <c r="CK4" s="575"/>
      <c r="CL4" s="575"/>
      <c r="CM4" s="575"/>
      <c r="CN4" s="575"/>
      <c r="CO4" s="575"/>
      <c r="CP4" s="575"/>
      <c r="CQ4" s="575"/>
      <c r="CR4" s="575"/>
      <c r="CS4" s="575"/>
      <c r="CT4" s="575"/>
      <c r="CU4" s="575"/>
      <c r="CV4" s="575"/>
      <c r="CW4" s="575"/>
      <c r="CX4" s="575"/>
      <c r="CY4" s="575"/>
      <c r="CZ4" s="575"/>
      <c r="DA4" s="575"/>
      <c r="DB4" s="575"/>
      <c r="DC4" s="575"/>
      <c r="DD4" s="575"/>
      <c r="DE4" s="575"/>
      <c r="DF4" s="575"/>
      <c r="DG4" s="575"/>
      <c r="DH4" s="575"/>
      <c r="DI4" s="575"/>
      <c r="DJ4" s="575"/>
      <c r="DK4" s="575"/>
      <c r="DL4" s="575"/>
      <c r="DM4" s="575"/>
      <c r="DN4" s="575"/>
      <c r="DO4" s="575"/>
      <c r="DP4" s="575"/>
      <c r="DQ4" s="575"/>
      <c r="DR4" s="575"/>
      <c r="DS4" s="575"/>
      <c r="DT4" s="575"/>
      <c r="DU4" s="575"/>
      <c r="DV4" s="575"/>
      <c r="DW4" s="575"/>
      <c r="DX4" s="575"/>
      <c r="DY4" s="575"/>
      <c r="DZ4" s="575"/>
      <c r="EA4" s="575"/>
      <c r="EB4" s="575"/>
      <c r="EC4" s="575"/>
      <c r="ED4" s="575"/>
      <c r="EE4" s="575"/>
      <c r="EF4" s="575"/>
      <c r="EG4" s="575"/>
      <c r="EH4" s="575"/>
      <c r="EI4" s="575"/>
      <c r="EJ4" s="575"/>
      <c r="EK4" s="575"/>
      <c r="EL4" s="575"/>
      <c r="EM4" s="575"/>
      <c r="EN4" s="575"/>
      <c r="EO4" s="575"/>
      <c r="EP4" s="575"/>
      <c r="EQ4" s="575"/>
      <c r="ER4" s="575"/>
      <c r="ES4" s="575"/>
      <c r="ET4" s="575"/>
      <c r="EU4" s="575"/>
      <c r="EV4" s="575"/>
      <c r="EW4" s="575"/>
      <c r="EX4" s="575"/>
      <c r="EY4" s="575"/>
      <c r="EZ4" s="575"/>
      <c r="FA4" s="575"/>
      <c r="FB4" s="575"/>
      <c r="FC4" s="575"/>
      <c r="FD4" s="575"/>
      <c r="FE4" s="575"/>
      <c r="FF4" s="575"/>
      <c r="FG4" s="575"/>
      <c r="FH4" s="575"/>
      <c r="FI4" s="575"/>
      <c r="FJ4" s="575"/>
      <c r="FK4" s="575"/>
      <c r="FL4" s="575"/>
      <c r="FM4" s="575"/>
      <c r="FN4" s="575"/>
      <c r="FO4" s="575"/>
      <c r="FP4" s="575"/>
      <c r="FQ4" s="575"/>
      <c r="FR4" s="575"/>
      <c r="FS4" s="575"/>
      <c r="FT4" s="575"/>
      <c r="FU4" s="575"/>
      <c r="FV4" s="575"/>
      <c r="FW4" s="575"/>
      <c r="FX4" s="575"/>
      <c r="FY4" s="575"/>
      <c r="FZ4" s="575"/>
      <c r="GA4" s="575"/>
      <c r="GB4" s="575"/>
      <c r="GC4" s="575"/>
      <c r="GD4" s="575"/>
      <c r="GE4" s="575"/>
      <c r="GF4" s="575"/>
      <c r="GG4" s="575"/>
      <c r="GH4" s="575"/>
      <c r="GI4" s="575"/>
      <c r="GJ4" s="575"/>
      <c r="GK4" s="575"/>
      <c r="GL4" s="575"/>
      <c r="GM4" s="575"/>
      <c r="GN4" s="575"/>
      <c r="GO4" s="575"/>
      <c r="GP4" s="575"/>
      <c r="GQ4" s="575"/>
      <c r="GR4" s="575"/>
      <c r="GS4" s="575"/>
      <c r="GT4" s="575"/>
      <c r="GU4" s="575"/>
      <c r="GV4" s="575"/>
      <c r="GW4" s="575"/>
      <c r="GX4" s="575"/>
      <c r="GY4" s="575"/>
      <c r="GZ4" s="575"/>
      <c r="HA4" s="575"/>
      <c r="HB4" s="575"/>
      <c r="HC4" s="575"/>
      <c r="HD4" s="575"/>
      <c r="HE4" s="575"/>
      <c r="HF4" s="575"/>
      <c r="HG4" s="575"/>
      <c r="HH4" s="575"/>
      <c r="HI4" s="575"/>
      <c r="HJ4" s="575"/>
      <c r="HK4" s="575"/>
      <c r="HL4" s="575"/>
      <c r="HM4" s="575"/>
      <c r="HN4" s="575"/>
      <c r="HO4" s="575"/>
      <c r="HP4" s="575"/>
      <c r="HQ4" s="575"/>
      <c r="HR4" s="575"/>
      <c r="HS4" s="575"/>
      <c r="HT4" s="575"/>
      <c r="HU4" s="575"/>
      <c r="HV4" s="575"/>
      <c r="HW4" s="575"/>
      <c r="HX4" s="575"/>
      <c r="HY4" s="576"/>
      <c r="HZ4" s="608" t="s">
        <v>85</v>
      </c>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09"/>
      <c r="ME4" s="610"/>
      <c r="MF4" s="608" t="s">
        <v>86</v>
      </c>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09"/>
      <c r="OH4" s="610"/>
      <c r="OI4" s="597" t="s">
        <v>60</v>
      </c>
      <c r="OJ4" s="502"/>
      <c r="OK4" s="502"/>
      <c r="OL4" s="502"/>
      <c r="OM4" s="502"/>
      <c r="ON4" s="502"/>
      <c r="OO4" s="502"/>
      <c r="OP4" s="502"/>
      <c r="OQ4" s="502"/>
      <c r="OR4" s="502"/>
      <c r="OS4" s="503"/>
    </row>
    <row r="5" spans="1:409" ht="21" customHeight="1" thickBot="1" x14ac:dyDescent="0.25">
      <c r="B5" s="627"/>
      <c r="C5" s="630"/>
      <c r="D5" s="630"/>
      <c r="E5" s="630"/>
      <c r="F5" s="630"/>
      <c r="G5" s="630"/>
      <c r="H5" s="630"/>
      <c r="I5" s="630"/>
      <c r="J5" s="630"/>
      <c r="K5" s="630"/>
      <c r="L5" s="630"/>
      <c r="M5" s="630"/>
      <c r="N5" s="632" t="s">
        <v>64</v>
      </c>
      <c r="O5" s="633"/>
      <c r="P5" s="633"/>
      <c r="Q5" s="633"/>
      <c r="R5" s="633"/>
      <c r="S5" s="633"/>
      <c r="T5" s="633"/>
      <c r="U5" s="633"/>
      <c r="V5" s="633"/>
      <c r="W5" s="633"/>
      <c r="X5" s="633"/>
      <c r="Y5" s="633"/>
      <c r="Z5" s="633"/>
      <c r="AA5" s="633"/>
      <c r="AB5" s="633"/>
      <c r="AC5" s="633"/>
      <c r="AD5" s="633"/>
      <c r="AE5" s="633"/>
      <c r="AF5" s="633"/>
      <c r="AG5" s="633"/>
      <c r="AH5" s="633"/>
      <c r="AI5" s="633"/>
      <c r="AJ5" s="633"/>
      <c r="AK5" s="633"/>
      <c r="AL5" s="633"/>
      <c r="AM5" s="633"/>
      <c r="AN5" s="633"/>
      <c r="AO5" s="633"/>
      <c r="AP5" s="633"/>
      <c r="AQ5" s="633"/>
      <c r="AR5" s="633"/>
      <c r="AS5" s="633"/>
      <c r="AT5" s="633"/>
      <c r="AU5" s="633"/>
      <c r="AV5" s="633"/>
      <c r="AW5" s="633"/>
      <c r="AX5" s="633"/>
      <c r="AY5" s="633"/>
      <c r="AZ5" s="633"/>
      <c r="BA5" s="633"/>
      <c r="BB5" s="633"/>
      <c r="BC5" s="633"/>
      <c r="BD5" s="633"/>
      <c r="BE5" s="633"/>
      <c r="BF5" s="633"/>
      <c r="BG5" s="633"/>
      <c r="BH5" s="633"/>
      <c r="BI5" s="633"/>
      <c r="BJ5" s="633"/>
      <c r="BK5" s="633"/>
      <c r="BL5" s="633"/>
      <c r="BM5" s="633"/>
      <c r="BN5" s="633"/>
      <c r="BO5" s="633"/>
      <c r="BP5" s="633"/>
      <c r="BQ5" s="633"/>
      <c r="BR5" s="633"/>
      <c r="BS5" s="633"/>
      <c r="BT5" s="633"/>
      <c r="BU5" s="633"/>
      <c r="BV5" s="633"/>
      <c r="BW5" s="633"/>
      <c r="BX5" s="633"/>
      <c r="BY5" s="633"/>
      <c r="BZ5" s="633"/>
      <c r="CA5" s="634"/>
      <c r="CB5" s="632" t="s">
        <v>65</v>
      </c>
      <c r="CC5" s="633"/>
      <c r="CD5" s="633"/>
      <c r="CE5" s="633"/>
      <c r="CF5" s="633"/>
      <c r="CG5" s="633"/>
      <c r="CH5" s="633"/>
      <c r="CI5" s="633"/>
      <c r="CJ5" s="633"/>
      <c r="CK5" s="633"/>
      <c r="CL5" s="633"/>
      <c r="CM5" s="633"/>
      <c r="CN5" s="633"/>
      <c r="CO5" s="633"/>
      <c r="CP5" s="633"/>
      <c r="CQ5" s="633"/>
      <c r="CR5" s="633"/>
      <c r="CS5" s="633"/>
      <c r="CT5" s="633"/>
      <c r="CU5" s="633"/>
      <c r="CV5" s="633"/>
      <c r="CW5" s="633"/>
      <c r="CX5" s="633"/>
      <c r="CY5" s="633"/>
      <c r="CZ5" s="633"/>
      <c r="DA5" s="633"/>
      <c r="DB5" s="633"/>
      <c r="DC5" s="633"/>
      <c r="DD5" s="633"/>
      <c r="DE5" s="633"/>
      <c r="DF5" s="633"/>
      <c r="DG5" s="633"/>
      <c r="DH5" s="634"/>
      <c r="DI5" s="608" t="s">
        <v>66</v>
      </c>
      <c r="DJ5" s="609"/>
      <c r="DK5" s="609"/>
      <c r="DL5" s="609"/>
      <c r="DM5" s="609"/>
      <c r="DN5" s="609"/>
      <c r="DO5" s="609"/>
      <c r="DP5" s="609"/>
      <c r="DQ5" s="609"/>
      <c r="DR5" s="609"/>
      <c r="DS5" s="609"/>
      <c r="DT5" s="609"/>
      <c r="DU5" s="609"/>
      <c r="DV5" s="609"/>
      <c r="DW5" s="609"/>
      <c r="DX5" s="609"/>
      <c r="DY5" s="609"/>
      <c r="DZ5" s="609"/>
      <c r="EA5" s="609"/>
      <c r="EB5" s="609"/>
      <c r="EC5" s="609"/>
      <c r="ED5" s="609"/>
      <c r="EE5" s="609"/>
      <c r="EF5" s="609"/>
      <c r="EG5" s="609"/>
      <c r="EH5" s="609"/>
      <c r="EI5" s="609"/>
      <c r="EJ5" s="609"/>
      <c r="EK5" s="609"/>
      <c r="EL5" s="609"/>
      <c r="EM5" s="609"/>
      <c r="EN5" s="609"/>
      <c r="EO5" s="609"/>
      <c r="EP5" s="609"/>
      <c r="EQ5" s="609"/>
      <c r="ER5" s="609"/>
      <c r="ES5" s="609"/>
      <c r="ET5" s="609"/>
      <c r="EU5" s="609"/>
      <c r="EV5" s="609"/>
      <c r="EW5" s="609"/>
      <c r="EX5" s="609"/>
      <c r="EY5" s="609"/>
      <c r="EZ5" s="609"/>
      <c r="FA5" s="609"/>
      <c r="FB5" s="609"/>
      <c r="FC5" s="609"/>
      <c r="FD5" s="609"/>
      <c r="FE5" s="609"/>
      <c r="FF5" s="609"/>
      <c r="FG5" s="609"/>
      <c r="FH5" s="609"/>
      <c r="FI5" s="609"/>
      <c r="FJ5" s="609"/>
      <c r="FK5" s="610"/>
      <c r="FL5" s="632" t="s">
        <v>67</v>
      </c>
      <c r="FM5" s="633"/>
      <c r="FN5" s="633"/>
      <c r="FO5" s="633"/>
      <c r="FP5" s="633"/>
      <c r="FQ5" s="633"/>
      <c r="FR5" s="633"/>
      <c r="FS5" s="633"/>
      <c r="FT5" s="633"/>
      <c r="FU5" s="633"/>
      <c r="FV5" s="633"/>
      <c r="FW5" s="633"/>
      <c r="FX5" s="633"/>
      <c r="FY5" s="633"/>
      <c r="FZ5" s="633"/>
      <c r="GA5" s="633"/>
      <c r="GB5" s="633"/>
      <c r="GC5" s="633"/>
      <c r="GD5" s="633"/>
      <c r="GE5" s="633"/>
      <c r="GF5" s="633"/>
      <c r="GG5" s="633"/>
      <c r="GH5" s="633"/>
      <c r="GI5" s="633"/>
      <c r="GJ5" s="633"/>
      <c r="GK5" s="633"/>
      <c r="GL5" s="633"/>
      <c r="GM5" s="633"/>
      <c r="GN5" s="633"/>
      <c r="GO5" s="633"/>
      <c r="GP5" s="633"/>
      <c r="GQ5" s="633"/>
      <c r="GR5" s="633"/>
      <c r="GS5" s="633"/>
      <c r="GT5" s="633"/>
      <c r="GU5" s="633"/>
      <c r="GV5" s="633"/>
      <c r="GW5" s="633"/>
      <c r="GX5" s="633"/>
      <c r="GY5" s="633"/>
      <c r="GZ5" s="633"/>
      <c r="HA5" s="633"/>
      <c r="HB5" s="633"/>
      <c r="HC5" s="634"/>
      <c r="HD5" s="618" t="s">
        <v>68</v>
      </c>
      <c r="HE5" s="619"/>
      <c r="HF5" s="619"/>
      <c r="HG5" s="619"/>
      <c r="HH5" s="619"/>
      <c r="HI5" s="619"/>
      <c r="HJ5" s="619"/>
      <c r="HK5" s="619"/>
      <c r="HL5" s="619"/>
      <c r="HM5" s="619"/>
      <c r="HN5" s="620"/>
      <c r="HO5" s="618" t="s">
        <v>69</v>
      </c>
      <c r="HP5" s="619"/>
      <c r="HQ5" s="619"/>
      <c r="HR5" s="619"/>
      <c r="HS5" s="619"/>
      <c r="HT5" s="619"/>
      <c r="HU5" s="619"/>
      <c r="HV5" s="619"/>
      <c r="HW5" s="619"/>
      <c r="HX5" s="619"/>
      <c r="HY5" s="620"/>
      <c r="HZ5" s="659"/>
      <c r="IA5" s="660"/>
      <c r="IB5" s="660"/>
      <c r="IC5" s="660"/>
      <c r="ID5" s="660"/>
      <c r="IE5" s="660"/>
      <c r="IF5" s="660"/>
      <c r="IG5" s="660"/>
      <c r="IH5" s="660"/>
      <c r="II5" s="660"/>
      <c r="IJ5" s="661"/>
      <c r="IK5" s="597" t="s">
        <v>94</v>
      </c>
      <c r="IL5" s="502"/>
      <c r="IM5" s="502"/>
      <c r="IN5" s="502"/>
      <c r="IO5" s="502"/>
      <c r="IP5" s="502"/>
      <c r="IQ5" s="502"/>
      <c r="IR5" s="502"/>
      <c r="IS5" s="502"/>
      <c r="IT5" s="502"/>
      <c r="IU5" s="503"/>
      <c r="IV5" s="597" t="s">
        <v>88</v>
      </c>
      <c r="IW5" s="502"/>
      <c r="IX5" s="502"/>
      <c r="IY5" s="502"/>
      <c r="IZ5" s="502"/>
      <c r="JA5" s="502"/>
      <c r="JB5" s="502"/>
      <c r="JC5" s="502"/>
      <c r="JD5" s="502"/>
      <c r="JE5" s="502"/>
      <c r="JF5" s="503"/>
      <c r="JG5" s="662" t="s">
        <v>143</v>
      </c>
      <c r="JH5" s="663"/>
      <c r="JI5" s="663"/>
      <c r="JJ5" s="663"/>
      <c r="JK5" s="663"/>
      <c r="JL5" s="663"/>
      <c r="JM5" s="663"/>
      <c r="JN5" s="663"/>
      <c r="JO5" s="663"/>
      <c r="JP5" s="663"/>
      <c r="JQ5" s="664"/>
      <c r="JR5" s="597" t="s">
        <v>90</v>
      </c>
      <c r="JS5" s="502"/>
      <c r="JT5" s="502"/>
      <c r="JU5" s="502"/>
      <c r="JV5" s="502"/>
      <c r="JW5" s="502"/>
      <c r="JX5" s="502"/>
      <c r="JY5" s="502"/>
      <c r="JZ5" s="502"/>
      <c r="KA5" s="502"/>
      <c r="KB5" s="503"/>
      <c r="KC5" s="597" t="s">
        <v>89</v>
      </c>
      <c r="KD5" s="502"/>
      <c r="KE5" s="502"/>
      <c r="KF5" s="502"/>
      <c r="KG5" s="502"/>
      <c r="KH5" s="502"/>
      <c r="KI5" s="502"/>
      <c r="KJ5" s="502"/>
      <c r="KK5" s="502"/>
      <c r="KL5" s="502"/>
      <c r="KM5" s="503"/>
      <c r="KN5" s="597" t="s">
        <v>91</v>
      </c>
      <c r="KO5" s="502"/>
      <c r="KP5" s="502"/>
      <c r="KQ5" s="502"/>
      <c r="KR5" s="502"/>
      <c r="KS5" s="502"/>
      <c r="KT5" s="502"/>
      <c r="KU5" s="502"/>
      <c r="KV5" s="502"/>
      <c r="KW5" s="502"/>
      <c r="KX5" s="503"/>
      <c r="KY5" s="597" t="s">
        <v>92</v>
      </c>
      <c r="KZ5" s="502"/>
      <c r="LA5" s="502"/>
      <c r="LB5" s="502"/>
      <c r="LC5" s="502"/>
      <c r="LD5" s="502"/>
      <c r="LE5" s="502"/>
      <c r="LF5" s="502"/>
      <c r="LG5" s="502"/>
      <c r="LH5" s="502"/>
      <c r="LI5" s="503"/>
      <c r="LJ5" s="668" t="s">
        <v>93</v>
      </c>
      <c r="LK5" s="669"/>
      <c r="LL5" s="669"/>
      <c r="LM5" s="669"/>
      <c r="LN5" s="669"/>
      <c r="LO5" s="669"/>
      <c r="LP5" s="669"/>
      <c r="LQ5" s="669"/>
      <c r="LR5" s="669"/>
      <c r="LS5" s="669"/>
      <c r="LT5" s="670"/>
      <c r="LU5" s="671" t="s">
        <v>144</v>
      </c>
      <c r="LV5" s="672"/>
      <c r="LW5" s="672"/>
      <c r="LX5" s="672"/>
      <c r="LY5" s="672"/>
      <c r="LZ5" s="672"/>
      <c r="MA5" s="672"/>
      <c r="MB5" s="672"/>
      <c r="MC5" s="672"/>
      <c r="MD5" s="672"/>
      <c r="ME5" s="673"/>
      <c r="MF5" s="659"/>
      <c r="MG5" s="660"/>
      <c r="MH5" s="660"/>
      <c r="MI5" s="660"/>
      <c r="MJ5" s="660"/>
      <c r="MK5" s="660"/>
      <c r="ML5" s="660"/>
      <c r="MM5" s="660"/>
      <c r="MN5" s="660"/>
      <c r="MO5" s="660"/>
      <c r="MP5" s="661"/>
      <c r="MQ5" s="597" t="s">
        <v>57</v>
      </c>
      <c r="MR5" s="502"/>
      <c r="MS5" s="502"/>
      <c r="MT5" s="502"/>
      <c r="MU5" s="502"/>
      <c r="MV5" s="502"/>
      <c r="MW5" s="502"/>
      <c r="MX5" s="502"/>
      <c r="MY5" s="502"/>
      <c r="MZ5" s="502"/>
      <c r="NA5" s="503"/>
      <c r="NB5" s="597" t="s">
        <v>58</v>
      </c>
      <c r="NC5" s="502"/>
      <c r="ND5" s="502"/>
      <c r="NE5" s="502"/>
      <c r="NF5" s="502"/>
      <c r="NG5" s="502"/>
      <c r="NH5" s="502"/>
      <c r="NI5" s="502"/>
      <c r="NJ5" s="502"/>
      <c r="NK5" s="502"/>
      <c r="NL5" s="503"/>
      <c r="NM5" s="597" t="s">
        <v>59</v>
      </c>
      <c r="NN5" s="502"/>
      <c r="NO5" s="502"/>
      <c r="NP5" s="502"/>
      <c r="NQ5" s="502"/>
      <c r="NR5" s="502"/>
      <c r="NS5" s="502"/>
      <c r="NT5" s="502"/>
      <c r="NU5" s="502"/>
      <c r="NV5" s="502"/>
      <c r="NW5" s="503"/>
      <c r="NX5" s="649" t="s">
        <v>150</v>
      </c>
      <c r="NY5" s="650"/>
      <c r="NZ5" s="650"/>
      <c r="OA5" s="650"/>
      <c r="OB5" s="650"/>
      <c r="OC5" s="650"/>
      <c r="OD5" s="650"/>
      <c r="OE5" s="650"/>
      <c r="OF5" s="650"/>
      <c r="OG5" s="650"/>
      <c r="OH5" s="651"/>
      <c r="OI5" s="656"/>
      <c r="OJ5" s="657"/>
      <c r="OK5" s="657"/>
      <c r="OL5" s="657"/>
      <c r="OM5" s="657"/>
      <c r="ON5" s="657"/>
      <c r="OO5" s="657"/>
      <c r="OP5" s="657"/>
      <c r="OQ5" s="657"/>
      <c r="OR5" s="657"/>
      <c r="OS5" s="658"/>
    </row>
    <row r="6" spans="1:409" ht="21" customHeight="1" thickBot="1" x14ac:dyDescent="0.25">
      <c r="B6" s="627"/>
      <c r="C6" s="631"/>
      <c r="D6" s="631"/>
      <c r="E6" s="631"/>
      <c r="F6" s="631"/>
      <c r="G6" s="631"/>
      <c r="H6" s="631"/>
      <c r="I6" s="631"/>
      <c r="J6" s="631"/>
      <c r="K6" s="631"/>
      <c r="L6" s="631"/>
      <c r="M6" s="631"/>
      <c r="N6" s="598"/>
      <c r="O6" s="591"/>
      <c r="P6" s="591"/>
      <c r="Q6" s="591"/>
      <c r="R6" s="591"/>
      <c r="S6" s="591"/>
      <c r="T6" s="591"/>
      <c r="U6" s="591"/>
      <c r="V6" s="591"/>
      <c r="W6" s="591"/>
      <c r="X6" s="599"/>
      <c r="Y6" s="600" t="s">
        <v>70</v>
      </c>
      <c r="Z6" s="601"/>
      <c r="AA6" s="601"/>
      <c r="AB6" s="601"/>
      <c r="AC6" s="601"/>
      <c r="AD6" s="601"/>
      <c r="AE6" s="601"/>
      <c r="AF6" s="601"/>
      <c r="AG6" s="601"/>
      <c r="AH6" s="601"/>
      <c r="AI6" s="602"/>
      <c r="AJ6" s="618" t="s">
        <v>71</v>
      </c>
      <c r="AK6" s="619"/>
      <c r="AL6" s="619"/>
      <c r="AM6" s="619"/>
      <c r="AN6" s="619"/>
      <c r="AO6" s="619"/>
      <c r="AP6" s="619"/>
      <c r="AQ6" s="619"/>
      <c r="AR6" s="619"/>
      <c r="AS6" s="619"/>
      <c r="AT6" s="620"/>
      <c r="AU6" s="614" t="s">
        <v>72</v>
      </c>
      <c r="AV6" s="615"/>
      <c r="AW6" s="615"/>
      <c r="AX6" s="615"/>
      <c r="AY6" s="615"/>
      <c r="AZ6" s="615"/>
      <c r="BA6" s="615"/>
      <c r="BB6" s="615"/>
      <c r="BC6" s="615"/>
      <c r="BD6" s="615"/>
      <c r="BE6" s="616"/>
      <c r="BF6" s="614" t="s">
        <v>73</v>
      </c>
      <c r="BG6" s="615"/>
      <c r="BH6" s="615"/>
      <c r="BI6" s="615"/>
      <c r="BJ6" s="615"/>
      <c r="BK6" s="615"/>
      <c r="BL6" s="615"/>
      <c r="BM6" s="615"/>
      <c r="BN6" s="615"/>
      <c r="BO6" s="615"/>
      <c r="BP6" s="616"/>
      <c r="BQ6" s="614" t="s">
        <v>74</v>
      </c>
      <c r="BR6" s="615"/>
      <c r="BS6" s="615"/>
      <c r="BT6" s="615"/>
      <c r="BU6" s="615"/>
      <c r="BV6" s="615"/>
      <c r="BW6" s="615"/>
      <c r="BX6" s="615"/>
      <c r="BY6" s="615"/>
      <c r="BZ6" s="615"/>
      <c r="CA6" s="616"/>
      <c r="CB6" s="611"/>
      <c r="CC6" s="612"/>
      <c r="CD6" s="612"/>
      <c r="CE6" s="612"/>
      <c r="CF6" s="612"/>
      <c r="CG6" s="612"/>
      <c r="CH6" s="612"/>
      <c r="CI6" s="612"/>
      <c r="CJ6" s="612"/>
      <c r="CK6" s="612"/>
      <c r="CL6" s="613"/>
      <c r="CM6" s="614" t="s">
        <v>75</v>
      </c>
      <c r="CN6" s="615"/>
      <c r="CO6" s="615"/>
      <c r="CP6" s="615"/>
      <c r="CQ6" s="615"/>
      <c r="CR6" s="615"/>
      <c r="CS6" s="615"/>
      <c r="CT6" s="615"/>
      <c r="CU6" s="615"/>
      <c r="CV6" s="615"/>
      <c r="CW6" s="616"/>
      <c r="CX6" s="614" t="s">
        <v>76</v>
      </c>
      <c r="CY6" s="615"/>
      <c r="CZ6" s="615"/>
      <c r="DA6" s="615"/>
      <c r="DB6" s="615"/>
      <c r="DC6" s="615"/>
      <c r="DD6" s="615"/>
      <c r="DE6" s="615"/>
      <c r="DF6" s="615"/>
      <c r="DG6" s="615"/>
      <c r="DH6" s="616"/>
      <c r="DI6" s="611"/>
      <c r="DJ6" s="612"/>
      <c r="DK6" s="612"/>
      <c r="DL6" s="612"/>
      <c r="DM6" s="612"/>
      <c r="DN6" s="612"/>
      <c r="DO6" s="612"/>
      <c r="DP6" s="612"/>
      <c r="DQ6" s="612"/>
      <c r="DR6" s="612"/>
      <c r="DS6" s="612"/>
      <c r="DT6" s="614" t="s">
        <v>77</v>
      </c>
      <c r="DU6" s="615"/>
      <c r="DV6" s="615"/>
      <c r="DW6" s="615"/>
      <c r="DX6" s="615"/>
      <c r="DY6" s="615"/>
      <c r="DZ6" s="615"/>
      <c r="EA6" s="615"/>
      <c r="EB6" s="615"/>
      <c r="EC6" s="615"/>
      <c r="ED6" s="616"/>
      <c r="EE6" s="614" t="s">
        <v>78</v>
      </c>
      <c r="EF6" s="615"/>
      <c r="EG6" s="615"/>
      <c r="EH6" s="615"/>
      <c r="EI6" s="615"/>
      <c r="EJ6" s="615"/>
      <c r="EK6" s="615"/>
      <c r="EL6" s="615"/>
      <c r="EM6" s="615"/>
      <c r="EN6" s="615"/>
      <c r="EO6" s="616"/>
      <c r="EP6" s="614" t="s">
        <v>79</v>
      </c>
      <c r="EQ6" s="615"/>
      <c r="ER6" s="615"/>
      <c r="ES6" s="615"/>
      <c r="ET6" s="615"/>
      <c r="EU6" s="615"/>
      <c r="EV6" s="615"/>
      <c r="EW6" s="615"/>
      <c r="EX6" s="615"/>
      <c r="EY6" s="615"/>
      <c r="EZ6" s="616"/>
      <c r="FA6" s="617" t="s">
        <v>151</v>
      </c>
      <c r="FB6" s="615"/>
      <c r="FC6" s="615"/>
      <c r="FD6" s="615"/>
      <c r="FE6" s="615"/>
      <c r="FF6" s="615"/>
      <c r="FG6" s="615"/>
      <c r="FH6" s="615"/>
      <c r="FI6" s="615"/>
      <c r="FJ6" s="615"/>
      <c r="FK6" s="616"/>
      <c r="FL6" s="611"/>
      <c r="FM6" s="612"/>
      <c r="FN6" s="612"/>
      <c r="FO6" s="612"/>
      <c r="FP6" s="612"/>
      <c r="FQ6" s="612"/>
      <c r="FR6" s="612"/>
      <c r="FS6" s="612"/>
      <c r="FT6" s="612"/>
      <c r="FU6" s="612"/>
      <c r="FV6" s="612"/>
      <c r="FW6" s="614" t="s">
        <v>80</v>
      </c>
      <c r="FX6" s="615"/>
      <c r="FY6" s="615"/>
      <c r="FZ6" s="615"/>
      <c r="GA6" s="615"/>
      <c r="GB6" s="615"/>
      <c r="GC6" s="615"/>
      <c r="GD6" s="615"/>
      <c r="GE6" s="615"/>
      <c r="GF6" s="615"/>
      <c r="GG6" s="616"/>
      <c r="GH6" s="600" t="s">
        <v>81</v>
      </c>
      <c r="GI6" s="601"/>
      <c r="GJ6" s="601"/>
      <c r="GK6" s="601"/>
      <c r="GL6" s="601"/>
      <c r="GM6" s="601"/>
      <c r="GN6" s="601"/>
      <c r="GO6" s="601"/>
      <c r="GP6" s="601"/>
      <c r="GQ6" s="601"/>
      <c r="GR6" s="602"/>
      <c r="GS6" s="600" t="s">
        <v>82</v>
      </c>
      <c r="GT6" s="601"/>
      <c r="GU6" s="601"/>
      <c r="GV6" s="601"/>
      <c r="GW6" s="601"/>
      <c r="GX6" s="601"/>
      <c r="GY6" s="601"/>
      <c r="GZ6" s="601"/>
      <c r="HA6" s="601"/>
      <c r="HB6" s="601"/>
      <c r="HC6" s="602"/>
      <c r="HD6" s="635"/>
      <c r="HE6" s="636"/>
      <c r="HF6" s="636"/>
      <c r="HG6" s="636"/>
      <c r="HH6" s="636"/>
      <c r="HI6" s="636"/>
      <c r="HJ6" s="636"/>
      <c r="HK6" s="636"/>
      <c r="HL6" s="636"/>
      <c r="HM6" s="636"/>
      <c r="HN6" s="637"/>
      <c r="HO6" s="635"/>
      <c r="HP6" s="636"/>
      <c r="HQ6" s="636"/>
      <c r="HR6" s="636"/>
      <c r="HS6" s="636"/>
      <c r="HT6" s="636"/>
      <c r="HU6" s="636"/>
      <c r="HV6" s="636"/>
      <c r="HW6" s="636"/>
      <c r="HX6" s="636"/>
      <c r="HY6" s="637"/>
      <c r="HZ6" s="611"/>
      <c r="IA6" s="612"/>
      <c r="IB6" s="612"/>
      <c r="IC6" s="612"/>
      <c r="ID6" s="612"/>
      <c r="IE6" s="612"/>
      <c r="IF6" s="612"/>
      <c r="IG6" s="612"/>
      <c r="IH6" s="612"/>
      <c r="II6" s="612"/>
      <c r="IJ6" s="613"/>
      <c r="IK6" s="598"/>
      <c r="IL6" s="591"/>
      <c r="IM6" s="591"/>
      <c r="IN6" s="591"/>
      <c r="IO6" s="591"/>
      <c r="IP6" s="591"/>
      <c r="IQ6" s="591"/>
      <c r="IR6" s="591"/>
      <c r="IS6" s="591"/>
      <c r="IT6" s="591"/>
      <c r="IU6" s="599"/>
      <c r="IV6" s="598"/>
      <c r="IW6" s="591"/>
      <c r="IX6" s="591"/>
      <c r="IY6" s="591"/>
      <c r="IZ6" s="591"/>
      <c r="JA6" s="591"/>
      <c r="JB6" s="591"/>
      <c r="JC6" s="591"/>
      <c r="JD6" s="591"/>
      <c r="JE6" s="591"/>
      <c r="JF6" s="599"/>
      <c r="JG6" s="665"/>
      <c r="JH6" s="666"/>
      <c r="JI6" s="666"/>
      <c r="JJ6" s="666"/>
      <c r="JK6" s="666"/>
      <c r="JL6" s="666"/>
      <c r="JM6" s="666"/>
      <c r="JN6" s="666"/>
      <c r="JO6" s="666"/>
      <c r="JP6" s="666"/>
      <c r="JQ6" s="667"/>
      <c r="JR6" s="598"/>
      <c r="JS6" s="591"/>
      <c r="JT6" s="591"/>
      <c r="JU6" s="591"/>
      <c r="JV6" s="591"/>
      <c r="JW6" s="591"/>
      <c r="JX6" s="591"/>
      <c r="JY6" s="591"/>
      <c r="JZ6" s="591"/>
      <c r="KA6" s="591"/>
      <c r="KB6" s="599"/>
      <c r="KC6" s="598"/>
      <c r="KD6" s="591"/>
      <c r="KE6" s="591"/>
      <c r="KF6" s="591"/>
      <c r="KG6" s="591"/>
      <c r="KH6" s="591"/>
      <c r="KI6" s="591"/>
      <c r="KJ6" s="591"/>
      <c r="KK6" s="591"/>
      <c r="KL6" s="591"/>
      <c r="KM6" s="599"/>
      <c r="KN6" s="598"/>
      <c r="KO6" s="591"/>
      <c r="KP6" s="591"/>
      <c r="KQ6" s="591"/>
      <c r="KR6" s="591"/>
      <c r="KS6" s="591"/>
      <c r="KT6" s="591"/>
      <c r="KU6" s="591"/>
      <c r="KV6" s="591"/>
      <c r="KW6" s="591"/>
      <c r="KX6" s="599"/>
      <c r="KY6" s="598"/>
      <c r="KZ6" s="591"/>
      <c r="LA6" s="591"/>
      <c r="LB6" s="591"/>
      <c r="LC6" s="591"/>
      <c r="LD6" s="591"/>
      <c r="LE6" s="591"/>
      <c r="LF6" s="591"/>
      <c r="LG6" s="591"/>
      <c r="LH6" s="591"/>
      <c r="LI6" s="599"/>
      <c r="LJ6" s="611"/>
      <c r="LK6" s="612"/>
      <c r="LL6" s="612"/>
      <c r="LM6" s="612"/>
      <c r="LN6" s="612"/>
      <c r="LO6" s="612"/>
      <c r="LP6" s="612"/>
      <c r="LQ6" s="612"/>
      <c r="LR6" s="612"/>
      <c r="LS6" s="612"/>
      <c r="LT6" s="613"/>
      <c r="LU6" s="674"/>
      <c r="LV6" s="675"/>
      <c r="LW6" s="675"/>
      <c r="LX6" s="675"/>
      <c r="LY6" s="675"/>
      <c r="LZ6" s="675"/>
      <c r="MA6" s="675"/>
      <c r="MB6" s="675"/>
      <c r="MC6" s="675"/>
      <c r="MD6" s="675"/>
      <c r="ME6" s="676"/>
      <c r="MF6" s="611"/>
      <c r="MG6" s="612"/>
      <c r="MH6" s="612"/>
      <c r="MI6" s="612"/>
      <c r="MJ6" s="612"/>
      <c r="MK6" s="612"/>
      <c r="ML6" s="612"/>
      <c r="MM6" s="612"/>
      <c r="MN6" s="612"/>
      <c r="MO6" s="612"/>
      <c r="MP6" s="613"/>
      <c r="MQ6" s="598"/>
      <c r="MR6" s="591"/>
      <c r="MS6" s="591"/>
      <c r="MT6" s="591"/>
      <c r="MU6" s="591"/>
      <c r="MV6" s="591"/>
      <c r="MW6" s="591"/>
      <c r="MX6" s="591"/>
      <c r="MY6" s="591"/>
      <c r="MZ6" s="591"/>
      <c r="NA6" s="599"/>
      <c r="NB6" s="598"/>
      <c r="NC6" s="591"/>
      <c r="ND6" s="591"/>
      <c r="NE6" s="591"/>
      <c r="NF6" s="591"/>
      <c r="NG6" s="591"/>
      <c r="NH6" s="591"/>
      <c r="NI6" s="591"/>
      <c r="NJ6" s="591"/>
      <c r="NK6" s="591"/>
      <c r="NL6" s="599"/>
      <c r="NM6" s="598"/>
      <c r="NN6" s="591"/>
      <c r="NO6" s="591"/>
      <c r="NP6" s="591"/>
      <c r="NQ6" s="591"/>
      <c r="NR6" s="591"/>
      <c r="NS6" s="591"/>
      <c r="NT6" s="591"/>
      <c r="NU6" s="591"/>
      <c r="NV6" s="591"/>
      <c r="NW6" s="599"/>
      <c r="NX6" s="652"/>
      <c r="NY6" s="653"/>
      <c r="NZ6" s="653"/>
      <c r="OA6" s="653"/>
      <c r="OB6" s="653"/>
      <c r="OC6" s="653"/>
      <c r="OD6" s="653"/>
      <c r="OE6" s="653"/>
      <c r="OF6" s="653"/>
      <c r="OG6" s="653"/>
      <c r="OH6" s="654"/>
      <c r="OI6" s="598"/>
      <c r="OJ6" s="591"/>
      <c r="OK6" s="591"/>
      <c r="OL6" s="591"/>
      <c r="OM6" s="591"/>
      <c r="ON6" s="591"/>
      <c r="OO6" s="591"/>
      <c r="OP6" s="591"/>
      <c r="OQ6" s="591"/>
      <c r="OR6" s="591"/>
      <c r="OS6" s="599"/>
    </row>
    <row r="7" spans="1:409" ht="21" customHeight="1" x14ac:dyDescent="0.2">
      <c r="B7" s="627"/>
      <c r="C7" s="583" t="s">
        <v>61</v>
      </c>
      <c r="D7" s="583"/>
      <c r="E7" s="583"/>
      <c r="F7" s="582" t="s">
        <v>62</v>
      </c>
      <c r="G7" s="583"/>
      <c r="H7" s="583"/>
      <c r="I7" s="583"/>
      <c r="J7" s="583"/>
      <c r="K7" s="583"/>
      <c r="L7" s="583"/>
      <c r="M7" s="582" t="s">
        <v>52</v>
      </c>
      <c r="N7" s="639" t="s">
        <v>61</v>
      </c>
      <c r="O7" s="583"/>
      <c r="P7" s="583"/>
      <c r="Q7" s="582" t="s">
        <v>62</v>
      </c>
      <c r="R7" s="583"/>
      <c r="S7" s="583"/>
      <c r="T7" s="583"/>
      <c r="U7" s="583"/>
      <c r="V7" s="583"/>
      <c r="W7" s="584"/>
      <c r="X7" s="624" t="s">
        <v>52</v>
      </c>
      <c r="Y7" s="598" t="s">
        <v>61</v>
      </c>
      <c r="Z7" s="591"/>
      <c r="AA7" s="592"/>
      <c r="AB7" s="590" t="s">
        <v>62</v>
      </c>
      <c r="AC7" s="591"/>
      <c r="AD7" s="591"/>
      <c r="AE7" s="591"/>
      <c r="AF7" s="591"/>
      <c r="AG7" s="591"/>
      <c r="AH7" s="592"/>
      <c r="AI7" s="599" t="s">
        <v>52</v>
      </c>
      <c r="AJ7" s="579" t="s">
        <v>61</v>
      </c>
      <c r="AK7" s="580"/>
      <c r="AL7" s="581"/>
      <c r="AM7" s="640" t="s">
        <v>62</v>
      </c>
      <c r="AN7" s="580"/>
      <c r="AO7" s="580"/>
      <c r="AP7" s="580"/>
      <c r="AQ7" s="580"/>
      <c r="AR7" s="580"/>
      <c r="AS7" s="641"/>
      <c r="AT7" s="642" t="s">
        <v>52</v>
      </c>
      <c r="AU7" s="587" t="s">
        <v>61</v>
      </c>
      <c r="AV7" s="588"/>
      <c r="AW7" s="589"/>
      <c r="AX7" s="622" t="s">
        <v>62</v>
      </c>
      <c r="AY7" s="588"/>
      <c r="AZ7" s="588"/>
      <c r="BA7" s="588"/>
      <c r="BB7" s="588"/>
      <c r="BC7" s="588"/>
      <c r="BD7" s="623"/>
      <c r="BE7" s="599" t="s">
        <v>52</v>
      </c>
      <c r="BF7" s="587" t="s">
        <v>61</v>
      </c>
      <c r="BG7" s="588"/>
      <c r="BH7" s="589"/>
      <c r="BI7" s="622" t="s">
        <v>62</v>
      </c>
      <c r="BJ7" s="588"/>
      <c r="BK7" s="588"/>
      <c r="BL7" s="588"/>
      <c r="BM7" s="588"/>
      <c r="BN7" s="588"/>
      <c r="BO7" s="623"/>
      <c r="BP7" s="599" t="s">
        <v>52</v>
      </c>
      <c r="BQ7" s="587" t="s">
        <v>61</v>
      </c>
      <c r="BR7" s="588"/>
      <c r="BS7" s="589"/>
      <c r="BT7" s="622" t="s">
        <v>62</v>
      </c>
      <c r="BU7" s="588"/>
      <c r="BV7" s="588"/>
      <c r="BW7" s="588"/>
      <c r="BX7" s="588"/>
      <c r="BY7" s="588"/>
      <c r="BZ7" s="623"/>
      <c r="CA7" s="599" t="s">
        <v>52</v>
      </c>
      <c r="CB7" s="579" t="s">
        <v>61</v>
      </c>
      <c r="CC7" s="580"/>
      <c r="CD7" s="581"/>
      <c r="CE7" s="640" t="s">
        <v>62</v>
      </c>
      <c r="CF7" s="580"/>
      <c r="CG7" s="580"/>
      <c r="CH7" s="580"/>
      <c r="CI7" s="580"/>
      <c r="CJ7" s="580"/>
      <c r="CK7" s="641"/>
      <c r="CL7" s="624" t="s">
        <v>52</v>
      </c>
      <c r="CM7" s="587" t="s">
        <v>61</v>
      </c>
      <c r="CN7" s="588"/>
      <c r="CO7" s="623"/>
      <c r="CP7" s="622" t="s">
        <v>62</v>
      </c>
      <c r="CQ7" s="588"/>
      <c r="CR7" s="588"/>
      <c r="CS7" s="588"/>
      <c r="CT7" s="588"/>
      <c r="CU7" s="588"/>
      <c r="CV7" s="623"/>
      <c r="CW7" s="646" t="s">
        <v>52</v>
      </c>
      <c r="CX7" s="587" t="s">
        <v>61</v>
      </c>
      <c r="CY7" s="588"/>
      <c r="CZ7" s="623"/>
      <c r="DA7" s="622" t="s">
        <v>62</v>
      </c>
      <c r="DB7" s="588"/>
      <c r="DC7" s="588"/>
      <c r="DD7" s="588"/>
      <c r="DE7" s="588"/>
      <c r="DF7" s="588"/>
      <c r="DG7" s="623"/>
      <c r="DH7" s="646" t="s">
        <v>52</v>
      </c>
      <c r="DI7" s="579" t="s">
        <v>61</v>
      </c>
      <c r="DJ7" s="580"/>
      <c r="DK7" s="641"/>
      <c r="DL7" s="640" t="s">
        <v>62</v>
      </c>
      <c r="DM7" s="580"/>
      <c r="DN7" s="580"/>
      <c r="DO7" s="580"/>
      <c r="DP7" s="580"/>
      <c r="DQ7" s="580"/>
      <c r="DR7" s="641"/>
      <c r="DS7" s="624" t="s">
        <v>52</v>
      </c>
      <c r="DT7" s="587" t="s">
        <v>61</v>
      </c>
      <c r="DU7" s="588"/>
      <c r="DV7" s="589"/>
      <c r="DW7" s="622" t="s">
        <v>62</v>
      </c>
      <c r="DX7" s="588"/>
      <c r="DY7" s="588"/>
      <c r="DZ7" s="588"/>
      <c r="EA7" s="588"/>
      <c r="EB7" s="588"/>
      <c r="EC7" s="623"/>
      <c r="ED7" s="599" t="s">
        <v>52</v>
      </c>
      <c r="EE7" s="587" t="s">
        <v>61</v>
      </c>
      <c r="EF7" s="588"/>
      <c r="EG7" s="589"/>
      <c r="EH7" s="622" t="s">
        <v>62</v>
      </c>
      <c r="EI7" s="588"/>
      <c r="EJ7" s="588"/>
      <c r="EK7" s="588"/>
      <c r="EL7" s="588"/>
      <c r="EM7" s="588"/>
      <c r="EN7" s="623"/>
      <c r="EO7" s="599" t="s">
        <v>52</v>
      </c>
      <c r="EP7" s="587" t="s">
        <v>61</v>
      </c>
      <c r="EQ7" s="588"/>
      <c r="ER7" s="589"/>
      <c r="ES7" s="622" t="s">
        <v>62</v>
      </c>
      <c r="ET7" s="588"/>
      <c r="EU7" s="588"/>
      <c r="EV7" s="588"/>
      <c r="EW7" s="588"/>
      <c r="EX7" s="588"/>
      <c r="EY7" s="623"/>
      <c r="EZ7" s="599" t="s">
        <v>52</v>
      </c>
      <c r="FA7" s="587" t="s">
        <v>61</v>
      </c>
      <c r="FB7" s="588"/>
      <c r="FC7" s="589"/>
      <c r="FD7" s="622" t="s">
        <v>62</v>
      </c>
      <c r="FE7" s="588"/>
      <c r="FF7" s="588"/>
      <c r="FG7" s="588"/>
      <c r="FH7" s="588"/>
      <c r="FI7" s="588"/>
      <c r="FJ7" s="623"/>
      <c r="FK7" s="599" t="s">
        <v>52</v>
      </c>
      <c r="FL7" s="579" t="s">
        <v>61</v>
      </c>
      <c r="FM7" s="580"/>
      <c r="FN7" s="581"/>
      <c r="FO7" s="640" t="s">
        <v>62</v>
      </c>
      <c r="FP7" s="580"/>
      <c r="FQ7" s="580"/>
      <c r="FR7" s="580"/>
      <c r="FS7" s="580"/>
      <c r="FT7" s="580"/>
      <c r="FU7" s="641"/>
      <c r="FV7" s="583" t="s">
        <v>52</v>
      </c>
      <c r="FW7" s="587" t="s">
        <v>61</v>
      </c>
      <c r="FX7" s="588"/>
      <c r="FY7" s="589"/>
      <c r="FZ7" s="622" t="s">
        <v>62</v>
      </c>
      <c r="GA7" s="588"/>
      <c r="GB7" s="588"/>
      <c r="GC7" s="588"/>
      <c r="GD7" s="588"/>
      <c r="GE7" s="588"/>
      <c r="GF7" s="623"/>
      <c r="GG7" s="599" t="s">
        <v>52</v>
      </c>
      <c r="GH7" s="598" t="s">
        <v>61</v>
      </c>
      <c r="GI7" s="591"/>
      <c r="GJ7" s="591"/>
      <c r="GK7" s="590" t="s">
        <v>62</v>
      </c>
      <c r="GL7" s="591"/>
      <c r="GM7" s="591"/>
      <c r="GN7" s="591"/>
      <c r="GO7" s="591"/>
      <c r="GP7" s="591"/>
      <c r="GQ7" s="592"/>
      <c r="GR7" s="643" t="s">
        <v>52</v>
      </c>
      <c r="GS7" s="598" t="s">
        <v>61</v>
      </c>
      <c r="GT7" s="591"/>
      <c r="GU7" s="592"/>
      <c r="GV7" s="590" t="s">
        <v>62</v>
      </c>
      <c r="GW7" s="591"/>
      <c r="GX7" s="591"/>
      <c r="GY7" s="591"/>
      <c r="GZ7" s="591"/>
      <c r="HA7" s="591"/>
      <c r="HB7" s="592"/>
      <c r="HC7" s="643" t="s">
        <v>52</v>
      </c>
      <c r="HD7" s="587" t="s">
        <v>61</v>
      </c>
      <c r="HE7" s="588"/>
      <c r="HF7" s="589"/>
      <c r="HG7" s="622" t="s">
        <v>62</v>
      </c>
      <c r="HH7" s="588"/>
      <c r="HI7" s="588"/>
      <c r="HJ7" s="588"/>
      <c r="HK7" s="588"/>
      <c r="HL7" s="588"/>
      <c r="HM7" s="623"/>
      <c r="HN7" s="599" t="s">
        <v>52</v>
      </c>
      <c r="HO7" s="587" t="s">
        <v>61</v>
      </c>
      <c r="HP7" s="588"/>
      <c r="HQ7" s="589"/>
      <c r="HR7" s="622" t="s">
        <v>62</v>
      </c>
      <c r="HS7" s="588"/>
      <c r="HT7" s="588"/>
      <c r="HU7" s="588"/>
      <c r="HV7" s="588"/>
      <c r="HW7" s="588"/>
      <c r="HX7" s="623"/>
      <c r="HY7" s="599" t="s">
        <v>52</v>
      </c>
      <c r="HZ7" s="579" t="s">
        <v>61</v>
      </c>
      <c r="IA7" s="580"/>
      <c r="IB7" s="581"/>
      <c r="IC7" s="640" t="s">
        <v>62</v>
      </c>
      <c r="ID7" s="580"/>
      <c r="IE7" s="580"/>
      <c r="IF7" s="580"/>
      <c r="IG7" s="580"/>
      <c r="IH7" s="580"/>
      <c r="II7" s="641"/>
      <c r="IJ7" s="583" t="s">
        <v>52</v>
      </c>
      <c r="IK7" s="587" t="s">
        <v>61</v>
      </c>
      <c r="IL7" s="588"/>
      <c r="IM7" s="589"/>
      <c r="IN7" s="622" t="s">
        <v>62</v>
      </c>
      <c r="IO7" s="588"/>
      <c r="IP7" s="588"/>
      <c r="IQ7" s="588"/>
      <c r="IR7" s="588"/>
      <c r="IS7" s="588"/>
      <c r="IT7" s="623"/>
      <c r="IU7" s="599" t="s">
        <v>52</v>
      </c>
      <c r="IV7" s="587" t="s">
        <v>61</v>
      </c>
      <c r="IW7" s="588"/>
      <c r="IX7" s="623"/>
      <c r="IY7" s="622" t="s">
        <v>62</v>
      </c>
      <c r="IZ7" s="588"/>
      <c r="JA7" s="588"/>
      <c r="JB7" s="588"/>
      <c r="JC7" s="588"/>
      <c r="JD7" s="588"/>
      <c r="JE7" s="623"/>
      <c r="JF7" s="599" t="s">
        <v>52</v>
      </c>
      <c r="JG7" s="587" t="s">
        <v>61</v>
      </c>
      <c r="JH7" s="588"/>
      <c r="JI7" s="589"/>
      <c r="JJ7" s="622" t="s">
        <v>62</v>
      </c>
      <c r="JK7" s="588"/>
      <c r="JL7" s="588"/>
      <c r="JM7" s="588"/>
      <c r="JN7" s="588"/>
      <c r="JO7" s="588"/>
      <c r="JP7" s="623"/>
      <c r="JQ7" s="646" t="s">
        <v>52</v>
      </c>
      <c r="JR7" s="587" t="s">
        <v>61</v>
      </c>
      <c r="JS7" s="588"/>
      <c r="JT7" s="589"/>
      <c r="JU7" s="622" t="s">
        <v>62</v>
      </c>
      <c r="JV7" s="588"/>
      <c r="JW7" s="588"/>
      <c r="JX7" s="588"/>
      <c r="JY7" s="588"/>
      <c r="JZ7" s="588"/>
      <c r="KA7" s="623"/>
      <c r="KB7" s="646" t="s">
        <v>52</v>
      </c>
      <c r="KC7" s="587" t="s">
        <v>61</v>
      </c>
      <c r="KD7" s="588"/>
      <c r="KE7" s="589"/>
      <c r="KF7" s="622" t="s">
        <v>62</v>
      </c>
      <c r="KG7" s="588"/>
      <c r="KH7" s="588"/>
      <c r="KI7" s="588"/>
      <c r="KJ7" s="588"/>
      <c r="KK7" s="588"/>
      <c r="KL7" s="623"/>
      <c r="KM7" s="646" t="s">
        <v>52</v>
      </c>
      <c r="KN7" s="587" t="s">
        <v>61</v>
      </c>
      <c r="KO7" s="588"/>
      <c r="KP7" s="589"/>
      <c r="KQ7" s="622" t="s">
        <v>62</v>
      </c>
      <c r="KR7" s="588"/>
      <c r="KS7" s="588"/>
      <c r="KT7" s="588"/>
      <c r="KU7" s="588"/>
      <c r="KV7" s="588"/>
      <c r="KW7" s="623"/>
      <c r="KX7" s="646" t="s">
        <v>52</v>
      </c>
      <c r="KY7" s="587" t="s">
        <v>61</v>
      </c>
      <c r="KZ7" s="588"/>
      <c r="LA7" s="589"/>
      <c r="LB7" s="622" t="s">
        <v>62</v>
      </c>
      <c r="LC7" s="588"/>
      <c r="LD7" s="588"/>
      <c r="LE7" s="588"/>
      <c r="LF7" s="588"/>
      <c r="LG7" s="588"/>
      <c r="LH7" s="623"/>
      <c r="LI7" s="646" t="s">
        <v>52</v>
      </c>
      <c r="LJ7" s="587" t="s">
        <v>61</v>
      </c>
      <c r="LK7" s="588"/>
      <c r="LL7" s="589"/>
      <c r="LM7" s="622" t="s">
        <v>62</v>
      </c>
      <c r="LN7" s="588"/>
      <c r="LO7" s="588"/>
      <c r="LP7" s="588"/>
      <c r="LQ7" s="588"/>
      <c r="LR7" s="588"/>
      <c r="LS7" s="623"/>
      <c r="LT7" s="646" t="s">
        <v>52</v>
      </c>
      <c r="LU7" s="587" t="s">
        <v>61</v>
      </c>
      <c r="LV7" s="588"/>
      <c r="LW7" s="589"/>
      <c r="LX7" s="622" t="s">
        <v>62</v>
      </c>
      <c r="LY7" s="588"/>
      <c r="LZ7" s="588"/>
      <c r="MA7" s="588"/>
      <c r="MB7" s="588"/>
      <c r="MC7" s="588"/>
      <c r="MD7" s="623"/>
      <c r="ME7" s="646" t="s">
        <v>52</v>
      </c>
      <c r="MF7" s="579" t="s">
        <v>61</v>
      </c>
      <c r="MG7" s="580"/>
      <c r="MH7" s="581"/>
      <c r="MI7" s="640" t="s">
        <v>62</v>
      </c>
      <c r="MJ7" s="580"/>
      <c r="MK7" s="580"/>
      <c r="ML7" s="580"/>
      <c r="MM7" s="580"/>
      <c r="MN7" s="580"/>
      <c r="MO7" s="641"/>
      <c r="MP7" s="624" t="s">
        <v>52</v>
      </c>
      <c r="MQ7" s="587" t="s">
        <v>61</v>
      </c>
      <c r="MR7" s="588"/>
      <c r="MS7" s="589"/>
      <c r="MT7" s="622" t="s">
        <v>62</v>
      </c>
      <c r="MU7" s="588"/>
      <c r="MV7" s="588"/>
      <c r="MW7" s="588"/>
      <c r="MX7" s="588"/>
      <c r="MY7" s="588"/>
      <c r="MZ7" s="623"/>
      <c r="NA7" s="646" t="s">
        <v>52</v>
      </c>
      <c r="NB7" s="587" t="s">
        <v>61</v>
      </c>
      <c r="NC7" s="588"/>
      <c r="ND7" s="589"/>
      <c r="NE7" s="622" t="s">
        <v>62</v>
      </c>
      <c r="NF7" s="588"/>
      <c r="NG7" s="588"/>
      <c r="NH7" s="588"/>
      <c r="NI7" s="588"/>
      <c r="NJ7" s="588"/>
      <c r="NK7" s="623"/>
      <c r="NL7" s="646" t="s">
        <v>52</v>
      </c>
      <c r="NM7" s="587" t="s">
        <v>61</v>
      </c>
      <c r="NN7" s="588"/>
      <c r="NO7" s="589"/>
      <c r="NP7" s="622" t="s">
        <v>62</v>
      </c>
      <c r="NQ7" s="588"/>
      <c r="NR7" s="588"/>
      <c r="NS7" s="588"/>
      <c r="NT7" s="588"/>
      <c r="NU7" s="588"/>
      <c r="NV7" s="623"/>
      <c r="NW7" s="646" t="s">
        <v>52</v>
      </c>
      <c r="NX7" s="587" t="s">
        <v>61</v>
      </c>
      <c r="NY7" s="588"/>
      <c r="NZ7" s="589"/>
      <c r="OA7" s="622" t="s">
        <v>62</v>
      </c>
      <c r="OB7" s="588"/>
      <c r="OC7" s="588"/>
      <c r="OD7" s="588"/>
      <c r="OE7" s="588"/>
      <c r="OF7" s="588"/>
      <c r="OG7" s="623"/>
      <c r="OH7" s="646" t="s">
        <v>52</v>
      </c>
      <c r="OI7" s="579" t="s">
        <v>61</v>
      </c>
      <c r="OJ7" s="580"/>
      <c r="OK7" s="581"/>
      <c r="OL7" s="640" t="s">
        <v>62</v>
      </c>
      <c r="OM7" s="580"/>
      <c r="ON7" s="580"/>
      <c r="OO7" s="580"/>
      <c r="OP7" s="580"/>
      <c r="OQ7" s="580"/>
      <c r="OR7" s="641"/>
      <c r="OS7" s="624" t="s">
        <v>52</v>
      </c>
    </row>
    <row r="8" spans="1:409" ht="30" customHeight="1" thickBot="1" x14ac:dyDescent="0.25">
      <c r="B8" s="628"/>
      <c r="C8" s="65" t="s">
        <v>43</v>
      </c>
      <c r="D8" s="16" t="s">
        <v>44</v>
      </c>
      <c r="E8" s="41" t="s">
        <v>45</v>
      </c>
      <c r="F8" s="42" t="s">
        <v>83</v>
      </c>
      <c r="G8" s="16" t="s">
        <v>47</v>
      </c>
      <c r="H8" s="16" t="s">
        <v>48</v>
      </c>
      <c r="I8" s="16" t="s">
        <v>49</v>
      </c>
      <c r="J8" s="16" t="s">
        <v>50</v>
      </c>
      <c r="K8" s="16" t="s">
        <v>51</v>
      </c>
      <c r="L8" s="17" t="s">
        <v>45</v>
      </c>
      <c r="M8" s="638"/>
      <c r="N8" s="40" t="s">
        <v>43</v>
      </c>
      <c r="O8" s="16" t="s">
        <v>44</v>
      </c>
      <c r="P8" s="17" t="s">
        <v>45</v>
      </c>
      <c r="Q8" s="42" t="s">
        <v>83</v>
      </c>
      <c r="R8" s="16" t="s">
        <v>47</v>
      </c>
      <c r="S8" s="16" t="s">
        <v>48</v>
      </c>
      <c r="T8" s="16" t="s">
        <v>49</v>
      </c>
      <c r="U8" s="16" t="s">
        <v>50</v>
      </c>
      <c r="V8" s="16" t="s">
        <v>51</v>
      </c>
      <c r="W8" s="17" t="s">
        <v>45</v>
      </c>
      <c r="X8" s="625"/>
      <c r="Y8" s="40" t="s">
        <v>43</v>
      </c>
      <c r="Z8" s="16" t="s">
        <v>44</v>
      </c>
      <c r="AA8" s="17" t="s">
        <v>45</v>
      </c>
      <c r="AB8" s="42" t="s">
        <v>83</v>
      </c>
      <c r="AC8" s="16" t="s">
        <v>47</v>
      </c>
      <c r="AD8" s="16" t="s">
        <v>48</v>
      </c>
      <c r="AE8" s="16" t="s">
        <v>49</v>
      </c>
      <c r="AF8" s="16" t="s">
        <v>50</v>
      </c>
      <c r="AG8" s="16" t="s">
        <v>51</v>
      </c>
      <c r="AH8" s="17" t="s">
        <v>45</v>
      </c>
      <c r="AI8" s="607"/>
      <c r="AJ8" s="40" t="s">
        <v>43</v>
      </c>
      <c r="AK8" s="16" t="s">
        <v>44</v>
      </c>
      <c r="AL8" s="41" t="s">
        <v>45</v>
      </c>
      <c r="AM8" s="42" t="s">
        <v>83</v>
      </c>
      <c r="AN8" s="16" t="s">
        <v>47</v>
      </c>
      <c r="AO8" s="16" t="s">
        <v>48</v>
      </c>
      <c r="AP8" s="16" t="s">
        <v>49</v>
      </c>
      <c r="AQ8" s="16" t="s">
        <v>50</v>
      </c>
      <c r="AR8" s="16" t="s">
        <v>51</v>
      </c>
      <c r="AS8" s="17" t="s">
        <v>45</v>
      </c>
      <c r="AT8" s="607"/>
      <c r="AU8" s="40" t="s">
        <v>43</v>
      </c>
      <c r="AV8" s="16" t="s">
        <v>44</v>
      </c>
      <c r="AW8" s="41" t="s">
        <v>45</v>
      </c>
      <c r="AX8" s="42" t="s">
        <v>83</v>
      </c>
      <c r="AY8" s="16" t="s">
        <v>47</v>
      </c>
      <c r="AZ8" s="16" t="s">
        <v>48</v>
      </c>
      <c r="BA8" s="16" t="s">
        <v>49</v>
      </c>
      <c r="BB8" s="16" t="s">
        <v>50</v>
      </c>
      <c r="BC8" s="16" t="s">
        <v>51</v>
      </c>
      <c r="BD8" s="17" t="s">
        <v>45</v>
      </c>
      <c r="BE8" s="607"/>
      <c r="BF8" s="61" t="s">
        <v>43</v>
      </c>
      <c r="BG8" s="16" t="s">
        <v>44</v>
      </c>
      <c r="BH8" s="41" t="s">
        <v>45</v>
      </c>
      <c r="BI8" s="42" t="s">
        <v>83</v>
      </c>
      <c r="BJ8" s="16" t="s">
        <v>47</v>
      </c>
      <c r="BK8" s="16" t="s">
        <v>48</v>
      </c>
      <c r="BL8" s="16" t="s">
        <v>49</v>
      </c>
      <c r="BM8" s="16" t="s">
        <v>50</v>
      </c>
      <c r="BN8" s="16" t="s">
        <v>51</v>
      </c>
      <c r="BO8" s="17" t="s">
        <v>45</v>
      </c>
      <c r="BP8" s="607"/>
      <c r="BQ8" s="40" t="s">
        <v>43</v>
      </c>
      <c r="BR8" s="16" t="s">
        <v>44</v>
      </c>
      <c r="BS8" s="41" t="s">
        <v>45</v>
      </c>
      <c r="BT8" s="42" t="s">
        <v>83</v>
      </c>
      <c r="BU8" s="16" t="s">
        <v>47</v>
      </c>
      <c r="BV8" s="16" t="s">
        <v>48</v>
      </c>
      <c r="BW8" s="16" t="s">
        <v>49</v>
      </c>
      <c r="BX8" s="16" t="s">
        <v>50</v>
      </c>
      <c r="BY8" s="16" t="s">
        <v>51</v>
      </c>
      <c r="BZ8" s="17" t="s">
        <v>45</v>
      </c>
      <c r="CA8" s="607"/>
      <c r="CB8" s="40" t="s">
        <v>43</v>
      </c>
      <c r="CC8" s="16" t="s">
        <v>44</v>
      </c>
      <c r="CD8" s="41" t="s">
        <v>45</v>
      </c>
      <c r="CE8" s="42" t="s">
        <v>83</v>
      </c>
      <c r="CF8" s="16" t="s">
        <v>47</v>
      </c>
      <c r="CG8" s="16" t="s">
        <v>48</v>
      </c>
      <c r="CH8" s="16" t="s">
        <v>49</v>
      </c>
      <c r="CI8" s="16" t="s">
        <v>50</v>
      </c>
      <c r="CJ8" s="16" t="s">
        <v>51</v>
      </c>
      <c r="CK8" s="17" t="s">
        <v>45</v>
      </c>
      <c r="CL8" s="625"/>
      <c r="CM8" s="40" t="s">
        <v>43</v>
      </c>
      <c r="CN8" s="16" t="s">
        <v>44</v>
      </c>
      <c r="CO8" s="17" t="s">
        <v>45</v>
      </c>
      <c r="CP8" s="42" t="s">
        <v>83</v>
      </c>
      <c r="CQ8" s="16" t="s">
        <v>47</v>
      </c>
      <c r="CR8" s="16" t="s">
        <v>48</v>
      </c>
      <c r="CS8" s="16" t="s">
        <v>49</v>
      </c>
      <c r="CT8" s="16" t="s">
        <v>50</v>
      </c>
      <c r="CU8" s="16" t="s">
        <v>51</v>
      </c>
      <c r="CV8" s="17" t="s">
        <v>45</v>
      </c>
      <c r="CW8" s="625"/>
      <c r="CX8" s="40" t="s">
        <v>43</v>
      </c>
      <c r="CY8" s="16" t="s">
        <v>44</v>
      </c>
      <c r="CZ8" s="17" t="s">
        <v>45</v>
      </c>
      <c r="DA8" s="42" t="s">
        <v>83</v>
      </c>
      <c r="DB8" s="16" t="s">
        <v>47</v>
      </c>
      <c r="DC8" s="16" t="s">
        <v>48</v>
      </c>
      <c r="DD8" s="16" t="s">
        <v>49</v>
      </c>
      <c r="DE8" s="16" t="s">
        <v>50</v>
      </c>
      <c r="DF8" s="16" t="s">
        <v>51</v>
      </c>
      <c r="DG8" s="17" t="s">
        <v>45</v>
      </c>
      <c r="DH8" s="625"/>
      <c r="DI8" s="40" t="s">
        <v>43</v>
      </c>
      <c r="DJ8" s="16" t="s">
        <v>44</v>
      </c>
      <c r="DK8" s="17" t="s">
        <v>45</v>
      </c>
      <c r="DL8" s="42" t="s">
        <v>83</v>
      </c>
      <c r="DM8" s="16" t="s">
        <v>47</v>
      </c>
      <c r="DN8" s="16" t="s">
        <v>48</v>
      </c>
      <c r="DO8" s="16" t="s">
        <v>49</v>
      </c>
      <c r="DP8" s="16" t="s">
        <v>50</v>
      </c>
      <c r="DQ8" s="16" t="s">
        <v>51</v>
      </c>
      <c r="DR8" s="17" t="s">
        <v>45</v>
      </c>
      <c r="DS8" s="625"/>
      <c r="DT8" s="40" t="s">
        <v>43</v>
      </c>
      <c r="DU8" s="16" t="s">
        <v>44</v>
      </c>
      <c r="DV8" s="41" t="s">
        <v>45</v>
      </c>
      <c r="DW8" s="42" t="s">
        <v>83</v>
      </c>
      <c r="DX8" s="16" t="s">
        <v>47</v>
      </c>
      <c r="DY8" s="16" t="s">
        <v>48</v>
      </c>
      <c r="DZ8" s="16" t="s">
        <v>49</v>
      </c>
      <c r="EA8" s="16" t="s">
        <v>50</v>
      </c>
      <c r="EB8" s="16" t="s">
        <v>51</v>
      </c>
      <c r="EC8" s="17" t="s">
        <v>45</v>
      </c>
      <c r="ED8" s="607"/>
      <c r="EE8" s="40" t="s">
        <v>43</v>
      </c>
      <c r="EF8" s="16" t="s">
        <v>44</v>
      </c>
      <c r="EG8" s="41" t="s">
        <v>45</v>
      </c>
      <c r="EH8" s="42" t="s">
        <v>83</v>
      </c>
      <c r="EI8" s="16" t="s">
        <v>47</v>
      </c>
      <c r="EJ8" s="16" t="s">
        <v>48</v>
      </c>
      <c r="EK8" s="16" t="s">
        <v>49</v>
      </c>
      <c r="EL8" s="16" t="s">
        <v>50</v>
      </c>
      <c r="EM8" s="16" t="s">
        <v>51</v>
      </c>
      <c r="EN8" s="17" t="s">
        <v>45</v>
      </c>
      <c r="EO8" s="607"/>
      <c r="EP8" s="40" t="s">
        <v>43</v>
      </c>
      <c r="EQ8" s="16" t="s">
        <v>44</v>
      </c>
      <c r="ER8" s="41" t="s">
        <v>45</v>
      </c>
      <c r="ES8" s="42" t="s">
        <v>83</v>
      </c>
      <c r="ET8" s="16" t="s">
        <v>47</v>
      </c>
      <c r="EU8" s="16" t="s">
        <v>48</v>
      </c>
      <c r="EV8" s="16" t="s">
        <v>49</v>
      </c>
      <c r="EW8" s="16" t="s">
        <v>50</v>
      </c>
      <c r="EX8" s="16" t="s">
        <v>51</v>
      </c>
      <c r="EY8" s="17" t="s">
        <v>45</v>
      </c>
      <c r="EZ8" s="607"/>
      <c r="FA8" s="40" t="s">
        <v>43</v>
      </c>
      <c r="FB8" s="16" t="s">
        <v>44</v>
      </c>
      <c r="FC8" s="41" t="s">
        <v>45</v>
      </c>
      <c r="FD8" s="42" t="s">
        <v>83</v>
      </c>
      <c r="FE8" s="16" t="s">
        <v>47</v>
      </c>
      <c r="FF8" s="16" t="s">
        <v>48</v>
      </c>
      <c r="FG8" s="16" t="s">
        <v>49</v>
      </c>
      <c r="FH8" s="16" t="s">
        <v>50</v>
      </c>
      <c r="FI8" s="16" t="s">
        <v>51</v>
      </c>
      <c r="FJ8" s="17" t="s">
        <v>45</v>
      </c>
      <c r="FK8" s="607"/>
      <c r="FL8" s="40" t="s">
        <v>43</v>
      </c>
      <c r="FM8" s="16" t="s">
        <v>44</v>
      </c>
      <c r="FN8" s="41" t="s">
        <v>45</v>
      </c>
      <c r="FO8" s="42" t="s">
        <v>83</v>
      </c>
      <c r="FP8" s="16" t="s">
        <v>47</v>
      </c>
      <c r="FQ8" s="16" t="s">
        <v>48</v>
      </c>
      <c r="FR8" s="16" t="s">
        <v>49</v>
      </c>
      <c r="FS8" s="16" t="s">
        <v>50</v>
      </c>
      <c r="FT8" s="16" t="s">
        <v>51</v>
      </c>
      <c r="FU8" s="17" t="s">
        <v>45</v>
      </c>
      <c r="FV8" s="645"/>
      <c r="FW8" s="40" t="s">
        <v>43</v>
      </c>
      <c r="FX8" s="16" t="s">
        <v>44</v>
      </c>
      <c r="FY8" s="41" t="s">
        <v>45</v>
      </c>
      <c r="FZ8" s="42" t="s">
        <v>83</v>
      </c>
      <c r="GA8" s="16" t="s">
        <v>47</v>
      </c>
      <c r="GB8" s="16" t="s">
        <v>48</v>
      </c>
      <c r="GC8" s="16" t="s">
        <v>49</v>
      </c>
      <c r="GD8" s="16" t="s">
        <v>50</v>
      </c>
      <c r="GE8" s="16" t="s">
        <v>51</v>
      </c>
      <c r="GF8" s="17" t="s">
        <v>45</v>
      </c>
      <c r="GG8" s="607"/>
      <c r="GH8" s="40" t="s">
        <v>43</v>
      </c>
      <c r="GI8" s="16" t="s">
        <v>44</v>
      </c>
      <c r="GJ8" s="41" t="s">
        <v>45</v>
      </c>
      <c r="GK8" s="42" t="s">
        <v>83</v>
      </c>
      <c r="GL8" s="16" t="s">
        <v>47</v>
      </c>
      <c r="GM8" s="16" t="s">
        <v>48</v>
      </c>
      <c r="GN8" s="16" t="s">
        <v>49</v>
      </c>
      <c r="GO8" s="16" t="s">
        <v>50</v>
      </c>
      <c r="GP8" s="16" t="s">
        <v>51</v>
      </c>
      <c r="GQ8" s="17" t="s">
        <v>45</v>
      </c>
      <c r="GR8" s="644"/>
      <c r="GS8" s="40" t="s">
        <v>43</v>
      </c>
      <c r="GT8" s="16" t="s">
        <v>44</v>
      </c>
      <c r="GU8" s="41" t="s">
        <v>45</v>
      </c>
      <c r="GV8" s="42" t="s">
        <v>83</v>
      </c>
      <c r="GW8" s="16" t="s">
        <v>47</v>
      </c>
      <c r="GX8" s="16" t="s">
        <v>48</v>
      </c>
      <c r="GY8" s="16" t="s">
        <v>49</v>
      </c>
      <c r="GZ8" s="16" t="s">
        <v>50</v>
      </c>
      <c r="HA8" s="16" t="s">
        <v>51</v>
      </c>
      <c r="HB8" s="17" t="s">
        <v>45</v>
      </c>
      <c r="HC8" s="644"/>
      <c r="HD8" s="40" t="s">
        <v>43</v>
      </c>
      <c r="HE8" s="16" t="s">
        <v>44</v>
      </c>
      <c r="HF8" s="41" t="s">
        <v>45</v>
      </c>
      <c r="HG8" s="42" t="s">
        <v>83</v>
      </c>
      <c r="HH8" s="16" t="s">
        <v>47</v>
      </c>
      <c r="HI8" s="16" t="s">
        <v>48</v>
      </c>
      <c r="HJ8" s="16" t="s">
        <v>49</v>
      </c>
      <c r="HK8" s="16" t="s">
        <v>50</v>
      </c>
      <c r="HL8" s="16" t="s">
        <v>51</v>
      </c>
      <c r="HM8" s="17" t="s">
        <v>45</v>
      </c>
      <c r="HN8" s="607"/>
      <c r="HO8" s="40" t="s">
        <v>43</v>
      </c>
      <c r="HP8" s="16" t="s">
        <v>44</v>
      </c>
      <c r="HQ8" s="41" t="s">
        <v>45</v>
      </c>
      <c r="HR8" s="42" t="s">
        <v>83</v>
      </c>
      <c r="HS8" s="16" t="s">
        <v>47</v>
      </c>
      <c r="HT8" s="16" t="s">
        <v>48</v>
      </c>
      <c r="HU8" s="16" t="s">
        <v>49</v>
      </c>
      <c r="HV8" s="16" t="s">
        <v>50</v>
      </c>
      <c r="HW8" s="16" t="s">
        <v>51</v>
      </c>
      <c r="HX8" s="17" t="s">
        <v>45</v>
      </c>
      <c r="HY8" s="607"/>
      <c r="HZ8" s="366" t="s">
        <v>43</v>
      </c>
      <c r="IA8" s="367" t="s">
        <v>44</v>
      </c>
      <c r="IB8" s="41" t="s">
        <v>45</v>
      </c>
      <c r="IC8" s="42" t="s">
        <v>83</v>
      </c>
      <c r="ID8" s="367" t="s">
        <v>47</v>
      </c>
      <c r="IE8" s="367" t="s">
        <v>48</v>
      </c>
      <c r="IF8" s="367" t="s">
        <v>49</v>
      </c>
      <c r="IG8" s="367" t="s">
        <v>50</v>
      </c>
      <c r="IH8" s="367" t="s">
        <v>51</v>
      </c>
      <c r="II8" s="17" t="s">
        <v>45</v>
      </c>
      <c r="IJ8" s="645"/>
      <c r="IK8" s="366" t="s">
        <v>43</v>
      </c>
      <c r="IL8" s="367" t="s">
        <v>44</v>
      </c>
      <c r="IM8" s="41" t="s">
        <v>45</v>
      </c>
      <c r="IN8" s="42" t="s">
        <v>83</v>
      </c>
      <c r="IO8" s="59" t="s">
        <v>47</v>
      </c>
      <c r="IP8" s="59" t="s">
        <v>48</v>
      </c>
      <c r="IQ8" s="59" t="s">
        <v>49</v>
      </c>
      <c r="IR8" s="59" t="s">
        <v>50</v>
      </c>
      <c r="IS8" s="59" t="s">
        <v>51</v>
      </c>
      <c r="IT8" s="64" t="s">
        <v>45</v>
      </c>
      <c r="IU8" s="655"/>
      <c r="IV8" s="61" t="s">
        <v>43</v>
      </c>
      <c r="IW8" s="59" t="s">
        <v>44</v>
      </c>
      <c r="IX8" s="64" t="s">
        <v>45</v>
      </c>
      <c r="IY8" s="33" t="s">
        <v>83</v>
      </c>
      <c r="IZ8" s="59" t="s">
        <v>47</v>
      </c>
      <c r="JA8" s="59" t="s">
        <v>48</v>
      </c>
      <c r="JB8" s="59" t="s">
        <v>49</v>
      </c>
      <c r="JC8" s="59" t="s">
        <v>50</v>
      </c>
      <c r="JD8" s="59" t="s">
        <v>51</v>
      </c>
      <c r="JE8" s="64" t="s">
        <v>45</v>
      </c>
      <c r="JF8" s="655"/>
      <c r="JG8" s="61" t="s">
        <v>43</v>
      </c>
      <c r="JH8" s="59" t="s">
        <v>44</v>
      </c>
      <c r="JI8" s="60" t="s">
        <v>45</v>
      </c>
      <c r="JJ8" s="33" t="s">
        <v>83</v>
      </c>
      <c r="JK8" s="59" t="s">
        <v>47</v>
      </c>
      <c r="JL8" s="59" t="s">
        <v>48</v>
      </c>
      <c r="JM8" s="59" t="s">
        <v>49</v>
      </c>
      <c r="JN8" s="59" t="s">
        <v>50</v>
      </c>
      <c r="JO8" s="59" t="s">
        <v>51</v>
      </c>
      <c r="JP8" s="64" t="s">
        <v>45</v>
      </c>
      <c r="JQ8" s="648"/>
      <c r="JR8" s="61" t="s">
        <v>43</v>
      </c>
      <c r="JS8" s="59" t="s">
        <v>44</v>
      </c>
      <c r="JT8" s="60" t="s">
        <v>45</v>
      </c>
      <c r="JU8" s="33" t="s">
        <v>83</v>
      </c>
      <c r="JV8" s="59" t="s">
        <v>47</v>
      </c>
      <c r="JW8" s="59" t="s">
        <v>48</v>
      </c>
      <c r="JX8" s="59" t="s">
        <v>49</v>
      </c>
      <c r="JY8" s="59" t="s">
        <v>50</v>
      </c>
      <c r="JZ8" s="59" t="s">
        <v>51</v>
      </c>
      <c r="KA8" s="64" t="s">
        <v>45</v>
      </c>
      <c r="KB8" s="648"/>
      <c r="KC8" s="61" t="s">
        <v>43</v>
      </c>
      <c r="KD8" s="59" t="s">
        <v>44</v>
      </c>
      <c r="KE8" s="60" t="s">
        <v>45</v>
      </c>
      <c r="KF8" s="33" t="s">
        <v>83</v>
      </c>
      <c r="KG8" s="59" t="s">
        <v>47</v>
      </c>
      <c r="KH8" s="59" t="s">
        <v>48</v>
      </c>
      <c r="KI8" s="59" t="s">
        <v>49</v>
      </c>
      <c r="KJ8" s="59" t="s">
        <v>50</v>
      </c>
      <c r="KK8" s="59" t="s">
        <v>51</v>
      </c>
      <c r="KL8" s="64" t="s">
        <v>45</v>
      </c>
      <c r="KM8" s="648"/>
      <c r="KN8" s="61" t="s">
        <v>43</v>
      </c>
      <c r="KO8" s="59" t="s">
        <v>44</v>
      </c>
      <c r="KP8" s="60" t="s">
        <v>45</v>
      </c>
      <c r="KQ8" s="42" t="s">
        <v>83</v>
      </c>
      <c r="KR8" s="59" t="s">
        <v>47</v>
      </c>
      <c r="KS8" s="59" t="s">
        <v>48</v>
      </c>
      <c r="KT8" s="59" t="s">
        <v>49</v>
      </c>
      <c r="KU8" s="59" t="s">
        <v>50</v>
      </c>
      <c r="KV8" s="59" t="s">
        <v>51</v>
      </c>
      <c r="KW8" s="64" t="s">
        <v>45</v>
      </c>
      <c r="KX8" s="648"/>
      <c r="KY8" s="61" t="s">
        <v>43</v>
      </c>
      <c r="KZ8" s="59" t="s">
        <v>44</v>
      </c>
      <c r="LA8" s="60" t="s">
        <v>45</v>
      </c>
      <c r="LB8" s="42" t="s">
        <v>83</v>
      </c>
      <c r="LC8" s="59" t="s">
        <v>47</v>
      </c>
      <c r="LD8" s="59" t="s">
        <v>48</v>
      </c>
      <c r="LE8" s="59" t="s">
        <v>49</v>
      </c>
      <c r="LF8" s="59" t="s">
        <v>50</v>
      </c>
      <c r="LG8" s="59" t="s">
        <v>51</v>
      </c>
      <c r="LH8" s="64" t="s">
        <v>45</v>
      </c>
      <c r="LI8" s="648"/>
      <c r="LJ8" s="61" t="s">
        <v>43</v>
      </c>
      <c r="LK8" s="59" t="s">
        <v>44</v>
      </c>
      <c r="LL8" s="60" t="s">
        <v>45</v>
      </c>
      <c r="LM8" s="42" t="s">
        <v>83</v>
      </c>
      <c r="LN8" s="59" t="s">
        <v>47</v>
      </c>
      <c r="LO8" s="59" t="s">
        <v>48</v>
      </c>
      <c r="LP8" s="59" t="s">
        <v>49</v>
      </c>
      <c r="LQ8" s="59" t="s">
        <v>50</v>
      </c>
      <c r="LR8" s="59" t="s">
        <v>51</v>
      </c>
      <c r="LS8" s="64" t="s">
        <v>45</v>
      </c>
      <c r="LT8" s="648"/>
      <c r="LU8" s="61" t="s">
        <v>43</v>
      </c>
      <c r="LV8" s="59" t="s">
        <v>44</v>
      </c>
      <c r="LW8" s="60" t="s">
        <v>45</v>
      </c>
      <c r="LX8" s="42" t="s">
        <v>83</v>
      </c>
      <c r="LY8" s="59" t="s">
        <v>47</v>
      </c>
      <c r="LZ8" s="59" t="s">
        <v>48</v>
      </c>
      <c r="MA8" s="59" t="s">
        <v>49</v>
      </c>
      <c r="MB8" s="59" t="s">
        <v>50</v>
      </c>
      <c r="MC8" s="59" t="s">
        <v>51</v>
      </c>
      <c r="MD8" s="64" t="s">
        <v>45</v>
      </c>
      <c r="ME8" s="648"/>
      <c r="MF8" s="61" t="s">
        <v>43</v>
      </c>
      <c r="MG8" s="59" t="s">
        <v>44</v>
      </c>
      <c r="MH8" s="60" t="s">
        <v>45</v>
      </c>
      <c r="MI8" s="42" t="s">
        <v>83</v>
      </c>
      <c r="MJ8" s="59" t="s">
        <v>47</v>
      </c>
      <c r="MK8" s="59" t="s">
        <v>48</v>
      </c>
      <c r="ML8" s="59" t="s">
        <v>49</v>
      </c>
      <c r="MM8" s="59" t="s">
        <v>50</v>
      </c>
      <c r="MN8" s="59" t="s">
        <v>51</v>
      </c>
      <c r="MO8" s="64" t="s">
        <v>45</v>
      </c>
      <c r="MP8" s="648"/>
      <c r="MQ8" s="61" t="s">
        <v>43</v>
      </c>
      <c r="MR8" s="59" t="s">
        <v>44</v>
      </c>
      <c r="MS8" s="60" t="s">
        <v>45</v>
      </c>
      <c r="MT8" s="42" t="s">
        <v>83</v>
      </c>
      <c r="MU8" s="59" t="s">
        <v>47</v>
      </c>
      <c r="MV8" s="59" t="s">
        <v>48</v>
      </c>
      <c r="MW8" s="59" t="s">
        <v>49</v>
      </c>
      <c r="MX8" s="59" t="s">
        <v>50</v>
      </c>
      <c r="MY8" s="59" t="s">
        <v>51</v>
      </c>
      <c r="MZ8" s="64" t="s">
        <v>45</v>
      </c>
      <c r="NA8" s="648"/>
      <c r="NB8" s="61" t="s">
        <v>43</v>
      </c>
      <c r="NC8" s="59" t="s">
        <v>44</v>
      </c>
      <c r="ND8" s="60" t="s">
        <v>45</v>
      </c>
      <c r="NE8" s="42" t="s">
        <v>83</v>
      </c>
      <c r="NF8" s="59" t="s">
        <v>47</v>
      </c>
      <c r="NG8" s="59" t="s">
        <v>48</v>
      </c>
      <c r="NH8" s="59" t="s">
        <v>49</v>
      </c>
      <c r="NI8" s="59" t="s">
        <v>50</v>
      </c>
      <c r="NJ8" s="59" t="s">
        <v>51</v>
      </c>
      <c r="NK8" s="64" t="s">
        <v>45</v>
      </c>
      <c r="NL8" s="648"/>
      <c r="NM8" s="61" t="s">
        <v>43</v>
      </c>
      <c r="NN8" s="59" t="s">
        <v>44</v>
      </c>
      <c r="NO8" s="60" t="s">
        <v>45</v>
      </c>
      <c r="NP8" s="42" t="s">
        <v>83</v>
      </c>
      <c r="NQ8" s="59" t="s">
        <v>47</v>
      </c>
      <c r="NR8" s="59" t="s">
        <v>48</v>
      </c>
      <c r="NS8" s="59" t="s">
        <v>49</v>
      </c>
      <c r="NT8" s="59" t="s">
        <v>50</v>
      </c>
      <c r="NU8" s="59" t="s">
        <v>51</v>
      </c>
      <c r="NV8" s="64" t="s">
        <v>45</v>
      </c>
      <c r="NW8" s="648"/>
      <c r="NX8" s="61" t="s">
        <v>43</v>
      </c>
      <c r="NY8" s="59" t="s">
        <v>44</v>
      </c>
      <c r="NZ8" s="60" t="s">
        <v>45</v>
      </c>
      <c r="OA8" s="42" t="s">
        <v>83</v>
      </c>
      <c r="OB8" s="59" t="s">
        <v>47</v>
      </c>
      <c r="OC8" s="59" t="s">
        <v>48</v>
      </c>
      <c r="OD8" s="59" t="s">
        <v>49</v>
      </c>
      <c r="OE8" s="59" t="s">
        <v>50</v>
      </c>
      <c r="OF8" s="59" t="s">
        <v>51</v>
      </c>
      <c r="OG8" s="64" t="s">
        <v>45</v>
      </c>
      <c r="OH8" s="648"/>
      <c r="OI8" s="61" t="s">
        <v>43</v>
      </c>
      <c r="OJ8" s="59" t="s">
        <v>44</v>
      </c>
      <c r="OK8" s="60" t="s">
        <v>45</v>
      </c>
      <c r="OL8" s="33" t="s">
        <v>83</v>
      </c>
      <c r="OM8" s="59" t="s">
        <v>47</v>
      </c>
      <c r="ON8" s="59" t="s">
        <v>48</v>
      </c>
      <c r="OO8" s="59" t="s">
        <v>49</v>
      </c>
      <c r="OP8" s="59" t="s">
        <v>50</v>
      </c>
      <c r="OQ8" s="59" t="s">
        <v>51</v>
      </c>
      <c r="OR8" s="64" t="s">
        <v>45</v>
      </c>
      <c r="OS8" s="648"/>
    </row>
    <row r="9" spans="1:409" s="422" customFormat="1" ht="21" customHeight="1" x14ac:dyDescent="0.2">
      <c r="A9" s="44"/>
      <c r="B9" s="378" t="s">
        <v>4</v>
      </c>
      <c r="C9" s="379">
        <v>394832789</v>
      </c>
      <c r="D9" s="380">
        <v>810640888</v>
      </c>
      <c r="E9" s="381">
        <v>1205473677</v>
      </c>
      <c r="F9" s="382">
        <v>0</v>
      </c>
      <c r="G9" s="380">
        <v>5049948941</v>
      </c>
      <c r="H9" s="380">
        <v>6878905389</v>
      </c>
      <c r="I9" s="380">
        <v>5879324969</v>
      </c>
      <c r="J9" s="380">
        <v>5617894286</v>
      </c>
      <c r="K9" s="380">
        <v>4227305931</v>
      </c>
      <c r="L9" s="383">
        <v>27653379516</v>
      </c>
      <c r="M9" s="384">
        <v>28858853193</v>
      </c>
      <c r="N9" s="379">
        <v>93092530</v>
      </c>
      <c r="O9" s="380">
        <v>233927309</v>
      </c>
      <c r="P9" s="385">
        <v>327019839</v>
      </c>
      <c r="Q9" s="379">
        <v>0</v>
      </c>
      <c r="R9" s="380">
        <v>1434116067</v>
      </c>
      <c r="S9" s="380">
        <v>2196553079</v>
      </c>
      <c r="T9" s="380">
        <v>1952332252</v>
      </c>
      <c r="U9" s="380">
        <v>2143672246</v>
      </c>
      <c r="V9" s="380">
        <v>2163728870</v>
      </c>
      <c r="W9" s="385">
        <v>9890402514</v>
      </c>
      <c r="X9" s="384">
        <v>10217422353</v>
      </c>
      <c r="Y9" s="379">
        <v>0</v>
      </c>
      <c r="Z9" s="380">
        <v>0</v>
      </c>
      <c r="AA9" s="385">
        <v>0</v>
      </c>
      <c r="AB9" s="386">
        <v>0</v>
      </c>
      <c r="AC9" s="387">
        <v>679267672</v>
      </c>
      <c r="AD9" s="387">
        <v>1086584388</v>
      </c>
      <c r="AE9" s="387">
        <v>1097980616</v>
      </c>
      <c r="AF9" s="387">
        <v>1250176861</v>
      </c>
      <c r="AG9" s="387">
        <v>1281552371</v>
      </c>
      <c r="AH9" s="385">
        <v>5395561908</v>
      </c>
      <c r="AI9" s="384">
        <v>5395561908</v>
      </c>
      <c r="AJ9" s="388">
        <v>86377</v>
      </c>
      <c r="AK9" s="387">
        <v>684606</v>
      </c>
      <c r="AL9" s="385">
        <v>770983</v>
      </c>
      <c r="AM9" s="386">
        <v>0</v>
      </c>
      <c r="AN9" s="387">
        <v>6538739</v>
      </c>
      <c r="AO9" s="383">
        <v>24383497</v>
      </c>
      <c r="AP9" s="387">
        <v>48922885</v>
      </c>
      <c r="AQ9" s="387">
        <v>119982109</v>
      </c>
      <c r="AR9" s="387">
        <v>231806382</v>
      </c>
      <c r="AS9" s="385">
        <v>431633612</v>
      </c>
      <c r="AT9" s="384">
        <v>432404595</v>
      </c>
      <c r="AU9" s="388">
        <v>50893625</v>
      </c>
      <c r="AV9" s="387">
        <v>164356901</v>
      </c>
      <c r="AW9" s="385">
        <v>215250526</v>
      </c>
      <c r="AX9" s="386">
        <v>0</v>
      </c>
      <c r="AY9" s="387">
        <v>452388412</v>
      </c>
      <c r="AZ9" s="387">
        <v>710389299</v>
      </c>
      <c r="BA9" s="387">
        <v>471533466</v>
      </c>
      <c r="BB9" s="387">
        <v>442666540</v>
      </c>
      <c r="BC9" s="387">
        <v>402009351</v>
      </c>
      <c r="BD9" s="385">
        <v>2478987068</v>
      </c>
      <c r="BE9" s="389">
        <v>2694237594</v>
      </c>
      <c r="BF9" s="388">
        <v>6204792</v>
      </c>
      <c r="BG9" s="383">
        <v>24571114</v>
      </c>
      <c r="BH9" s="390">
        <v>30775906</v>
      </c>
      <c r="BI9" s="386">
        <v>0</v>
      </c>
      <c r="BJ9" s="387">
        <v>36762383</v>
      </c>
      <c r="BK9" s="387">
        <v>62938724</v>
      </c>
      <c r="BL9" s="387">
        <v>43858039</v>
      </c>
      <c r="BM9" s="387">
        <v>37920509</v>
      </c>
      <c r="BN9" s="387">
        <v>22798413</v>
      </c>
      <c r="BO9" s="385">
        <v>204278068</v>
      </c>
      <c r="BP9" s="384">
        <v>235053974</v>
      </c>
      <c r="BQ9" s="388">
        <v>35907736</v>
      </c>
      <c r="BR9" s="387">
        <v>44314688</v>
      </c>
      <c r="BS9" s="385">
        <v>80222424</v>
      </c>
      <c r="BT9" s="386">
        <v>0</v>
      </c>
      <c r="BU9" s="387">
        <v>259158861</v>
      </c>
      <c r="BV9" s="387">
        <v>312257171</v>
      </c>
      <c r="BW9" s="387">
        <v>290037246</v>
      </c>
      <c r="BX9" s="387">
        <v>292926227</v>
      </c>
      <c r="BY9" s="387">
        <v>225562353</v>
      </c>
      <c r="BZ9" s="385">
        <v>1379941858</v>
      </c>
      <c r="CA9" s="384">
        <v>1460164282</v>
      </c>
      <c r="CB9" s="388">
        <v>37086237</v>
      </c>
      <c r="CC9" s="387">
        <v>109100490</v>
      </c>
      <c r="CD9" s="385">
        <v>146186727</v>
      </c>
      <c r="CE9" s="386">
        <v>0</v>
      </c>
      <c r="CF9" s="387">
        <v>1391332687</v>
      </c>
      <c r="CG9" s="387">
        <v>1841890339</v>
      </c>
      <c r="CH9" s="391">
        <v>1328050228</v>
      </c>
      <c r="CI9" s="387">
        <v>908957524</v>
      </c>
      <c r="CJ9" s="387">
        <v>455612381</v>
      </c>
      <c r="CK9" s="385">
        <v>5925843159</v>
      </c>
      <c r="CL9" s="384">
        <v>6072029886</v>
      </c>
      <c r="CM9" s="379">
        <v>0</v>
      </c>
      <c r="CN9" s="380">
        <v>0</v>
      </c>
      <c r="CO9" s="385">
        <v>0</v>
      </c>
      <c r="CP9" s="386">
        <v>0</v>
      </c>
      <c r="CQ9" s="387">
        <v>1179405208</v>
      </c>
      <c r="CR9" s="387">
        <v>1438231755</v>
      </c>
      <c r="CS9" s="387">
        <v>1038584569</v>
      </c>
      <c r="CT9" s="387">
        <v>691688994</v>
      </c>
      <c r="CU9" s="387">
        <v>368095630</v>
      </c>
      <c r="CV9" s="392">
        <v>4716006156</v>
      </c>
      <c r="CW9" s="384">
        <v>4716006156</v>
      </c>
      <c r="CX9" s="388">
        <v>37086237</v>
      </c>
      <c r="CY9" s="387">
        <v>109100490</v>
      </c>
      <c r="CZ9" s="385">
        <v>146186727</v>
      </c>
      <c r="DA9" s="386">
        <v>0</v>
      </c>
      <c r="DB9" s="387">
        <v>211927479</v>
      </c>
      <c r="DC9" s="387">
        <v>403658584</v>
      </c>
      <c r="DD9" s="387">
        <v>289465659</v>
      </c>
      <c r="DE9" s="387">
        <v>217268530</v>
      </c>
      <c r="DF9" s="387">
        <v>87516751</v>
      </c>
      <c r="DG9" s="385">
        <v>1209837003</v>
      </c>
      <c r="DH9" s="384">
        <v>1356023730</v>
      </c>
      <c r="DI9" s="388">
        <v>2107438</v>
      </c>
      <c r="DJ9" s="387">
        <v>8970516</v>
      </c>
      <c r="DK9" s="390">
        <v>11077954</v>
      </c>
      <c r="DL9" s="386">
        <v>0</v>
      </c>
      <c r="DM9" s="387">
        <v>131563194</v>
      </c>
      <c r="DN9" s="387">
        <v>295497030</v>
      </c>
      <c r="DO9" s="387">
        <v>540604721</v>
      </c>
      <c r="DP9" s="387">
        <v>454320350</v>
      </c>
      <c r="DQ9" s="387">
        <v>249605080</v>
      </c>
      <c r="DR9" s="393">
        <v>1671590375</v>
      </c>
      <c r="DS9" s="384">
        <v>1682668329</v>
      </c>
      <c r="DT9" s="388">
        <v>2079985</v>
      </c>
      <c r="DU9" s="387">
        <v>8079411</v>
      </c>
      <c r="DV9" s="385">
        <v>10159396</v>
      </c>
      <c r="DW9" s="386">
        <v>0</v>
      </c>
      <c r="DX9" s="387">
        <v>118978694</v>
      </c>
      <c r="DY9" s="387">
        <v>259343814</v>
      </c>
      <c r="DZ9" s="387">
        <v>488168245</v>
      </c>
      <c r="EA9" s="387">
        <v>401756322</v>
      </c>
      <c r="EB9" s="387">
        <v>214837557</v>
      </c>
      <c r="EC9" s="385">
        <v>1483084632</v>
      </c>
      <c r="ED9" s="384">
        <v>1493244028</v>
      </c>
      <c r="EE9" s="388">
        <v>27453</v>
      </c>
      <c r="EF9" s="383">
        <v>891105</v>
      </c>
      <c r="EG9" s="385">
        <v>918558</v>
      </c>
      <c r="EH9" s="389">
        <v>0</v>
      </c>
      <c r="EI9" s="387">
        <v>12584500</v>
      </c>
      <c r="EJ9" s="387">
        <v>36095329</v>
      </c>
      <c r="EK9" s="387">
        <v>52436476</v>
      </c>
      <c r="EL9" s="387">
        <v>52564028</v>
      </c>
      <c r="EM9" s="391">
        <v>34767523</v>
      </c>
      <c r="EN9" s="383">
        <v>188447856</v>
      </c>
      <c r="EO9" s="384">
        <v>189366414</v>
      </c>
      <c r="EP9" s="388">
        <v>0</v>
      </c>
      <c r="EQ9" s="387">
        <v>0</v>
      </c>
      <c r="ER9" s="383">
        <v>0</v>
      </c>
      <c r="ES9" s="386">
        <v>0</v>
      </c>
      <c r="ET9" s="387">
        <v>0</v>
      </c>
      <c r="EU9" s="387">
        <v>57887</v>
      </c>
      <c r="EV9" s="387">
        <v>0</v>
      </c>
      <c r="EW9" s="387">
        <v>0</v>
      </c>
      <c r="EX9" s="387">
        <v>0</v>
      </c>
      <c r="EY9" s="392">
        <v>57887</v>
      </c>
      <c r="EZ9" s="384">
        <v>57887</v>
      </c>
      <c r="FA9" s="388">
        <v>0</v>
      </c>
      <c r="FB9" s="387">
        <v>0</v>
      </c>
      <c r="FC9" s="383">
        <v>0</v>
      </c>
      <c r="FD9" s="394"/>
      <c r="FE9" s="387">
        <v>0</v>
      </c>
      <c r="FF9" s="387">
        <v>0</v>
      </c>
      <c r="FG9" s="387">
        <v>0</v>
      </c>
      <c r="FH9" s="387">
        <v>0</v>
      </c>
      <c r="FI9" s="387">
        <v>0</v>
      </c>
      <c r="FJ9" s="392">
        <v>0</v>
      </c>
      <c r="FK9" s="384">
        <v>0</v>
      </c>
      <c r="FL9" s="388">
        <v>92851631</v>
      </c>
      <c r="FM9" s="387">
        <v>196726766</v>
      </c>
      <c r="FN9" s="385">
        <v>289578397</v>
      </c>
      <c r="FO9" s="386">
        <v>0</v>
      </c>
      <c r="FP9" s="387">
        <v>247858067</v>
      </c>
      <c r="FQ9" s="387">
        <v>640138082</v>
      </c>
      <c r="FR9" s="387">
        <v>461791357</v>
      </c>
      <c r="FS9" s="387">
        <v>424505563</v>
      </c>
      <c r="FT9" s="387">
        <v>308620801</v>
      </c>
      <c r="FU9" s="385">
        <v>2082913870</v>
      </c>
      <c r="FV9" s="384">
        <v>2372492267</v>
      </c>
      <c r="FW9" s="388">
        <v>52220758</v>
      </c>
      <c r="FX9" s="387">
        <v>144358383</v>
      </c>
      <c r="FY9" s="383">
        <v>196579141</v>
      </c>
      <c r="FZ9" s="389">
        <v>0</v>
      </c>
      <c r="GA9" s="387">
        <v>199298258</v>
      </c>
      <c r="GB9" s="395">
        <v>587529774</v>
      </c>
      <c r="GC9" s="387">
        <v>428516843</v>
      </c>
      <c r="GD9" s="395">
        <v>395221223</v>
      </c>
      <c r="GE9" s="387">
        <v>297268343</v>
      </c>
      <c r="GF9" s="392">
        <v>1907834441</v>
      </c>
      <c r="GG9" s="396">
        <v>2104413582</v>
      </c>
      <c r="GH9" s="397">
        <v>5512963</v>
      </c>
      <c r="GI9" s="387">
        <v>10149083</v>
      </c>
      <c r="GJ9" s="395">
        <v>15662046</v>
      </c>
      <c r="GK9" s="382">
        <v>0</v>
      </c>
      <c r="GL9" s="387">
        <v>11816686</v>
      </c>
      <c r="GM9" s="383">
        <v>17430191</v>
      </c>
      <c r="GN9" s="387">
        <v>13026066</v>
      </c>
      <c r="GO9" s="383">
        <v>10958364</v>
      </c>
      <c r="GP9" s="387">
        <v>5058464</v>
      </c>
      <c r="GQ9" s="393">
        <v>58289771</v>
      </c>
      <c r="GR9" s="384">
        <v>73951817</v>
      </c>
      <c r="GS9" s="383">
        <v>35117910</v>
      </c>
      <c r="GT9" s="387">
        <v>42219300</v>
      </c>
      <c r="GU9" s="385">
        <v>77337210</v>
      </c>
      <c r="GV9" s="383">
        <v>0</v>
      </c>
      <c r="GW9" s="387">
        <v>36743123</v>
      </c>
      <c r="GX9" s="383">
        <v>35178117</v>
      </c>
      <c r="GY9" s="387">
        <v>20248448</v>
      </c>
      <c r="GZ9" s="383">
        <v>18325976</v>
      </c>
      <c r="HA9" s="387">
        <v>6293994</v>
      </c>
      <c r="HB9" s="383">
        <v>116789658</v>
      </c>
      <c r="HC9" s="384">
        <v>194126868</v>
      </c>
      <c r="HD9" s="383">
        <v>99041161</v>
      </c>
      <c r="HE9" s="387">
        <v>123528870</v>
      </c>
      <c r="HF9" s="383">
        <v>222570031</v>
      </c>
      <c r="HG9" s="389">
        <v>0</v>
      </c>
      <c r="HH9" s="387">
        <v>996009772</v>
      </c>
      <c r="HI9" s="395">
        <v>1002613128</v>
      </c>
      <c r="HJ9" s="387">
        <v>997993533</v>
      </c>
      <c r="HK9" s="395">
        <v>1265555634</v>
      </c>
      <c r="HL9" s="387">
        <v>795931076</v>
      </c>
      <c r="HM9" s="392">
        <v>5058103143</v>
      </c>
      <c r="HN9" s="383">
        <v>5280673174</v>
      </c>
      <c r="HO9" s="397">
        <v>70653792</v>
      </c>
      <c r="HP9" s="387">
        <v>138386937</v>
      </c>
      <c r="HQ9" s="392">
        <v>209040729</v>
      </c>
      <c r="HR9" s="383">
        <v>0</v>
      </c>
      <c r="HS9" s="387">
        <v>849069154</v>
      </c>
      <c r="HT9" s="383">
        <v>902213731</v>
      </c>
      <c r="HU9" s="387">
        <v>598552878</v>
      </c>
      <c r="HV9" s="383">
        <v>420882969</v>
      </c>
      <c r="HW9" s="387">
        <v>253807723</v>
      </c>
      <c r="HX9" s="383">
        <v>3024526455</v>
      </c>
      <c r="HY9" s="384">
        <v>3233567184</v>
      </c>
      <c r="HZ9" s="398">
        <v>8677280</v>
      </c>
      <c r="IA9" s="399">
        <v>33435301</v>
      </c>
      <c r="IB9" s="400">
        <v>42112581</v>
      </c>
      <c r="IC9" s="401">
        <v>0</v>
      </c>
      <c r="ID9" s="399">
        <v>1561981943</v>
      </c>
      <c r="IE9" s="402">
        <v>2087321514</v>
      </c>
      <c r="IF9" s="403">
        <v>2274060172</v>
      </c>
      <c r="IG9" s="399">
        <v>1697559245</v>
      </c>
      <c r="IH9" s="403">
        <v>1246342044</v>
      </c>
      <c r="II9" s="404">
        <v>8867264918</v>
      </c>
      <c r="IJ9" s="405">
        <v>8909377499</v>
      </c>
      <c r="IK9" s="406">
        <v>0</v>
      </c>
      <c r="IL9" s="407">
        <v>0</v>
      </c>
      <c r="IM9" s="408">
        <v>0</v>
      </c>
      <c r="IN9" s="409"/>
      <c r="IO9" s="410">
        <v>24422056</v>
      </c>
      <c r="IP9" s="410">
        <v>45988192</v>
      </c>
      <c r="IQ9" s="410">
        <v>65574403</v>
      </c>
      <c r="IR9" s="410">
        <v>95769318</v>
      </c>
      <c r="IS9" s="410">
        <v>108846706</v>
      </c>
      <c r="IT9" s="411">
        <v>340600675</v>
      </c>
      <c r="IU9" s="412">
        <v>340600675</v>
      </c>
      <c r="IV9" s="413">
        <v>0</v>
      </c>
      <c r="IW9" s="410">
        <v>0</v>
      </c>
      <c r="IX9" s="414">
        <v>0</v>
      </c>
      <c r="IY9" s="415"/>
      <c r="IZ9" s="410">
        <v>3431350</v>
      </c>
      <c r="JA9" s="410">
        <v>11026236</v>
      </c>
      <c r="JB9" s="410">
        <v>11791833</v>
      </c>
      <c r="JC9" s="410">
        <v>13982520</v>
      </c>
      <c r="JD9" s="410">
        <v>16692087</v>
      </c>
      <c r="JE9" s="414">
        <v>56924026</v>
      </c>
      <c r="JF9" s="416">
        <v>56924026</v>
      </c>
      <c r="JG9" s="413">
        <v>0</v>
      </c>
      <c r="JH9" s="410">
        <v>0</v>
      </c>
      <c r="JI9" s="411">
        <v>0</v>
      </c>
      <c r="JJ9" s="417">
        <v>0</v>
      </c>
      <c r="JK9" s="410">
        <v>608333856</v>
      </c>
      <c r="JL9" s="410">
        <v>718658142</v>
      </c>
      <c r="JM9" s="410">
        <v>571505919</v>
      </c>
      <c r="JN9" s="410">
        <v>343502619</v>
      </c>
      <c r="JO9" s="410">
        <v>180466566</v>
      </c>
      <c r="JP9" s="414">
        <v>2422467102</v>
      </c>
      <c r="JQ9" s="412">
        <v>2422467102</v>
      </c>
      <c r="JR9" s="413">
        <v>229979</v>
      </c>
      <c r="JS9" s="410">
        <v>317763</v>
      </c>
      <c r="JT9" s="411">
        <v>547742</v>
      </c>
      <c r="JU9" s="417">
        <v>0</v>
      </c>
      <c r="JV9" s="410">
        <v>69196293</v>
      </c>
      <c r="JW9" s="410">
        <v>100859962</v>
      </c>
      <c r="JX9" s="410">
        <v>157627590</v>
      </c>
      <c r="JY9" s="410">
        <v>89933891</v>
      </c>
      <c r="JZ9" s="410">
        <v>76590852</v>
      </c>
      <c r="KA9" s="414">
        <v>494208588</v>
      </c>
      <c r="KB9" s="412">
        <v>494756330</v>
      </c>
      <c r="KC9" s="418">
        <v>8447301</v>
      </c>
      <c r="KD9" s="419">
        <v>23887000</v>
      </c>
      <c r="KE9" s="414">
        <v>32334301</v>
      </c>
      <c r="KF9" s="417">
        <v>0</v>
      </c>
      <c r="KG9" s="410">
        <v>186774374</v>
      </c>
      <c r="KH9" s="410">
        <v>291101702</v>
      </c>
      <c r="KI9" s="410">
        <v>360276504</v>
      </c>
      <c r="KJ9" s="410">
        <v>275717803</v>
      </c>
      <c r="KK9" s="410">
        <v>154026697</v>
      </c>
      <c r="KL9" s="414">
        <v>1267897080</v>
      </c>
      <c r="KM9" s="420">
        <v>1300231381</v>
      </c>
      <c r="KN9" s="406">
        <v>0</v>
      </c>
      <c r="KO9" s="407">
        <v>9230538</v>
      </c>
      <c r="KP9" s="408">
        <v>9230538</v>
      </c>
      <c r="KQ9" s="409"/>
      <c r="KR9" s="410">
        <v>630983261</v>
      </c>
      <c r="KS9" s="410">
        <v>837885477</v>
      </c>
      <c r="KT9" s="410">
        <v>954557547</v>
      </c>
      <c r="KU9" s="410">
        <v>646622679</v>
      </c>
      <c r="KV9" s="410">
        <v>461463953</v>
      </c>
      <c r="KW9" s="414">
        <v>3531512917</v>
      </c>
      <c r="KX9" s="412">
        <v>3540743455</v>
      </c>
      <c r="KY9" s="413">
        <v>0</v>
      </c>
      <c r="KZ9" s="410">
        <v>0</v>
      </c>
      <c r="LA9" s="414">
        <v>0</v>
      </c>
      <c r="LB9" s="421"/>
      <c r="LC9" s="410">
        <v>6437946</v>
      </c>
      <c r="LD9" s="410">
        <v>7753041</v>
      </c>
      <c r="LE9" s="410">
        <v>13682155</v>
      </c>
      <c r="LF9" s="410">
        <v>15829745</v>
      </c>
      <c r="LG9" s="410">
        <v>12866120</v>
      </c>
      <c r="LH9" s="414">
        <v>56569007</v>
      </c>
      <c r="LI9" s="416">
        <v>56569007</v>
      </c>
      <c r="LJ9" s="413">
        <v>0</v>
      </c>
      <c r="LK9" s="410">
        <v>0</v>
      </c>
      <c r="LL9" s="414">
        <v>0</v>
      </c>
      <c r="LM9" s="421"/>
      <c r="LN9" s="410">
        <v>2387377</v>
      </c>
      <c r="LO9" s="410">
        <v>6681197</v>
      </c>
      <c r="LP9" s="410">
        <v>59046406</v>
      </c>
      <c r="LQ9" s="410">
        <v>96758333</v>
      </c>
      <c r="LR9" s="410">
        <v>72611868</v>
      </c>
      <c r="LS9" s="414">
        <v>237485181</v>
      </c>
      <c r="LT9" s="412">
        <v>237485181</v>
      </c>
      <c r="LU9" s="413">
        <v>0</v>
      </c>
      <c r="LV9" s="410">
        <v>0</v>
      </c>
      <c r="LW9" s="414">
        <v>0</v>
      </c>
      <c r="LX9" s="421"/>
      <c r="LY9" s="410">
        <v>30015430</v>
      </c>
      <c r="LZ9" s="410">
        <v>67367565</v>
      </c>
      <c r="MA9" s="410">
        <v>79997815</v>
      </c>
      <c r="MB9" s="410">
        <v>119442337</v>
      </c>
      <c r="MC9" s="410">
        <v>162777195</v>
      </c>
      <c r="MD9" s="414">
        <v>459600342</v>
      </c>
      <c r="ME9" s="416">
        <v>459600342</v>
      </c>
      <c r="MF9" s="413">
        <v>0</v>
      </c>
      <c r="MG9" s="410">
        <v>0</v>
      </c>
      <c r="MH9" s="414">
        <v>0</v>
      </c>
      <c r="MI9" s="421"/>
      <c r="MJ9" s="410">
        <v>525091469</v>
      </c>
      <c r="MK9" s="410">
        <v>1301975669</v>
      </c>
      <c r="ML9" s="410">
        <v>3919470310</v>
      </c>
      <c r="MM9" s="410">
        <v>5990144045</v>
      </c>
      <c r="MN9" s="410">
        <v>4259870716</v>
      </c>
      <c r="MO9" s="414">
        <v>15996552209</v>
      </c>
      <c r="MP9" s="420">
        <v>15996552209</v>
      </c>
      <c r="MQ9" s="413">
        <v>0</v>
      </c>
      <c r="MR9" s="410">
        <v>0</v>
      </c>
      <c r="MS9" s="414">
        <v>0</v>
      </c>
      <c r="MT9" s="421"/>
      <c r="MU9" s="410">
        <v>94842565</v>
      </c>
      <c r="MV9" s="410">
        <v>359852108</v>
      </c>
      <c r="MW9" s="410">
        <v>2493035549</v>
      </c>
      <c r="MX9" s="410">
        <v>4039929277</v>
      </c>
      <c r="MY9" s="410">
        <v>3045384559</v>
      </c>
      <c r="MZ9" s="414">
        <v>10033044058</v>
      </c>
      <c r="NA9" s="420">
        <v>10033044058</v>
      </c>
      <c r="NB9" s="413">
        <v>0</v>
      </c>
      <c r="NC9" s="410">
        <v>0</v>
      </c>
      <c r="ND9" s="414">
        <v>0</v>
      </c>
      <c r="NE9" s="421"/>
      <c r="NF9" s="410">
        <v>427515569</v>
      </c>
      <c r="NG9" s="410">
        <v>934491884</v>
      </c>
      <c r="NH9" s="410">
        <v>1400555286</v>
      </c>
      <c r="NI9" s="410">
        <v>1797860691</v>
      </c>
      <c r="NJ9" s="410">
        <v>986673165</v>
      </c>
      <c r="NK9" s="414">
        <v>5547096595</v>
      </c>
      <c r="NL9" s="412">
        <v>5547096595</v>
      </c>
      <c r="NM9" s="413">
        <v>0</v>
      </c>
      <c r="NN9" s="410">
        <v>0</v>
      </c>
      <c r="NO9" s="414">
        <v>0</v>
      </c>
      <c r="NP9" s="421"/>
      <c r="NQ9" s="410">
        <v>0</v>
      </c>
      <c r="NR9" s="410">
        <v>344237</v>
      </c>
      <c r="NS9" s="410">
        <v>3632749</v>
      </c>
      <c r="NT9" s="410">
        <v>36899442</v>
      </c>
      <c r="NU9" s="410">
        <v>52243880</v>
      </c>
      <c r="NV9" s="414">
        <v>93120308</v>
      </c>
      <c r="NW9" s="416">
        <v>93120308</v>
      </c>
      <c r="NX9" s="413">
        <v>0</v>
      </c>
      <c r="NY9" s="410">
        <v>0</v>
      </c>
      <c r="NZ9" s="414">
        <v>0</v>
      </c>
      <c r="OA9" s="421"/>
      <c r="OB9" s="410">
        <v>2733335</v>
      </c>
      <c r="OC9" s="410">
        <v>7287440</v>
      </c>
      <c r="OD9" s="410">
        <v>22246726</v>
      </c>
      <c r="OE9" s="410">
        <v>115454635</v>
      </c>
      <c r="OF9" s="410">
        <v>175569112</v>
      </c>
      <c r="OG9" s="414">
        <v>323291248</v>
      </c>
      <c r="OH9" s="416">
        <v>323291248</v>
      </c>
      <c r="OI9" s="413">
        <v>403510069</v>
      </c>
      <c r="OJ9" s="410">
        <v>844076189</v>
      </c>
      <c r="OK9" s="411">
        <v>1247586258</v>
      </c>
      <c r="OL9" s="417">
        <v>0</v>
      </c>
      <c r="OM9" s="410">
        <v>7137022353</v>
      </c>
      <c r="ON9" s="410">
        <v>10268202572</v>
      </c>
      <c r="OO9" s="410">
        <v>12072855451</v>
      </c>
      <c r="OP9" s="410">
        <v>13305597576</v>
      </c>
      <c r="OQ9" s="410">
        <v>9733518691</v>
      </c>
      <c r="OR9" s="414">
        <v>52517196643</v>
      </c>
      <c r="OS9" s="420">
        <v>53764782901</v>
      </c>
    </row>
    <row r="10" spans="1:409" s="422" customFormat="1" ht="21" customHeight="1" x14ac:dyDescent="0.2">
      <c r="A10" s="44"/>
      <c r="B10" s="423" t="s">
        <v>5</v>
      </c>
      <c r="C10" s="424">
        <v>162830933</v>
      </c>
      <c r="D10" s="425">
        <v>375126512</v>
      </c>
      <c r="E10" s="426">
        <v>537957445</v>
      </c>
      <c r="F10" s="427">
        <v>0</v>
      </c>
      <c r="G10" s="425">
        <v>1759612589</v>
      </c>
      <c r="H10" s="425">
        <v>3092466499</v>
      </c>
      <c r="I10" s="425">
        <v>2419946424</v>
      </c>
      <c r="J10" s="425">
        <v>2279670250</v>
      </c>
      <c r="K10" s="425">
        <v>1738304383</v>
      </c>
      <c r="L10" s="427">
        <v>11290000145</v>
      </c>
      <c r="M10" s="428">
        <v>11827957590</v>
      </c>
      <c r="N10" s="424">
        <v>41178833</v>
      </c>
      <c r="O10" s="425">
        <v>122624014</v>
      </c>
      <c r="P10" s="426">
        <v>163802847</v>
      </c>
      <c r="Q10" s="424">
        <v>0</v>
      </c>
      <c r="R10" s="425">
        <v>517703107</v>
      </c>
      <c r="S10" s="425">
        <v>1036418404</v>
      </c>
      <c r="T10" s="425">
        <v>812502810</v>
      </c>
      <c r="U10" s="425">
        <v>860771777</v>
      </c>
      <c r="V10" s="425">
        <v>885928629</v>
      </c>
      <c r="W10" s="426">
        <v>4113324727</v>
      </c>
      <c r="X10" s="428">
        <v>4277127574</v>
      </c>
      <c r="Y10" s="424">
        <v>0</v>
      </c>
      <c r="Z10" s="425">
        <v>0</v>
      </c>
      <c r="AA10" s="426">
        <v>0</v>
      </c>
      <c r="AB10" s="424">
        <v>0</v>
      </c>
      <c r="AC10" s="425">
        <v>237888906</v>
      </c>
      <c r="AD10" s="425">
        <v>489245712</v>
      </c>
      <c r="AE10" s="425">
        <v>424059393</v>
      </c>
      <c r="AF10" s="425">
        <v>466954975</v>
      </c>
      <c r="AG10" s="425">
        <v>498452322</v>
      </c>
      <c r="AH10" s="426">
        <v>2116601308</v>
      </c>
      <c r="AI10" s="428">
        <v>2116601308</v>
      </c>
      <c r="AJ10" s="424">
        <v>65722</v>
      </c>
      <c r="AK10" s="425">
        <v>207682</v>
      </c>
      <c r="AL10" s="426">
        <v>273404</v>
      </c>
      <c r="AM10" s="424">
        <v>0</v>
      </c>
      <c r="AN10" s="425">
        <v>1170504</v>
      </c>
      <c r="AO10" s="425">
        <v>8395255</v>
      </c>
      <c r="AP10" s="425">
        <v>18437886</v>
      </c>
      <c r="AQ10" s="425">
        <v>49561205</v>
      </c>
      <c r="AR10" s="425">
        <v>102254407</v>
      </c>
      <c r="AS10" s="426">
        <v>179819257</v>
      </c>
      <c r="AT10" s="428">
        <v>180092661</v>
      </c>
      <c r="AU10" s="424">
        <v>22982147</v>
      </c>
      <c r="AV10" s="425">
        <v>87588102</v>
      </c>
      <c r="AW10" s="426">
        <v>110570249</v>
      </c>
      <c r="AX10" s="424">
        <v>0</v>
      </c>
      <c r="AY10" s="425">
        <v>170692560</v>
      </c>
      <c r="AZ10" s="425">
        <v>375137461</v>
      </c>
      <c r="BA10" s="425">
        <v>233119106</v>
      </c>
      <c r="BB10" s="425">
        <v>205816313</v>
      </c>
      <c r="BC10" s="425">
        <v>182619255</v>
      </c>
      <c r="BD10" s="426">
        <v>1167384695</v>
      </c>
      <c r="BE10" s="428">
        <v>1277954944</v>
      </c>
      <c r="BF10" s="424">
        <v>2742674</v>
      </c>
      <c r="BG10" s="425">
        <v>13148578</v>
      </c>
      <c r="BH10" s="429">
        <v>15891252</v>
      </c>
      <c r="BI10" s="430">
        <v>0</v>
      </c>
      <c r="BJ10" s="425">
        <v>8948432</v>
      </c>
      <c r="BK10" s="425">
        <v>24993324</v>
      </c>
      <c r="BL10" s="425">
        <v>17706062</v>
      </c>
      <c r="BM10" s="425">
        <v>15454575</v>
      </c>
      <c r="BN10" s="425">
        <v>8923735</v>
      </c>
      <c r="BO10" s="426">
        <v>76026128</v>
      </c>
      <c r="BP10" s="428">
        <v>91917380</v>
      </c>
      <c r="BQ10" s="424">
        <v>15388290</v>
      </c>
      <c r="BR10" s="425">
        <v>21679652</v>
      </c>
      <c r="BS10" s="426">
        <v>37067942</v>
      </c>
      <c r="BT10" s="424">
        <v>0</v>
      </c>
      <c r="BU10" s="425">
        <v>99002705</v>
      </c>
      <c r="BV10" s="425">
        <v>138646652</v>
      </c>
      <c r="BW10" s="425">
        <v>119180363</v>
      </c>
      <c r="BX10" s="425">
        <v>122984709</v>
      </c>
      <c r="BY10" s="425">
        <v>93678910</v>
      </c>
      <c r="BZ10" s="426">
        <v>573493339</v>
      </c>
      <c r="CA10" s="428">
        <v>610561281</v>
      </c>
      <c r="CB10" s="424">
        <v>16183096</v>
      </c>
      <c r="CC10" s="425">
        <v>49561957</v>
      </c>
      <c r="CD10" s="426">
        <v>65745053</v>
      </c>
      <c r="CE10" s="424">
        <v>0</v>
      </c>
      <c r="CF10" s="425">
        <v>440742847</v>
      </c>
      <c r="CG10" s="425">
        <v>756965992</v>
      </c>
      <c r="CH10" s="425">
        <v>497045167</v>
      </c>
      <c r="CI10" s="425">
        <v>331468649</v>
      </c>
      <c r="CJ10" s="425">
        <v>169834605</v>
      </c>
      <c r="CK10" s="426">
        <v>2196057260</v>
      </c>
      <c r="CL10" s="428">
        <v>2261802313</v>
      </c>
      <c r="CM10" s="424">
        <v>0</v>
      </c>
      <c r="CN10" s="425">
        <v>0</v>
      </c>
      <c r="CO10" s="426">
        <v>0</v>
      </c>
      <c r="CP10" s="430">
        <v>0</v>
      </c>
      <c r="CQ10" s="425">
        <v>375265153</v>
      </c>
      <c r="CR10" s="425">
        <v>572541378</v>
      </c>
      <c r="CS10" s="425">
        <v>366740536</v>
      </c>
      <c r="CT10" s="425">
        <v>235815864</v>
      </c>
      <c r="CU10" s="425">
        <v>130428525</v>
      </c>
      <c r="CV10" s="426">
        <v>1680791456</v>
      </c>
      <c r="CW10" s="428">
        <v>1680791456</v>
      </c>
      <c r="CX10" s="424">
        <v>16183096</v>
      </c>
      <c r="CY10" s="425">
        <v>49561957</v>
      </c>
      <c r="CZ10" s="426">
        <v>65745053</v>
      </c>
      <c r="DA10" s="424">
        <v>0</v>
      </c>
      <c r="DB10" s="425">
        <v>65477694</v>
      </c>
      <c r="DC10" s="425">
        <v>184424614</v>
      </c>
      <c r="DD10" s="425">
        <v>130304631</v>
      </c>
      <c r="DE10" s="425">
        <v>95652785</v>
      </c>
      <c r="DF10" s="425">
        <v>39406080</v>
      </c>
      <c r="DG10" s="426">
        <v>515265804</v>
      </c>
      <c r="DH10" s="428">
        <v>581010857</v>
      </c>
      <c r="DI10" s="424">
        <v>933009</v>
      </c>
      <c r="DJ10" s="425">
        <v>3683177</v>
      </c>
      <c r="DK10" s="429">
        <v>4616186</v>
      </c>
      <c r="DL10" s="430">
        <v>0</v>
      </c>
      <c r="DM10" s="425">
        <v>40478802</v>
      </c>
      <c r="DN10" s="425">
        <v>120251679</v>
      </c>
      <c r="DO10" s="425">
        <v>226020936</v>
      </c>
      <c r="DP10" s="425">
        <v>177275896</v>
      </c>
      <c r="DQ10" s="425">
        <v>103864936</v>
      </c>
      <c r="DR10" s="426">
        <v>667892249</v>
      </c>
      <c r="DS10" s="428">
        <v>672508435</v>
      </c>
      <c r="DT10" s="424">
        <v>933009</v>
      </c>
      <c r="DU10" s="425">
        <v>3178907</v>
      </c>
      <c r="DV10" s="426">
        <v>4111916</v>
      </c>
      <c r="DW10" s="424">
        <v>0</v>
      </c>
      <c r="DX10" s="425">
        <v>34745774</v>
      </c>
      <c r="DY10" s="425">
        <v>98876083</v>
      </c>
      <c r="DZ10" s="425">
        <v>195101256</v>
      </c>
      <c r="EA10" s="425">
        <v>147025711</v>
      </c>
      <c r="EB10" s="425">
        <v>82563972</v>
      </c>
      <c r="EC10" s="426">
        <v>558312796</v>
      </c>
      <c r="ED10" s="428">
        <v>562424712</v>
      </c>
      <c r="EE10" s="424">
        <v>0</v>
      </c>
      <c r="EF10" s="429">
        <v>504270</v>
      </c>
      <c r="EG10" s="426">
        <v>504270</v>
      </c>
      <c r="EH10" s="424">
        <v>0</v>
      </c>
      <c r="EI10" s="425">
        <v>5733028</v>
      </c>
      <c r="EJ10" s="425">
        <v>21375596</v>
      </c>
      <c r="EK10" s="425">
        <v>30919680</v>
      </c>
      <c r="EL10" s="425">
        <v>30250185</v>
      </c>
      <c r="EM10" s="425">
        <v>21300964</v>
      </c>
      <c r="EN10" s="429">
        <v>109579453</v>
      </c>
      <c r="EO10" s="428">
        <v>110083723</v>
      </c>
      <c r="EP10" s="424">
        <v>0</v>
      </c>
      <c r="EQ10" s="425">
        <v>0</v>
      </c>
      <c r="ER10" s="429">
        <v>0</v>
      </c>
      <c r="ES10" s="430">
        <v>0</v>
      </c>
      <c r="ET10" s="425">
        <v>0</v>
      </c>
      <c r="EU10" s="425">
        <v>0</v>
      </c>
      <c r="EV10" s="425">
        <v>0</v>
      </c>
      <c r="EW10" s="425">
        <v>0</v>
      </c>
      <c r="EX10" s="425">
        <v>0</v>
      </c>
      <c r="EY10" s="426">
        <v>0</v>
      </c>
      <c r="EZ10" s="428">
        <v>0</v>
      </c>
      <c r="FA10" s="424">
        <v>0</v>
      </c>
      <c r="FB10" s="425">
        <v>0</v>
      </c>
      <c r="FC10" s="429">
        <v>0</v>
      </c>
      <c r="FD10" s="431"/>
      <c r="FE10" s="425">
        <v>0</v>
      </c>
      <c r="FF10" s="425">
        <v>0</v>
      </c>
      <c r="FG10" s="425">
        <v>0</v>
      </c>
      <c r="FH10" s="425">
        <v>0</v>
      </c>
      <c r="FI10" s="425">
        <v>0</v>
      </c>
      <c r="FJ10" s="426">
        <v>0</v>
      </c>
      <c r="FK10" s="428">
        <v>0</v>
      </c>
      <c r="FL10" s="424">
        <v>35179476</v>
      </c>
      <c r="FM10" s="425">
        <v>82638129</v>
      </c>
      <c r="FN10" s="426">
        <v>117817605</v>
      </c>
      <c r="FO10" s="424">
        <v>0</v>
      </c>
      <c r="FP10" s="425">
        <v>70138670</v>
      </c>
      <c r="FQ10" s="425">
        <v>277025309</v>
      </c>
      <c r="FR10" s="425">
        <v>186688645</v>
      </c>
      <c r="FS10" s="425">
        <v>166221862</v>
      </c>
      <c r="FT10" s="425">
        <v>123539973</v>
      </c>
      <c r="FU10" s="426">
        <v>823614459</v>
      </c>
      <c r="FV10" s="428">
        <v>941432064</v>
      </c>
      <c r="FW10" s="432">
        <v>16696028</v>
      </c>
      <c r="FX10" s="425">
        <v>59752505</v>
      </c>
      <c r="FY10" s="429">
        <v>76448533</v>
      </c>
      <c r="FZ10" s="430">
        <v>0</v>
      </c>
      <c r="GA10" s="425">
        <v>53443361</v>
      </c>
      <c r="GB10" s="425">
        <v>254958961</v>
      </c>
      <c r="GC10" s="425">
        <v>172496807</v>
      </c>
      <c r="GD10" s="425">
        <v>153508426</v>
      </c>
      <c r="GE10" s="425">
        <v>119508382</v>
      </c>
      <c r="GF10" s="426">
        <v>753915937</v>
      </c>
      <c r="GG10" s="433">
        <v>830364470</v>
      </c>
      <c r="GH10" s="432">
        <v>2264372</v>
      </c>
      <c r="GI10" s="425">
        <v>4389757</v>
      </c>
      <c r="GJ10" s="429">
        <v>6654129</v>
      </c>
      <c r="GK10" s="430">
        <v>0</v>
      </c>
      <c r="GL10" s="425">
        <v>3804268</v>
      </c>
      <c r="GM10" s="425">
        <v>7200397</v>
      </c>
      <c r="GN10" s="425">
        <v>4628495</v>
      </c>
      <c r="GO10" s="425">
        <v>3795239</v>
      </c>
      <c r="GP10" s="425">
        <v>1705799</v>
      </c>
      <c r="GQ10" s="426">
        <v>21134198</v>
      </c>
      <c r="GR10" s="428">
        <v>27788327</v>
      </c>
      <c r="GS10" s="424">
        <v>16219076</v>
      </c>
      <c r="GT10" s="425">
        <v>18495867</v>
      </c>
      <c r="GU10" s="426">
        <v>34714943</v>
      </c>
      <c r="GV10" s="424">
        <v>0</v>
      </c>
      <c r="GW10" s="425">
        <v>12891041</v>
      </c>
      <c r="GX10" s="425">
        <v>14865951</v>
      </c>
      <c r="GY10" s="425">
        <v>9563343</v>
      </c>
      <c r="GZ10" s="425">
        <v>8918197</v>
      </c>
      <c r="HA10" s="425">
        <v>2325792</v>
      </c>
      <c r="HB10" s="429">
        <v>48564324</v>
      </c>
      <c r="HC10" s="428">
        <v>83279267</v>
      </c>
      <c r="HD10" s="424">
        <v>42676629</v>
      </c>
      <c r="HE10" s="425">
        <v>54591511</v>
      </c>
      <c r="HF10" s="429">
        <v>97268140</v>
      </c>
      <c r="HG10" s="430">
        <v>0</v>
      </c>
      <c r="HH10" s="425">
        <v>402715330</v>
      </c>
      <c r="HI10" s="425">
        <v>483116874</v>
      </c>
      <c r="HJ10" s="425">
        <v>441806099</v>
      </c>
      <c r="HK10" s="425">
        <v>567187233</v>
      </c>
      <c r="HL10" s="425">
        <v>348537107</v>
      </c>
      <c r="HM10" s="426">
        <v>2243362643</v>
      </c>
      <c r="HN10" s="427">
        <v>2340630783</v>
      </c>
      <c r="HO10" s="432">
        <v>26679890</v>
      </c>
      <c r="HP10" s="425">
        <v>62027724</v>
      </c>
      <c r="HQ10" s="426">
        <v>88707614</v>
      </c>
      <c r="HR10" s="424">
        <v>0</v>
      </c>
      <c r="HS10" s="425">
        <v>287833833</v>
      </c>
      <c r="HT10" s="425">
        <v>418688241</v>
      </c>
      <c r="HU10" s="425">
        <v>255882767</v>
      </c>
      <c r="HV10" s="425">
        <v>176744833</v>
      </c>
      <c r="HW10" s="425">
        <v>106599133</v>
      </c>
      <c r="HX10" s="429">
        <v>1245748807</v>
      </c>
      <c r="HY10" s="428">
        <v>1334456421</v>
      </c>
      <c r="HZ10" s="434">
        <v>3608185</v>
      </c>
      <c r="IA10" s="435">
        <v>12113236</v>
      </c>
      <c r="IB10" s="436">
        <v>15721421</v>
      </c>
      <c r="IC10" s="437">
        <v>0</v>
      </c>
      <c r="ID10" s="438">
        <v>612407089</v>
      </c>
      <c r="IE10" s="439">
        <v>939323998</v>
      </c>
      <c r="IF10" s="440">
        <v>972911706</v>
      </c>
      <c r="IG10" s="438">
        <v>706823137</v>
      </c>
      <c r="IH10" s="440">
        <v>559150167</v>
      </c>
      <c r="II10" s="441">
        <v>3790616097</v>
      </c>
      <c r="IJ10" s="442">
        <v>3806337518</v>
      </c>
      <c r="IK10" s="443">
        <v>0</v>
      </c>
      <c r="IL10" s="444">
        <v>0</v>
      </c>
      <c r="IM10" s="445">
        <v>0</v>
      </c>
      <c r="IN10" s="446"/>
      <c r="IO10" s="447">
        <v>9248009</v>
      </c>
      <c r="IP10" s="447">
        <v>21169377</v>
      </c>
      <c r="IQ10" s="447">
        <v>32984401</v>
      </c>
      <c r="IR10" s="447">
        <v>47799665</v>
      </c>
      <c r="IS10" s="447">
        <v>52752191</v>
      </c>
      <c r="IT10" s="448">
        <v>163953643</v>
      </c>
      <c r="IU10" s="449">
        <v>163953643</v>
      </c>
      <c r="IV10" s="450">
        <v>0</v>
      </c>
      <c r="IW10" s="447">
        <v>0</v>
      </c>
      <c r="IX10" s="451">
        <v>0</v>
      </c>
      <c r="IY10" s="452"/>
      <c r="IZ10" s="447">
        <v>1787095</v>
      </c>
      <c r="JA10" s="447">
        <v>8134044</v>
      </c>
      <c r="JB10" s="447">
        <v>8623254</v>
      </c>
      <c r="JC10" s="447">
        <v>10717902</v>
      </c>
      <c r="JD10" s="447">
        <v>13034039</v>
      </c>
      <c r="JE10" s="451">
        <v>42296334</v>
      </c>
      <c r="JF10" s="453">
        <v>42296334</v>
      </c>
      <c r="JG10" s="450">
        <v>0</v>
      </c>
      <c r="JH10" s="447">
        <v>0</v>
      </c>
      <c r="JI10" s="448">
        <v>0</v>
      </c>
      <c r="JJ10" s="454">
        <v>0</v>
      </c>
      <c r="JK10" s="447">
        <v>210803787</v>
      </c>
      <c r="JL10" s="447">
        <v>333795245</v>
      </c>
      <c r="JM10" s="447">
        <v>259222960</v>
      </c>
      <c r="JN10" s="447">
        <v>152989596</v>
      </c>
      <c r="JO10" s="447">
        <v>79081265</v>
      </c>
      <c r="JP10" s="451">
        <v>1035892853</v>
      </c>
      <c r="JQ10" s="449">
        <v>1035892853</v>
      </c>
      <c r="JR10" s="450">
        <v>114067</v>
      </c>
      <c r="JS10" s="447">
        <v>127089</v>
      </c>
      <c r="JT10" s="448">
        <v>241156</v>
      </c>
      <c r="JU10" s="454">
        <v>0</v>
      </c>
      <c r="JV10" s="447">
        <v>33372056</v>
      </c>
      <c r="JW10" s="447">
        <v>54112029</v>
      </c>
      <c r="JX10" s="447">
        <v>84845737</v>
      </c>
      <c r="JY10" s="447">
        <v>48871719</v>
      </c>
      <c r="JZ10" s="447">
        <v>43297718</v>
      </c>
      <c r="KA10" s="451">
        <v>264499259</v>
      </c>
      <c r="KB10" s="449">
        <v>264740415</v>
      </c>
      <c r="KC10" s="455">
        <v>3494118</v>
      </c>
      <c r="KD10" s="456">
        <v>9525194</v>
      </c>
      <c r="KE10" s="451">
        <v>13019312</v>
      </c>
      <c r="KF10" s="454">
        <v>0</v>
      </c>
      <c r="KG10" s="447">
        <v>70802363</v>
      </c>
      <c r="KH10" s="447">
        <v>130735669</v>
      </c>
      <c r="KI10" s="447">
        <v>152297590</v>
      </c>
      <c r="KJ10" s="447">
        <v>121404470</v>
      </c>
      <c r="KK10" s="447">
        <v>84034402</v>
      </c>
      <c r="KL10" s="451">
        <v>559274494</v>
      </c>
      <c r="KM10" s="457">
        <v>572293806</v>
      </c>
      <c r="KN10" s="443">
        <v>0</v>
      </c>
      <c r="KO10" s="444">
        <v>2460953</v>
      </c>
      <c r="KP10" s="445">
        <v>2460953</v>
      </c>
      <c r="KQ10" s="446"/>
      <c r="KR10" s="447">
        <v>280187710</v>
      </c>
      <c r="KS10" s="447">
        <v>374628056</v>
      </c>
      <c r="KT10" s="447">
        <v>406620874</v>
      </c>
      <c r="KU10" s="447">
        <v>280935506</v>
      </c>
      <c r="KV10" s="447">
        <v>214641807</v>
      </c>
      <c r="KW10" s="451">
        <v>1557013953</v>
      </c>
      <c r="KX10" s="449">
        <v>1559474906</v>
      </c>
      <c r="KY10" s="450">
        <v>0</v>
      </c>
      <c r="KZ10" s="447">
        <v>0</v>
      </c>
      <c r="LA10" s="451">
        <v>0</v>
      </c>
      <c r="LB10" s="458"/>
      <c r="LC10" s="447">
        <v>0</v>
      </c>
      <c r="LD10" s="447">
        <v>491678</v>
      </c>
      <c r="LE10" s="447">
        <v>1169525</v>
      </c>
      <c r="LF10" s="447">
        <v>232999</v>
      </c>
      <c r="LG10" s="447">
        <v>772319</v>
      </c>
      <c r="LH10" s="451">
        <v>2666521</v>
      </c>
      <c r="LI10" s="453">
        <v>2666521</v>
      </c>
      <c r="LJ10" s="450">
        <v>0</v>
      </c>
      <c r="LK10" s="447">
        <v>0</v>
      </c>
      <c r="LL10" s="451">
        <v>0</v>
      </c>
      <c r="LM10" s="458"/>
      <c r="LN10" s="447">
        <v>1283507</v>
      </c>
      <c r="LO10" s="447">
        <v>2365255</v>
      </c>
      <c r="LP10" s="447">
        <v>7589182</v>
      </c>
      <c r="LQ10" s="447">
        <v>12649383</v>
      </c>
      <c r="LR10" s="447">
        <v>9287217</v>
      </c>
      <c r="LS10" s="451">
        <v>33174544</v>
      </c>
      <c r="LT10" s="449">
        <v>33174544</v>
      </c>
      <c r="LU10" s="450">
        <v>0</v>
      </c>
      <c r="LV10" s="447">
        <v>0</v>
      </c>
      <c r="LW10" s="451">
        <v>0</v>
      </c>
      <c r="LX10" s="458"/>
      <c r="LY10" s="447">
        <v>4922562</v>
      </c>
      <c r="LZ10" s="447">
        <v>13892645</v>
      </c>
      <c r="MA10" s="447">
        <v>19558183</v>
      </c>
      <c r="MB10" s="447">
        <v>31221897</v>
      </c>
      <c r="MC10" s="447">
        <v>62249209</v>
      </c>
      <c r="MD10" s="451">
        <v>131844496</v>
      </c>
      <c r="ME10" s="453">
        <v>131844496</v>
      </c>
      <c r="MF10" s="450">
        <v>0</v>
      </c>
      <c r="MG10" s="447">
        <v>0</v>
      </c>
      <c r="MH10" s="451">
        <v>0</v>
      </c>
      <c r="MI10" s="458"/>
      <c r="MJ10" s="447">
        <v>215874847</v>
      </c>
      <c r="MK10" s="447">
        <v>662007919</v>
      </c>
      <c r="ML10" s="447">
        <v>1708397146</v>
      </c>
      <c r="MM10" s="447">
        <v>2560589386</v>
      </c>
      <c r="MN10" s="447">
        <v>1878231114</v>
      </c>
      <c r="MO10" s="451">
        <v>7025100412</v>
      </c>
      <c r="MP10" s="457">
        <v>7025100412</v>
      </c>
      <c r="MQ10" s="450">
        <v>0</v>
      </c>
      <c r="MR10" s="447">
        <v>0</v>
      </c>
      <c r="MS10" s="451">
        <v>0</v>
      </c>
      <c r="MT10" s="458"/>
      <c r="MU10" s="447">
        <v>55096276</v>
      </c>
      <c r="MV10" s="447">
        <v>235150769</v>
      </c>
      <c r="MW10" s="447">
        <v>1093315963</v>
      </c>
      <c r="MX10" s="447">
        <v>1692367922</v>
      </c>
      <c r="MY10" s="447">
        <v>1331859022</v>
      </c>
      <c r="MZ10" s="451">
        <v>4407789952</v>
      </c>
      <c r="NA10" s="457">
        <v>4407789952</v>
      </c>
      <c r="NB10" s="450">
        <v>0</v>
      </c>
      <c r="NC10" s="447">
        <v>0</v>
      </c>
      <c r="ND10" s="451">
        <v>0</v>
      </c>
      <c r="NE10" s="458"/>
      <c r="NF10" s="447">
        <v>160554282</v>
      </c>
      <c r="NG10" s="447">
        <v>425354314</v>
      </c>
      <c r="NH10" s="447">
        <v>608963110</v>
      </c>
      <c r="NI10" s="447">
        <v>825842314</v>
      </c>
      <c r="NJ10" s="447">
        <v>487863359</v>
      </c>
      <c r="NK10" s="451">
        <v>2508577379</v>
      </c>
      <c r="NL10" s="449">
        <v>2508577379</v>
      </c>
      <c r="NM10" s="450">
        <v>0</v>
      </c>
      <c r="NN10" s="447">
        <v>0</v>
      </c>
      <c r="NO10" s="451">
        <v>0</v>
      </c>
      <c r="NP10" s="458"/>
      <c r="NQ10" s="447">
        <v>0</v>
      </c>
      <c r="NR10" s="447">
        <v>0</v>
      </c>
      <c r="NS10" s="447">
        <v>974828</v>
      </c>
      <c r="NT10" s="447">
        <v>12485513</v>
      </c>
      <c r="NU10" s="447">
        <v>17337355</v>
      </c>
      <c r="NV10" s="451">
        <v>30797696</v>
      </c>
      <c r="NW10" s="453">
        <v>30797696</v>
      </c>
      <c r="NX10" s="450">
        <v>0</v>
      </c>
      <c r="NY10" s="447">
        <v>0</v>
      </c>
      <c r="NZ10" s="451">
        <v>0</v>
      </c>
      <c r="OA10" s="458"/>
      <c r="OB10" s="447">
        <v>224289</v>
      </c>
      <c r="OC10" s="447">
        <v>1502836</v>
      </c>
      <c r="OD10" s="447">
        <v>5143245</v>
      </c>
      <c r="OE10" s="447">
        <v>29893637</v>
      </c>
      <c r="OF10" s="447">
        <v>41171378</v>
      </c>
      <c r="OG10" s="451">
        <v>77935385</v>
      </c>
      <c r="OH10" s="453">
        <v>77935385</v>
      </c>
      <c r="OI10" s="450">
        <v>166439118</v>
      </c>
      <c r="OJ10" s="447">
        <v>387239748</v>
      </c>
      <c r="OK10" s="448">
        <v>553678866</v>
      </c>
      <c r="OL10" s="454">
        <v>0</v>
      </c>
      <c r="OM10" s="447">
        <v>2587894525</v>
      </c>
      <c r="ON10" s="447">
        <v>4693798416</v>
      </c>
      <c r="OO10" s="447">
        <v>5101255276</v>
      </c>
      <c r="OP10" s="447">
        <v>5547082773</v>
      </c>
      <c r="OQ10" s="447">
        <v>4175685664</v>
      </c>
      <c r="OR10" s="451">
        <v>22105716654</v>
      </c>
      <c r="OS10" s="457">
        <v>22659395520</v>
      </c>
    </row>
    <row r="11" spans="1:409" ht="21" customHeight="1" x14ac:dyDescent="0.2">
      <c r="B11" s="62" t="s">
        <v>6</v>
      </c>
      <c r="C11" s="110">
        <v>52775750</v>
      </c>
      <c r="D11" s="114">
        <v>97161488</v>
      </c>
      <c r="E11" s="113">
        <v>149937238</v>
      </c>
      <c r="F11" s="109">
        <v>0</v>
      </c>
      <c r="G11" s="114">
        <v>844326568</v>
      </c>
      <c r="H11" s="114">
        <v>893260381</v>
      </c>
      <c r="I11" s="114">
        <v>841859431</v>
      </c>
      <c r="J11" s="114">
        <v>839682257</v>
      </c>
      <c r="K11" s="114">
        <v>674762480</v>
      </c>
      <c r="L11" s="109">
        <v>4093891117</v>
      </c>
      <c r="M11" s="116">
        <v>4243828355</v>
      </c>
      <c r="N11" s="110">
        <v>13940750</v>
      </c>
      <c r="O11" s="114">
        <v>31002484</v>
      </c>
      <c r="P11" s="113">
        <v>44943234</v>
      </c>
      <c r="Q11" s="110">
        <v>0</v>
      </c>
      <c r="R11" s="114">
        <v>267493334</v>
      </c>
      <c r="S11" s="114">
        <v>312573243</v>
      </c>
      <c r="T11" s="114">
        <v>302556292</v>
      </c>
      <c r="U11" s="114">
        <v>339348029</v>
      </c>
      <c r="V11" s="114">
        <v>355775706</v>
      </c>
      <c r="W11" s="113">
        <v>1577746604</v>
      </c>
      <c r="X11" s="116">
        <v>1622689838</v>
      </c>
      <c r="Y11" s="110">
        <v>0</v>
      </c>
      <c r="Z11" s="114">
        <v>0</v>
      </c>
      <c r="AA11" s="113">
        <v>0</v>
      </c>
      <c r="AB11" s="110">
        <v>0</v>
      </c>
      <c r="AC11" s="114">
        <v>126980680</v>
      </c>
      <c r="AD11" s="114">
        <v>160657585</v>
      </c>
      <c r="AE11" s="114">
        <v>173565968</v>
      </c>
      <c r="AF11" s="114">
        <v>203084289</v>
      </c>
      <c r="AG11" s="114">
        <v>214161644</v>
      </c>
      <c r="AH11" s="113">
        <v>878450166</v>
      </c>
      <c r="AI11" s="116">
        <v>878450166</v>
      </c>
      <c r="AJ11" s="110">
        <v>20655</v>
      </c>
      <c r="AK11" s="114">
        <v>166349</v>
      </c>
      <c r="AL11" s="113">
        <v>187004</v>
      </c>
      <c r="AM11" s="110">
        <v>0</v>
      </c>
      <c r="AN11" s="114">
        <v>1066374</v>
      </c>
      <c r="AO11" s="114">
        <v>3255234</v>
      </c>
      <c r="AP11" s="114">
        <v>6748947</v>
      </c>
      <c r="AQ11" s="114">
        <v>16469474</v>
      </c>
      <c r="AR11" s="114">
        <v>34949663</v>
      </c>
      <c r="AS11" s="113">
        <v>62489692</v>
      </c>
      <c r="AT11" s="116">
        <v>62676696</v>
      </c>
      <c r="AU11" s="110">
        <v>7517991</v>
      </c>
      <c r="AV11" s="114">
        <v>22207101</v>
      </c>
      <c r="AW11" s="113">
        <v>29725092</v>
      </c>
      <c r="AX11" s="110">
        <v>0</v>
      </c>
      <c r="AY11" s="114">
        <v>85361829</v>
      </c>
      <c r="AZ11" s="114">
        <v>91193235</v>
      </c>
      <c r="BA11" s="114">
        <v>68897895</v>
      </c>
      <c r="BB11" s="114">
        <v>66257212</v>
      </c>
      <c r="BC11" s="114">
        <v>63873909</v>
      </c>
      <c r="BD11" s="113">
        <v>375584080</v>
      </c>
      <c r="BE11" s="116">
        <v>405309172</v>
      </c>
      <c r="BF11" s="110">
        <v>433794</v>
      </c>
      <c r="BG11" s="114">
        <v>1874253</v>
      </c>
      <c r="BH11" s="112">
        <v>2308047</v>
      </c>
      <c r="BI11" s="111">
        <v>0</v>
      </c>
      <c r="BJ11" s="114">
        <v>6077752</v>
      </c>
      <c r="BK11" s="114">
        <v>7383076</v>
      </c>
      <c r="BL11" s="114">
        <v>5167866</v>
      </c>
      <c r="BM11" s="114">
        <v>5769018</v>
      </c>
      <c r="BN11" s="114">
        <v>2759603</v>
      </c>
      <c r="BO11" s="113">
        <v>27157315</v>
      </c>
      <c r="BP11" s="116">
        <v>29465362</v>
      </c>
      <c r="BQ11" s="110">
        <v>5968310</v>
      </c>
      <c r="BR11" s="114">
        <v>6754781</v>
      </c>
      <c r="BS11" s="113">
        <v>12723091</v>
      </c>
      <c r="BT11" s="110">
        <v>0</v>
      </c>
      <c r="BU11" s="114">
        <v>48006699</v>
      </c>
      <c r="BV11" s="114">
        <v>50084113</v>
      </c>
      <c r="BW11" s="114">
        <v>48175616</v>
      </c>
      <c r="BX11" s="114">
        <v>47768036</v>
      </c>
      <c r="BY11" s="114">
        <v>40030887</v>
      </c>
      <c r="BZ11" s="113">
        <v>234065351</v>
      </c>
      <c r="CA11" s="116">
        <v>246788442</v>
      </c>
      <c r="CB11" s="110">
        <v>2870446</v>
      </c>
      <c r="CC11" s="114">
        <v>8972752</v>
      </c>
      <c r="CD11" s="113">
        <v>11843198</v>
      </c>
      <c r="CE11" s="110">
        <v>0</v>
      </c>
      <c r="CF11" s="114">
        <v>226679512</v>
      </c>
      <c r="CG11" s="114">
        <v>230955926</v>
      </c>
      <c r="CH11" s="114">
        <v>184403349</v>
      </c>
      <c r="CI11" s="114">
        <v>134039887</v>
      </c>
      <c r="CJ11" s="114">
        <v>72217226</v>
      </c>
      <c r="CK11" s="113">
        <v>848295900</v>
      </c>
      <c r="CL11" s="116">
        <v>860139098</v>
      </c>
      <c r="CM11" s="110">
        <v>0</v>
      </c>
      <c r="CN11" s="114">
        <v>0</v>
      </c>
      <c r="CO11" s="113">
        <v>0</v>
      </c>
      <c r="CP11" s="111">
        <v>0</v>
      </c>
      <c r="CQ11" s="114">
        <v>196273972</v>
      </c>
      <c r="CR11" s="114">
        <v>183705067</v>
      </c>
      <c r="CS11" s="114">
        <v>146952702</v>
      </c>
      <c r="CT11" s="114">
        <v>101824391</v>
      </c>
      <c r="CU11" s="114">
        <v>58657878</v>
      </c>
      <c r="CV11" s="113">
        <v>687414010</v>
      </c>
      <c r="CW11" s="116">
        <v>687414010</v>
      </c>
      <c r="CX11" s="110">
        <v>2870446</v>
      </c>
      <c r="CY11" s="114">
        <v>8972752</v>
      </c>
      <c r="CZ11" s="113">
        <v>11843198</v>
      </c>
      <c r="DA11" s="110">
        <v>0</v>
      </c>
      <c r="DB11" s="114">
        <v>30405540</v>
      </c>
      <c r="DC11" s="114">
        <v>47250859</v>
      </c>
      <c r="DD11" s="114">
        <v>37450647</v>
      </c>
      <c r="DE11" s="114">
        <v>32215496</v>
      </c>
      <c r="DF11" s="114">
        <v>13559348</v>
      </c>
      <c r="DG11" s="113">
        <v>160881890</v>
      </c>
      <c r="DH11" s="116">
        <v>172725088</v>
      </c>
      <c r="DI11" s="110">
        <v>180692</v>
      </c>
      <c r="DJ11" s="114">
        <v>580588</v>
      </c>
      <c r="DK11" s="112">
        <v>761280</v>
      </c>
      <c r="DL11" s="111">
        <v>0</v>
      </c>
      <c r="DM11" s="114">
        <v>17220399</v>
      </c>
      <c r="DN11" s="114">
        <v>30570812</v>
      </c>
      <c r="DO11" s="114">
        <v>59554435</v>
      </c>
      <c r="DP11" s="114">
        <v>53607970</v>
      </c>
      <c r="DQ11" s="114">
        <v>33057688</v>
      </c>
      <c r="DR11" s="113">
        <v>194011304</v>
      </c>
      <c r="DS11" s="116">
        <v>194772584</v>
      </c>
      <c r="DT11" s="110">
        <v>180692</v>
      </c>
      <c r="DU11" s="114">
        <v>555610</v>
      </c>
      <c r="DV11" s="113">
        <v>736302</v>
      </c>
      <c r="DW11" s="110">
        <v>0</v>
      </c>
      <c r="DX11" s="114">
        <v>15356802</v>
      </c>
      <c r="DY11" s="114">
        <v>27130698</v>
      </c>
      <c r="DZ11" s="114">
        <v>52158551</v>
      </c>
      <c r="EA11" s="114">
        <v>47087702</v>
      </c>
      <c r="EB11" s="114">
        <v>28232661</v>
      </c>
      <c r="EC11" s="113">
        <v>169966414</v>
      </c>
      <c r="ED11" s="116">
        <v>170702716</v>
      </c>
      <c r="EE11" s="110">
        <v>0</v>
      </c>
      <c r="EF11" s="112">
        <v>24978</v>
      </c>
      <c r="EG11" s="113">
        <v>24978</v>
      </c>
      <c r="EH11" s="110">
        <v>0</v>
      </c>
      <c r="EI11" s="114">
        <v>1863597</v>
      </c>
      <c r="EJ11" s="114">
        <v>3440114</v>
      </c>
      <c r="EK11" s="114">
        <v>7395884</v>
      </c>
      <c r="EL11" s="114">
        <v>6520268</v>
      </c>
      <c r="EM11" s="114">
        <v>4825027</v>
      </c>
      <c r="EN11" s="112">
        <v>24044890</v>
      </c>
      <c r="EO11" s="116">
        <v>24069868</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5"/>
      <c r="FE11" s="114">
        <v>0</v>
      </c>
      <c r="FF11" s="114">
        <v>0</v>
      </c>
      <c r="FG11" s="114">
        <v>0</v>
      </c>
      <c r="FH11" s="114">
        <v>0</v>
      </c>
      <c r="FI11" s="114">
        <v>0</v>
      </c>
      <c r="FJ11" s="113">
        <v>0</v>
      </c>
      <c r="FK11" s="116">
        <v>0</v>
      </c>
      <c r="FL11" s="110">
        <v>11554307</v>
      </c>
      <c r="FM11" s="114">
        <v>22401618</v>
      </c>
      <c r="FN11" s="113">
        <v>33955925</v>
      </c>
      <c r="FO11" s="110">
        <v>0</v>
      </c>
      <c r="FP11" s="114">
        <v>46740087</v>
      </c>
      <c r="FQ11" s="114">
        <v>82231626</v>
      </c>
      <c r="FR11" s="114">
        <v>68896335</v>
      </c>
      <c r="FS11" s="114">
        <v>66911542</v>
      </c>
      <c r="FT11" s="114">
        <v>49100719</v>
      </c>
      <c r="FU11" s="113">
        <v>313880309</v>
      </c>
      <c r="FV11" s="116">
        <v>347836234</v>
      </c>
      <c r="FW11" s="115">
        <v>7843875</v>
      </c>
      <c r="FX11" s="114">
        <v>17517827</v>
      </c>
      <c r="FY11" s="112">
        <v>25361702</v>
      </c>
      <c r="FZ11" s="111">
        <v>0</v>
      </c>
      <c r="GA11" s="114">
        <v>39982079</v>
      </c>
      <c r="GB11" s="114">
        <v>76006510</v>
      </c>
      <c r="GC11" s="114">
        <v>64306433</v>
      </c>
      <c r="GD11" s="114">
        <v>62727688</v>
      </c>
      <c r="GE11" s="114">
        <v>47708421</v>
      </c>
      <c r="GF11" s="113">
        <v>290731131</v>
      </c>
      <c r="GG11" s="316">
        <v>316092833</v>
      </c>
      <c r="GH11" s="115">
        <v>775641</v>
      </c>
      <c r="GI11" s="114">
        <v>1296796</v>
      </c>
      <c r="GJ11" s="112">
        <v>2072437</v>
      </c>
      <c r="GK11" s="111">
        <v>0</v>
      </c>
      <c r="GL11" s="114">
        <v>1814175</v>
      </c>
      <c r="GM11" s="114">
        <v>2514895</v>
      </c>
      <c r="GN11" s="114">
        <v>2267419</v>
      </c>
      <c r="GO11" s="114">
        <v>2237154</v>
      </c>
      <c r="GP11" s="114">
        <v>1078701</v>
      </c>
      <c r="GQ11" s="113">
        <v>9912344</v>
      </c>
      <c r="GR11" s="116">
        <v>11984781</v>
      </c>
      <c r="GS11" s="110">
        <v>2934791</v>
      </c>
      <c r="GT11" s="114">
        <v>3586995</v>
      </c>
      <c r="GU11" s="113">
        <v>6521786</v>
      </c>
      <c r="GV11" s="110">
        <v>0</v>
      </c>
      <c r="GW11" s="114">
        <v>4943833</v>
      </c>
      <c r="GX11" s="114">
        <v>3710221</v>
      </c>
      <c r="GY11" s="114">
        <v>2322483</v>
      </c>
      <c r="GZ11" s="114">
        <v>1946700</v>
      </c>
      <c r="HA11" s="114">
        <v>313597</v>
      </c>
      <c r="HB11" s="112">
        <v>13236834</v>
      </c>
      <c r="HC11" s="116">
        <v>19758620</v>
      </c>
      <c r="HD11" s="110">
        <v>14269033</v>
      </c>
      <c r="HE11" s="114">
        <v>16828511</v>
      </c>
      <c r="HF11" s="112">
        <v>31097544</v>
      </c>
      <c r="HG11" s="111">
        <v>0</v>
      </c>
      <c r="HH11" s="114">
        <v>146941063</v>
      </c>
      <c r="HI11" s="114">
        <v>128317935</v>
      </c>
      <c r="HJ11" s="114">
        <v>143273628</v>
      </c>
      <c r="HK11" s="114">
        <v>182790694</v>
      </c>
      <c r="HL11" s="114">
        <v>124880323</v>
      </c>
      <c r="HM11" s="113">
        <v>726203643</v>
      </c>
      <c r="HN11" s="109">
        <v>757301187</v>
      </c>
      <c r="HO11" s="115">
        <v>9960522</v>
      </c>
      <c r="HP11" s="114">
        <v>17375535</v>
      </c>
      <c r="HQ11" s="113">
        <v>27336057</v>
      </c>
      <c r="HR11" s="110">
        <v>0</v>
      </c>
      <c r="HS11" s="114">
        <v>139252173</v>
      </c>
      <c r="HT11" s="114">
        <v>108610839</v>
      </c>
      <c r="HU11" s="114">
        <v>83175392</v>
      </c>
      <c r="HV11" s="114">
        <v>62984135</v>
      </c>
      <c r="HW11" s="114">
        <v>39730818</v>
      </c>
      <c r="HX11" s="112">
        <v>433753357</v>
      </c>
      <c r="HY11" s="116">
        <v>461089414</v>
      </c>
      <c r="HZ11" s="131">
        <v>1315444</v>
      </c>
      <c r="IA11" s="132">
        <v>3989395</v>
      </c>
      <c r="IB11" s="133">
        <v>5304839</v>
      </c>
      <c r="IC11" s="146">
        <v>0</v>
      </c>
      <c r="ID11" s="132">
        <v>267708702</v>
      </c>
      <c r="IE11" s="147">
        <v>321965983</v>
      </c>
      <c r="IF11" s="133">
        <v>354255971</v>
      </c>
      <c r="IG11" s="132">
        <v>296918657</v>
      </c>
      <c r="IH11" s="133">
        <v>231809538</v>
      </c>
      <c r="II11" s="148">
        <v>1472658851</v>
      </c>
      <c r="IJ11" s="139">
        <v>1477963690</v>
      </c>
      <c r="IK11" s="232">
        <v>0</v>
      </c>
      <c r="IL11" s="236">
        <v>0</v>
      </c>
      <c r="IM11" s="237">
        <v>0</v>
      </c>
      <c r="IN11" s="140"/>
      <c r="IO11" s="119">
        <v>6297103</v>
      </c>
      <c r="IP11" s="119">
        <v>10046848</v>
      </c>
      <c r="IQ11" s="119">
        <v>13566243</v>
      </c>
      <c r="IR11" s="119">
        <v>24058767</v>
      </c>
      <c r="IS11" s="119">
        <v>30178621</v>
      </c>
      <c r="IT11" s="141">
        <v>84147582</v>
      </c>
      <c r="IU11" s="318">
        <v>84147582</v>
      </c>
      <c r="IV11" s="142">
        <v>0</v>
      </c>
      <c r="IW11" s="119">
        <v>0</v>
      </c>
      <c r="IX11" s="120">
        <v>0</v>
      </c>
      <c r="IY11" s="144"/>
      <c r="IZ11" s="119">
        <v>1242508</v>
      </c>
      <c r="JA11" s="119">
        <v>2408985</v>
      </c>
      <c r="JB11" s="119">
        <v>2642073</v>
      </c>
      <c r="JC11" s="119">
        <v>2393425</v>
      </c>
      <c r="JD11" s="119">
        <v>2930292</v>
      </c>
      <c r="JE11" s="120">
        <v>11617283</v>
      </c>
      <c r="JF11" s="121">
        <v>11617283</v>
      </c>
      <c r="JG11" s="142">
        <v>0</v>
      </c>
      <c r="JH11" s="119">
        <v>0</v>
      </c>
      <c r="JI11" s="141">
        <v>0</v>
      </c>
      <c r="JJ11" s="118">
        <v>0</v>
      </c>
      <c r="JK11" s="119">
        <v>87628870</v>
      </c>
      <c r="JL11" s="119">
        <v>74641926</v>
      </c>
      <c r="JM11" s="119">
        <v>67154665</v>
      </c>
      <c r="JN11" s="119">
        <v>46433447</v>
      </c>
      <c r="JO11" s="119">
        <v>27710431</v>
      </c>
      <c r="JP11" s="120">
        <v>303569339</v>
      </c>
      <c r="JQ11" s="318">
        <v>303569339</v>
      </c>
      <c r="JR11" s="142">
        <v>21081</v>
      </c>
      <c r="JS11" s="119">
        <v>22824</v>
      </c>
      <c r="JT11" s="141">
        <v>43905</v>
      </c>
      <c r="JU11" s="118">
        <v>0</v>
      </c>
      <c r="JV11" s="119">
        <v>17291484</v>
      </c>
      <c r="JW11" s="119">
        <v>22462299</v>
      </c>
      <c r="JX11" s="119">
        <v>32014818</v>
      </c>
      <c r="JY11" s="119">
        <v>19349096</v>
      </c>
      <c r="JZ11" s="119">
        <v>16250178</v>
      </c>
      <c r="KA11" s="120">
        <v>107367875</v>
      </c>
      <c r="KB11" s="318">
        <v>107411780</v>
      </c>
      <c r="KC11" s="234">
        <v>1294363</v>
      </c>
      <c r="KD11" s="230">
        <v>2267345</v>
      </c>
      <c r="KE11" s="120">
        <v>3561708</v>
      </c>
      <c r="KF11" s="118">
        <v>0</v>
      </c>
      <c r="KG11" s="119">
        <v>29009566</v>
      </c>
      <c r="KH11" s="119">
        <v>40759426</v>
      </c>
      <c r="KI11" s="119">
        <v>50200058</v>
      </c>
      <c r="KJ11" s="119">
        <v>43023679</v>
      </c>
      <c r="KK11" s="119">
        <v>22824654</v>
      </c>
      <c r="KL11" s="120">
        <v>185817383</v>
      </c>
      <c r="KM11" s="143">
        <v>189379091</v>
      </c>
      <c r="KN11" s="232">
        <v>0</v>
      </c>
      <c r="KO11" s="236">
        <v>1699226</v>
      </c>
      <c r="KP11" s="237">
        <v>1699226</v>
      </c>
      <c r="KQ11" s="140"/>
      <c r="KR11" s="119">
        <v>115419901</v>
      </c>
      <c r="KS11" s="119">
        <v>148515507</v>
      </c>
      <c r="KT11" s="119">
        <v>149886754</v>
      </c>
      <c r="KU11" s="119">
        <v>102608951</v>
      </c>
      <c r="KV11" s="119">
        <v>73339524</v>
      </c>
      <c r="KW11" s="120">
        <v>589770637</v>
      </c>
      <c r="KX11" s="318">
        <v>591469863</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925742</v>
      </c>
      <c r="LO11" s="119">
        <v>1025348</v>
      </c>
      <c r="LP11" s="119">
        <v>19886142</v>
      </c>
      <c r="LQ11" s="119">
        <v>26281431</v>
      </c>
      <c r="LR11" s="119">
        <v>24527346</v>
      </c>
      <c r="LS11" s="120">
        <v>72646009</v>
      </c>
      <c r="LT11" s="318">
        <v>72646009</v>
      </c>
      <c r="LU11" s="142">
        <v>0</v>
      </c>
      <c r="LV11" s="119">
        <v>0</v>
      </c>
      <c r="LW11" s="120">
        <v>0</v>
      </c>
      <c r="LX11" s="145"/>
      <c r="LY11" s="119">
        <v>9893528</v>
      </c>
      <c r="LZ11" s="119">
        <v>22105644</v>
      </c>
      <c r="MA11" s="119">
        <v>18905218</v>
      </c>
      <c r="MB11" s="119">
        <v>32769861</v>
      </c>
      <c r="MC11" s="119">
        <v>34048492</v>
      </c>
      <c r="MD11" s="120">
        <v>117722743</v>
      </c>
      <c r="ME11" s="121">
        <v>117722743</v>
      </c>
      <c r="MF11" s="142">
        <v>0</v>
      </c>
      <c r="MG11" s="119">
        <v>0</v>
      </c>
      <c r="MH11" s="120">
        <v>0</v>
      </c>
      <c r="MI11" s="145"/>
      <c r="MJ11" s="119">
        <v>68314392</v>
      </c>
      <c r="MK11" s="119">
        <v>129670522</v>
      </c>
      <c r="ML11" s="119">
        <v>456688244</v>
      </c>
      <c r="MM11" s="119">
        <v>739545199</v>
      </c>
      <c r="MN11" s="119">
        <v>525606858</v>
      </c>
      <c r="MO11" s="120">
        <v>1919825215</v>
      </c>
      <c r="MP11" s="143">
        <v>1919825215</v>
      </c>
      <c r="MQ11" s="142">
        <v>0</v>
      </c>
      <c r="MR11" s="119">
        <v>0</v>
      </c>
      <c r="MS11" s="120">
        <v>0</v>
      </c>
      <c r="MT11" s="145"/>
      <c r="MU11" s="119">
        <v>15608561</v>
      </c>
      <c r="MV11" s="119">
        <v>41056113</v>
      </c>
      <c r="MW11" s="119">
        <v>313752178</v>
      </c>
      <c r="MX11" s="119">
        <v>489630960</v>
      </c>
      <c r="MY11" s="119">
        <v>371135219</v>
      </c>
      <c r="MZ11" s="120">
        <v>1231183031</v>
      </c>
      <c r="NA11" s="143">
        <v>1231183031</v>
      </c>
      <c r="NB11" s="142">
        <v>0</v>
      </c>
      <c r="NC11" s="119">
        <v>0</v>
      </c>
      <c r="ND11" s="120">
        <v>0</v>
      </c>
      <c r="NE11" s="145"/>
      <c r="NF11" s="119">
        <v>52442456</v>
      </c>
      <c r="NG11" s="119">
        <v>88117020</v>
      </c>
      <c r="NH11" s="119">
        <v>139786761</v>
      </c>
      <c r="NI11" s="119">
        <v>221195718</v>
      </c>
      <c r="NJ11" s="119">
        <v>108849925</v>
      </c>
      <c r="NK11" s="120">
        <v>610391880</v>
      </c>
      <c r="NL11" s="318">
        <v>610391880</v>
      </c>
      <c r="NM11" s="142">
        <v>0</v>
      </c>
      <c r="NN11" s="119">
        <v>0</v>
      </c>
      <c r="NO11" s="120">
        <v>0</v>
      </c>
      <c r="NP11" s="145"/>
      <c r="NQ11" s="119">
        <v>0</v>
      </c>
      <c r="NR11" s="119">
        <v>246667</v>
      </c>
      <c r="NS11" s="119">
        <v>2017715</v>
      </c>
      <c r="NT11" s="119">
        <v>13602678</v>
      </c>
      <c r="NU11" s="119">
        <v>21563939</v>
      </c>
      <c r="NV11" s="120">
        <v>37430999</v>
      </c>
      <c r="NW11" s="121">
        <v>37430999</v>
      </c>
      <c r="NX11" s="142">
        <v>0</v>
      </c>
      <c r="NY11" s="119">
        <v>0</v>
      </c>
      <c r="NZ11" s="120">
        <v>0</v>
      </c>
      <c r="OA11" s="145"/>
      <c r="OB11" s="119">
        <v>263375</v>
      </c>
      <c r="OC11" s="119">
        <v>250722</v>
      </c>
      <c r="OD11" s="119">
        <v>1131590</v>
      </c>
      <c r="OE11" s="119">
        <v>15115843</v>
      </c>
      <c r="OF11" s="119">
        <v>24057775</v>
      </c>
      <c r="OG11" s="120">
        <v>40819305</v>
      </c>
      <c r="OH11" s="121">
        <v>40819305</v>
      </c>
      <c r="OI11" s="142">
        <v>54091194</v>
      </c>
      <c r="OJ11" s="119">
        <v>101150883</v>
      </c>
      <c r="OK11" s="141">
        <v>155242077</v>
      </c>
      <c r="OL11" s="118">
        <v>0</v>
      </c>
      <c r="OM11" s="119">
        <v>1180349662</v>
      </c>
      <c r="ON11" s="119">
        <v>1344896886</v>
      </c>
      <c r="OO11" s="119">
        <v>1652803646</v>
      </c>
      <c r="OP11" s="119">
        <v>1876146113</v>
      </c>
      <c r="OQ11" s="119">
        <v>1432178876</v>
      </c>
      <c r="OR11" s="120">
        <v>7486375183</v>
      </c>
      <c r="OS11" s="143">
        <v>7641617260</v>
      </c>
    </row>
    <row r="12" spans="1:409" ht="21" customHeight="1" x14ac:dyDescent="0.2">
      <c r="B12" s="62" t="s">
        <v>14</v>
      </c>
      <c r="C12" s="110">
        <v>25929209</v>
      </c>
      <c r="D12" s="114">
        <v>75058085</v>
      </c>
      <c r="E12" s="113">
        <v>100987294</v>
      </c>
      <c r="F12" s="109">
        <v>0</v>
      </c>
      <c r="G12" s="114">
        <v>318991439</v>
      </c>
      <c r="H12" s="114">
        <v>518490113</v>
      </c>
      <c r="I12" s="114">
        <v>487846086</v>
      </c>
      <c r="J12" s="114">
        <v>406807433</v>
      </c>
      <c r="K12" s="114">
        <v>288113240</v>
      </c>
      <c r="L12" s="112">
        <v>2020248311</v>
      </c>
      <c r="M12" s="116">
        <v>2121235605</v>
      </c>
      <c r="N12" s="110">
        <v>4782285</v>
      </c>
      <c r="O12" s="114">
        <v>16679663</v>
      </c>
      <c r="P12" s="113">
        <v>21461948</v>
      </c>
      <c r="Q12" s="110">
        <v>0</v>
      </c>
      <c r="R12" s="114">
        <v>87346274</v>
      </c>
      <c r="S12" s="114">
        <v>159950413</v>
      </c>
      <c r="T12" s="114">
        <v>159809125</v>
      </c>
      <c r="U12" s="114">
        <v>151580723</v>
      </c>
      <c r="V12" s="114">
        <v>141028466</v>
      </c>
      <c r="W12" s="113">
        <v>699715001</v>
      </c>
      <c r="X12" s="116">
        <v>721176949</v>
      </c>
      <c r="Y12" s="110">
        <v>0</v>
      </c>
      <c r="Z12" s="114">
        <v>0</v>
      </c>
      <c r="AA12" s="113">
        <v>0</v>
      </c>
      <c r="AB12" s="110">
        <v>0</v>
      </c>
      <c r="AC12" s="114">
        <v>45704885</v>
      </c>
      <c r="AD12" s="114">
        <v>84439125</v>
      </c>
      <c r="AE12" s="114">
        <v>95745168</v>
      </c>
      <c r="AF12" s="114">
        <v>90301892</v>
      </c>
      <c r="AG12" s="114">
        <v>82831317</v>
      </c>
      <c r="AH12" s="113">
        <v>399022387</v>
      </c>
      <c r="AI12" s="116">
        <v>399022387</v>
      </c>
      <c r="AJ12" s="110">
        <v>0</v>
      </c>
      <c r="AK12" s="114">
        <v>53935</v>
      </c>
      <c r="AL12" s="113">
        <v>53935</v>
      </c>
      <c r="AM12" s="110">
        <v>0</v>
      </c>
      <c r="AN12" s="114">
        <v>250110</v>
      </c>
      <c r="AO12" s="114">
        <v>1446041</v>
      </c>
      <c r="AP12" s="114">
        <v>2987822</v>
      </c>
      <c r="AQ12" s="114">
        <v>7722342</v>
      </c>
      <c r="AR12" s="114">
        <v>14498324</v>
      </c>
      <c r="AS12" s="113">
        <v>26904639</v>
      </c>
      <c r="AT12" s="116">
        <v>26958574</v>
      </c>
      <c r="AU12" s="110">
        <v>2393945</v>
      </c>
      <c r="AV12" s="114">
        <v>11610012</v>
      </c>
      <c r="AW12" s="113">
        <v>14003957</v>
      </c>
      <c r="AX12" s="110">
        <v>0</v>
      </c>
      <c r="AY12" s="114">
        <v>23435684</v>
      </c>
      <c r="AZ12" s="114">
        <v>47172886</v>
      </c>
      <c r="BA12" s="114">
        <v>33415393</v>
      </c>
      <c r="BB12" s="114">
        <v>30996730</v>
      </c>
      <c r="BC12" s="114">
        <v>27544155</v>
      </c>
      <c r="BD12" s="113">
        <v>162564848</v>
      </c>
      <c r="BE12" s="116">
        <v>176568805</v>
      </c>
      <c r="BF12" s="110">
        <v>181062</v>
      </c>
      <c r="BG12" s="114">
        <v>1306476</v>
      </c>
      <c r="BH12" s="112">
        <v>1487538</v>
      </c>
      <c r="BI12" s="111">
        <v>0</v>
      </c>
      <c r="BJ12" s="114">
        <v>775660</v>
      </c>
      <c r="BK12" s="114">
        <v>3073128</v>
      </c>
      <c r="BL12" s="114">
        <v>2155242</v>
      </c>
      <c r="BM12" s="114">
        <v>1966747</v>
      </c>
      <c r="BN12" s="114">
        <v>655366</v>
      </c>
      <c r="BO12" s="113">
        <v>8626143</v>
      </c>
      <c r="BP12" s="116">
        <v>10113681</v>
      </c>
      <c r="BQ12" s="110">
        <v>2207278</v>
      </c>
      <c r="BR12" s="114">
        <v>3709240</v>
      </c>
      <c r="BS12" s="113">
        <v>5916518</v>
      </c>
      <c r="BT12" s="110">
        <v>0</v>
      </c>
      <c r="BU12" s="114">
        <v>17179935</v>
      </c>
      <c r="BV12" s="114">
        <v>23819233</v>
      </c>
      <c r="BW12" s="114">
        <v>25505500</v>
      </c>
      <c r="BX12" s="114">
        <v>20593012</v>
      </c>
      <c r="BY12" s="114">
        <v>15499304</v>
      </c>
      <c r="BZ12" s="113">
        <v>102596984</v>
      </c>
      <c r="CA12" s="116">
        <v>108513502</v>
      </c>
      <c r="CB12" s="110">
        <v>1746444</v>
      </c>
      <c r="CC12" s="114">
        <v>7678034</v>
      </c>
      <c r="CD12" s="113">
        <v>9424478</v>
      </c>
      <c r="CE12" s="110">
        <v>0</v>
      </c>
      <c r="CF12" s="114">
        <v>95265467</v>
      </c>
      <c r="CG12" s="114">
        <v>156020337</v>
      </c>
      <c r="CH12" s="114">
        <v>133568676</v>
      </c>
      <c r="CI12" s="114">
        <v>79671960</v>
      </c>
      <c r="CJ12" s="114">
        <v>43124604</v>
      </c>
      <c r="CK12" s="113">
        <v>507651044</v>
      </c>
      <c r="CL12" s="116">
        <v>517075522</v>
      </c>
      <c r="CM12" s="110">
        <v>0</v>
      </c>
      <c r="CN12" s="114">
        <v>0</v>
      </c>
      <c r="CO12" s="113">
        <v>0</v>
      </c>
      <c r="CP12" s="111">
        <v>0</v>
      </c>
      <c r="CQ12" s="114">
        <v>88063114</v>
      </c>
      <c r="CR12" s="114">
        <v>131570541</v>
      </c>
      <c r="CS12" s="114">
        <v>114391998</v>
      </c>
      <c r="CT12" s="114">
        <v>64484729</v>
      </c>
      <c r="CU12" s="114">
        <v>37686817</v>
      </c>
      <c r="CV12" s="113">
        <v>436197199</v>
      </c>
      <c r="CW12" s="116">
        <v>436197199</v>
      </c>
      <c r="CX12" s="110">
        <v>1746444</v>
      </c>
      <c r="CY12" s="114">
        <v>7678034</v>
      </c>
      <c r="CZ12" s="113">
        <v>9424478</v>
      </c>
      <c r="DA12" s="110">
        <v>0</v>
      </c>
      <c r="DB12" s="114">
        <v>7202353</v>
      </c>
      <c r="DC12" s="114">
        <v>24449796</v>
      </c>
      <c r="DD12" s="114">
        <v>19176678</v>
      </c>
      <c r="DE12" s="114">
        <v>15187231</v>
      </c>
      <c r="DF12" s="114">
        <v>5437787</v>
      </c>
      <c r="DG12" s="113">
        <v>71453845</v>
      </c>
      <c r="DH12" s="116">
        <v>80878323</v>
      </c>
      <c r="DI12" s="110">
        <v>29327</v>
      </c>
      <c r="DJ12" s="114">
        <v>865137</v>
      </c>
      <c r="DK12" s="112">
        <v>894464</v>
      </c>
      <c r="DL12" s="111">
        <v>0</v>
      </c>
      <c r="DM12" s="114">
        <v>6289224</v>
      </c>
      <c r="DN12" s="114">
        <v>19780674</v>
      </c>
      <c r="DO12" s="114">
        <v>39200671</v>
      </c>
      <c r="DP12" s="114">
        <v>39719838</v>
      </c>
      <c r="DQ12" s="114">
        <v>21847419</v>
      </c>
      <c r="DR12" s="113">
        <v>126837826</v>
      </c>
      <c r="DS12" s="116">
        <v>127732290</v>
      </c>
      <c r="DT12" s="110">
        <v>29327</v>
      </c>
      <c r="DU12" s="114">
        <v>825212</v>
      </c>
      <c r="DV12" s="113">
        <v>854539</v>
      </c>
      <c r="DW12" s="110">
        <v>0</v>
      </c>
      <c r="DX12" s="114">
        <v>6289224</v>
      </c>
      <c r="DY12" s="114">
        <v>18758645</v>
      </c>
      <c r="DZ12" s="114">
        <v>38300381</v>
      </c>
      <c r="EA12" s="114">
        <v>38755063</v>
      </c>
      <c r="EB12" s="114">
        <v>21720947</v>
      </c>
      <c r="EC12" s="113">
        <v>123824260</v>
      </c>
      <c r="ED12" s="116">
        <v>124678799</v>
      </c>
      <c r="EE12" s="110">
        <v>0</v>
      </c>
      <c r="EF12" s="112">
        <v>39925</v>
      </c>
      <c r="EG12" s="113">
        <v>39925</v>
      </c>
      <c r="EH12" s="110">
        <v>0</v>
      </c>
      <c r="EI12" s="114">
        <v>0</v>
      </c>
      <c r="EJ12" s="114">
        <v>1022029</v>
      </c>
      <c r="EK12" s="114">
        <v>900290</v>
      </c>
      <c r="EL12" s="114">
        <v>964775</v>
      </c>
      <c r="EM12" s="114">
        <v>126472</v>
      </c>
      <c r="EN12" s="112">
        <v>3013566</v>
      </c>
      <c r="EO12" s="116">
        <v>3053491</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5"/>
      <c r="FE12" s="114">
        <v>0</v>
      </c>
      <c r="FF12" s="114">
        <v>0</v>
      </c>
      <c r="FG12" s="114">
        <v>0</v>
      </c>
      <c r="FH12" s="114">
        <v>0</v>
      </c>
      <c r="FI12" s="114">
        <v>0</v>
      </c>
      <c r="FJ12" s="113">
        <v>0</v>
      </c>
      <c r="FK12" s="116">
        <v>0</v>
      </c>
      <c r="FL12" s="110">
        <v>7889344</v>
      </c>
      <c r="FM12" s="114">
        <v>25289857</v>
      </c>
      <c r="FN12" s="113">
        <v>33179201</v>
      </c>
      <c r="FO12" s="110">
        <v>0</v>
      </c>
      <c r="FP12" s="114">
        <v>18956647</v>
      </c>
      <c r="FQ12" s="114">
        <v>57030511</v>
      </c>
      <c r="FR12" s="114">
        <v>41607826</v>
      </c>
      <c r="FS12" s="114">
        <v>34177347</v>
      </c>
      <c r="FT12" s="114">
        <v>24262964</v>
      </c>
      <c r="FU12" s="113">
        <v>176035295</v>
      </c>
      <c r="FV12" s="116">
        <v>209214496</v>
      </c>
      <c r="FW12" s="115">
        <v>4543538</v>
      </c>
      <c r="FX12" s="114">
        <v>17398460</v>
      </c>
      <c r="FY12" s="112">
        <v>21941998</v>
      </c>
      <c r="FZ12" s="111">
        <v>0</v>
      </c>
      <c r="GA12" s="114">
        <v>14290807</v>
      </c>
      <c r="GB12" s="114">
        <v>50167790</v>
      </c>
      <c r="GC12" s="114">
        <v>38055913</v>
      </c>
      <c r="GD12" s="114">
        <v>31461205</v>
      </c>
      <c r="GE12" s="114">
        <v>22859427</v>
      </c>
      <c r="GF12" s="113">
        <v>156835142</v>
      </c>
      <c r="GG12" s="316">
        <v>178777140</v>
      </c>
      <c r="GH12" s="115">
        <v>465746</v>
      </c>
      <c r="GI12" s="114">
        <v>1470211</v>
      </c>
      <c r="GJ12" s="112">
        <v>1935957</v>
      </c>
      <c r="GK12" s="111">
        <v>0</v>
      </c>
      <c r="GL12" s="114">
        <v>1186595</v>
      </c>
      <c r="GM12" s="114">
        <v>2023829</v>
      </c>
      <c r="GN12" s="114">
        <v>1747282</v>
      </c>
      <c r="GO12" s="114">
        <v>1299947</v>
      </c>
      <c r="GP12" s="114">
        <v>357343</v>
      </c>
      <c r="GQ12" s="113">
        <v>6614996</v>
      </c>
      <c r="GR12" s="116">
        <v>8550953</v>
      </c>
      <c r="GS12" s="110">
        <v>2880060</v>
      </c>
      <c r="GT12" s="114">
        <v>6421186</v>
      </c>
      <c r="GU12" s="113">
        <v>9301246</v>
      </c>
      <c r="GV12" s="110">
        <v>0</v>
      </c>
      <c r="GW12" s="114">
        <v>3479245</v>
      </c>
      <c r="GX12" s="114">
        <v>4838892</v>
      </c>
      <c r="GY12" s="114">
        <v>1804631</v>
      </c>
      <c r="GZ12" s="114">
        <v>1416195</v>
      </c>
      <c r="HA12" s="114">
        <v>1046194</v>
      </c>
      <c r="HB12" s="112">
        <v>12585157</v>
      </c>
      <c r="HC12" s="116">
        <v>21886403</v>
      </c>
      <c r="HD12" s="110">
        <v>6652651</v>
      </c>
      <c r="HE12" s="114">
        <v>11580064</v>
      </c>
      <c r="HF12" s="112">
        <v>18232715</v>
      </c>
      <c r="HG12" s="111">
        <v>0</v>
      </c>
      <c r="HH12" s="114">
        <v>55021485</v>
      </c>
      <c r="HI12" s="114">
        <v>52425963</v>
      </c>
      <c r="HJ12" s="114">
        <v>62253866</v>
      </c>
      <c r="HK12" s="114">
        <v>69514157</v>
      </c>
      <c r="HL12" s="114">
        <v>39009729</v>
      </c>
      <c r="HM12" s="113">
        <v>278225200</v>
      </c>
      <c r="HN12" s="109">
        <v>296457915</v>
      </c>
      <c r="HO12" s="115">
        <v>4829158</v>
      </c>
      <c r="HP12" s="114">
        <v>12965330</v>
      </c>
      <c r="HQ12" s="113">
        <v>17794488</v>
      </c>
      <c r="HR12" s="110">
        <v>0</v>
      </c>
      <c r="HS12" s="114">
        <v>56112342</v>
      </c>
      <c r="HT12" s="114">
        <v>73282215</v>
      </c>
      <c r="HU12" s="114">
        <v>51405922</v>
      </c>
      <c r="HV12" s="114">
        <v>32143408</v>
      </c>
      <c r="HW12" s="114">
        <v>18840058</v>
      </c>
      <c r="HX12" s="112">
        <v>231783945</v>
      </c>
      <c r="HY12" s="116">
        <v>249578433</v>
      </c>
      <c r="HZ12" s="131">
        <v>852172</v>
      </c>
      <c r="IA12" s="132">
        <v>2924936</v>
      </c>
      <c r="IB12" s="133">
        <v>3777108</v>
      </c>
      <c r="IC12" s="134">
        <v>0</v>
      </c>
      <c r="ID12" s="135">
        <v>112199016</v>
      </c>
      <c r="IE12" s="136">
        <v>174590224</v>
      </c>
      <c r="IF12" s="137">
        <v>199218885</v>
      </c>
      <c r="IG12" s="135">
        <v>132386586</v>
      </c>
      <c r="IH12" s="137">
        <v>85758669</v>
      </c>
      <c r="II12" s="138">
        <v>704153380</v>
      </c>
      <c r="IJ12" s="139">
        <v>707930488</v>
      </c>
      <c r="IK12" s="232">
        <v>0</v>
      </c>
      <c r="IL12" s="236">
        <v>0</v>
      </c>
      <c r="IM12" s="237">
        <v>0</v>
      </c>
      <c r="IN12" s="140"/>
      <c r="IO12" s="119">
        <v>1693238</v>
      </c>
      <c r="IP12" s="119">
        <v>2836876</v>
      </c>
      <c r="IQ12" s="119">
        <v>4809040</v>
      </c>
      <c r="IR12" s="119">
        <v>3767581</v>
      </c>
      <c r="IS12" s="119">
        <v>7761412</v>
      </c>
      <c r="IT12" s="141">
        <v>20868147</v>
      </c>
      <c r="IU12" s="318">
        <v>20868147</v>
      </c>
      <c r="IV12" s="142">
        <v>0</v>
      </c>
      <c r="IW12" s="119">
        <v>0</v>
      </c>
      <c r="IX12" s="120">
        <v>0</v>
      </c>
      <c r="IY12" s="144"/>
      <c r="IZ12" s="119">
        <v>11609</v>
      </c>
      <c r="JA12" s="119">
        <v>11609</v>
      </c>
      <c r="JB12" s="119">
        <v>11609</v>
      </c>
      <c r="JC12" s="119">
        <v>37559</v>
      </c>
      <c r="JD12" s="119">
        <v>114544</v>
      </c>
      <c r="JE12" s="120">
        <v>186930</v>
      </c>
      <c r="JF12" s="121">
        <v>186930</v>
      </c>
      <c r="JG12" s="142">
        <v>0</v>
      </c>
      <c r="JH12" s="119">
        <v>0</v>
      </c>
      <c r="JI12" s="141">
        <v>0</v>
      </c>
      <c r="JJ12" s="118">
        <v>0</v>
      </c>
      <c r="JK12" s="119">
        <v>42226772</v>
      </c>
      <c r="JL12" s="119">
        <v>64335051</v>
      </c>
      <c r="JM12" s="119">
        <v>49819031</v>
      </c>
      <c r="JN12" s="119">
        <v>30302701</v>
      </c>
      <c r="JO12" s="119">
        <v>18819170</v>
      </c>
      <c r="JP12" s="120">
        <v>205502725</v>
      </c>
      <c r="JQ12" s="318">
        <v>205502725</v>
      </c>
      <c r="JR12" s="142">
        <v>34538</v>
      </c>
      <c r="JS12" s="119">
        <v>0</v>
      </c>
      <c r="JT12" s="141">
        <v>34538</v>
      </c>
      <c r="JU12" s="118">
        <v>0</v>
      </c>
      <c r="JV12" s="119">
        <v>1504214</v>
      </c>
      <c r="JW12" s="119">
        <v>2505147</v>
      </c>
      <c r="JX12" s="119">
        <v>6002348</v>
      </c>
      <c r="JY12" s="119">
        <v>3483993</v>
      </c>
      <c r="JZ12" s="119">
        <v>3280116</v>
      </c>
      <c r="KA12" s="120">
        <v>16775818</v>
      </c>
      <c r="KB12" s="318">
        <v>16810356</v>
      </c>
      <c r="KC12" s="234">
        <v>817634</v>
      </c>
      <c r="KD12" s="230">
        <v>2275983</v>
      </c>
      <c r="KE12" s="120">
        <v>3093617</v>
      </c>
      <c r="KF12" s="118">
        <v>0</v>
      </c>
      <c r="KG12" s="119">
        <v>14628908</v>
      </c>
      <c r="KH12" s="119">
        <v>26429512</v>
      </c>
      <c r="KI12" s="119">
        <v>32329421</v>
      </c>
      <c r="KJ12" s="119">
        <v>20693622</v>
      </c>
      <c r="KK12" s="119">
        <v>6377012</v>
      </c>
      <c r="KL12" s="120">
        <v>100458475</v>
      </c>
      <c r="KM12" s="143">
        <v>103552092</v>
      </c>
      <c r="KN12" s="232">
        <v>0</v>
      </c>
      <c r="KO12" s="236">
        <v>648953</v>
      </c>
      <c r="KP12" s="237">
        <v>648953</v>
      </c>
      <c r="KQ12" s="140"/>
      <c r="KR12" s="119">
        <v>50631017</v>
      </c>
      <c r="KS12" s="119">
        <v>72929081</v>
      </c>
      <c r="KT12" s="119">
        <v>97494807</v>
      </c>
      <c r="KU12" s="119">
        <v>57018102</v>
      </c>
      <c r="KV12" s="119">
        <v>36701749</v>
      </c>
      <c r="KW12" s="120">
        <v>314774756</v>
      </c>
      <c r="KX12" s="318">
        <v>315423709</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02711</v>
      </c>
      <c r="LP12" s="119">
        <v>4087964</v>
      </c>
      <c r="LQ12" s="119">
        <v>8654731</v>
      </c>
      <c r="LR12" s="119">
        <v>2831797</v>
      </c>
      <c r="LS12" s="120">
        <v>15977203</v>
      </c>
      <c r="LT12" s="318">
        <v>15977203</v>
      </c>
      <c r="LU12" s="142">
        <v>0</v>
      </c>
      <c r="LV12" s="119">
        <v>0</v>
      </c>
      <c r="LW12" s="120">
        <v>0</v>
      </c>
      <c r="LX12" s="145"/>
      <c r="LY12" s="119">
        <v>1503258</v>
      </c>
      <c r="LZ12" s="119">
        <v>5140237</v>
      </c>
      <c r="MA12" s="119">
        <v>4664665</v>
      </c>
      <c r="MB12" s="119">
        <v>8428297</v>
      </c>
      <c r="MC12" s="119">
        <v>9872869</v>
      </c>
      <c r="MD12" s="120">
        <v>29609326</v>
      </c>
      <c r="ME12" s="121">
        <v>29609326</v>
      </c>
      <c r="MF12" s="142">
        <v>0</v>
      </c>
      <c r="MG12" s="119">
        <v>0</v>
      </c>
      <c r="MH12" s="120">
        <v>0</v>
      </c>
      <c r="MI12" s="145"/>
      <c r="MJ12" s="119">
        <v>20787777</v>
      </c>
      <c r="MK12" s="119">
        <v>63515976</v>
      </c>
      <c r="ML12" s="119">
        <v>300826726</v>
      </c>
      <c r="MM12" s="119">
        <v>516589208</v>
      </c>
      <c r="MN12" s="119">
        <v>335263858</v>
      </c>
      <c r="MO12" s="120">
        <v>1236983545</v>
      </c>
      <c r="MP12" s="143">
        <v>1236983545</v>
      </c>
      <c r="MQ12" s="142">
        <v>0</v>
      </c>
      <c r="MR12" s="119">
        <v>0</v>
      </c>
      <c r="MS12" s="120">
        <v>0</v>
      </c>
      <c r="MT12" s="145"/>
      <c r="MU12" s="119">
        <v>2021896</v>
      </c>
      <c r="MV12" s="119">
        <v>10327019</v>
      </c>
      <c r="MW12" s="119">
        <v>210805855</v>
      </c>
      <c r="MX12" s="119">
        <v>360437947</v>
      </c>
      <c r="MY12" s="119">
        <v>234861301</v>
      </c>
      <c r="MZ12" s="120">
        <v>818454018</v>
      </c>
      <c r="NA12" s="143">
        <v>818454018</v>
      </c>
      <c r="NB12" s="142">
        <v>0</v>
      </c>
      <c r="NC12" s="119">
        <v>0</v>
      </c>
      <c r="ND12" s="120">
        <v>0</v>
      </c>
      <c r="NE12" s="145"/>
      <c r="NF12" s="119">
        <v>18765881</v>
      </c>
      <c r="NG12" s="119">
        <v>53091387</v>
      </c>
      <c r="NH12" s="119">
        <v>86639057</v>
      </c>
      <c r="NI12" s="119">
        <v>122232128</v>
      </c>
      <c r="NJ12" s="119">
        <v>61164459</v>
      </c>
      <c r="NK12" s="120">
        <v>341892912</v>
      </c>
      <c r="NL12" s="318">
        <v>341892912</v>
      </c>
      <c r="NM12" s="142">
        <v>0</v>
      </c>
      <c r="NN12" s="119">
        <v>0</v>
      </c>
      <c r="NO12" s="120">
        <v>0</v>
      </c>
      <c r="NP12" s="145"/>
      <c r="NQ12" s="119">
        <v>0</v>
      </c>
      <c r="NR12" s="119">
        <v>97570</v>
      </c>
      <c r="NS12" s="119">
        <v>289811</v>
      </c>
      <c r="NT12" s="119">
        <v>7742597</v>
      </c>
      <c r="NU12" s="119">
        <v>6370854</v>
      </c>
      <c r="NV12" s="120">
        <v>14500832</v>
      </c>
      <c r="NW12" s="121">
        <v>14500832</v>
      </c>
      <c r="NX12" s="142">
        <v>0</v>
      </c>
      <c r="NY12" s="119">
        <v>0</v>
      </c>
      <c r="NZ12" s="120">
        <v>0</v>
      </c>
      <c r="OA12" s="145"/>
      <c r="OB12" s="119">
        <v>0</v>
      </c>
      <c r="OC12" s="119">
        <v>0</v>
      </c>
      <c r="OD12" s="119">
        <v>3092003</v>
      </c>
      <c r="OE12" s="119">
        <v>26176536</v>
      </c>
      <c r="OF12" s="119">
        <v>32867244</v>
      </c>
      <c r="OG12" s="120">
        <v>62135783</v>
      </c>
      <c r="OH12" s="121">
        <v>62135783</v>
      </c>
      <c r="OI12" s="142">
        <v>26781381</v>
      </c>
      <c r="OJ12" s="119">
        <v>77983021</v>
      </c>
      <c r="OK12" s="141">
        <v>104764402</v>
      </c>
      <c r="OL12" s="118">
        <v>0</v>
      </c>
      <c r="OM12" s="119">
        <v>451978232</v>
      </c>
      <c r="ON12" s="119">
        <v>756596313</v>
      </c>
      <c r="OO12" s="119">
        <v>987891697</v>
      </c>
      <c r="OP12" s="119">
        <v>1055783227</v>
      </c>
      <c r="OQ12" s="119">
        <v>709135767</v>
      </c>
      <c r="OR12" s="120">
        <v>3961385236</v>
      </c>
      <c r="OS12" s="143">
        <v>4066149638</v>
      </c>
    </row>
    <row r="13" spans="1:409" ht="21" customHeight="1" x14ac:dyDescent="0.2">
      <c r="B13" s="62" t="s">
        <v>7</v>
      </c>
      <c r="C13" s="110">
        <v>13878566</v>
      </c>
      <c r="D13" s="114">
        <v>17873234</v>
      </c>
      <c r="E13" s="113">
        <v>31751800</v>
      </c>
      <c r="F13" s="109">
        <v>0</v>
      </c>
      <c r="G13" s="114">
        <v>355860966</v>
      </c>
      <c r="H13" s="114">
        <v>326624558</v>
      </c>
      <c r="I13" s="114">
        <v>278415015</v>
      </c>
      <c r="J13" s="114">
        <v>280068830</v>
      </c>
      <c r="K13" s="114">
        <v>202239162</v>
      </c>
      <c r="L13" s="109">
        <v>1443208531</v>
      </c>
      <c r="M13" s="116">
        <v>1474960331</v>
      </c>
      <c r="N13" s="110">
        <v>1985295</v>
      </c>
      <c r="O13" s="114">
        <v>1979835</v>
      </c>
      <c r="P13" s="113">
        <v>3965130</v>
      </c>
      <c r="Q13" s="110">
        <v>0</v>
      </c>
      <c r="R13" s="114">
        <v>84630068</v>
      </c>
      <c r="S13" s="114">
        <v>90573655</v>
      </c>
      <c r="T13" s="114">
        <v>91882892</v>
      </c>
      <c r="U13" s="114">
        <v>117649214</v>
      </c>
      <c r="V13" s="114">
        <v>115386987</v>
      </c>
      <c r="W13" s="113">
        <v>500122816</v>
      </c>
      <c r="X13" s="116">
        <v>504087946</v>
      </c>
      <c r="Y13" s="110">
        <v>0</v>
      </c>
      <c r="Z13" s="114">
        <v>0</v>
      </c>
      <c r="AA13" s="113">
        <v>0</v>
      </c>
      <c r="AB13" s="110">
        <v>0</v>
      </c>
      <c r="AC13" s="114">
        <v>45052619</v>
      </c>
      <c r="AD13" s="114">
        <v>49055507</v>
      </c>
      <c r="AE13" s="114">
        <v>57890224</v>
      </c>
      <c r="AF13" s="114">
        <v>74636864</v>
      </c>
      <c r="AG13" s="114">
        <v>76630509</v>
      </c>
      <c r="AH13" s="113">
        <v>303265723</v>
      </c>
      <c r="AI13" s="116">
        <v>303265723</v>
      </c>
      <c r="AJ13" s="110">
        <v>0</v>
      </c>
      <c r="AK13" s="114">
        <v>0</v>
      </c>
      <c r="AL13" s="113">
        <v>0</v>
      </c>
      <c r="AM13" s="110">
        <v>0</v>
      </c>
      <c r="AN13" s="114">
        <v>531494</v>
      </c>
      <c r="AO13" s="114">
        <v>2387061</v>
      </c>
      <c r="AP13" s="114">
        <v>3324607</v>
      </c>
      <c r="AQ13" s="114">
        <v>7808885</v>
      </c>
      <c r="AR13" s="114">
        <v>11572797</v>
      </c>
      <c r="AS13" s="113">
        <v>25624844</v>
      </c>
      <c r="AT13" s="116">
        <v>25624844</v>
      </c>
      <c r="AU13" s="110">
        <v>300491</v>
      </c>
      <c r="AV13" s="114">
        <v>707548</v>
      </c>
      <c r="AW13" s="113">
        <v>1008039</v>
      </c>
      <c r="AX13" s="110">
        <v>0</v>
      </c>
      <c r="AY13" s="114">
        <v>21028044</v>
      </c>
      <c r="AZ13" s="114">
        <v>22602635</v>
      </c>
      <c r="BA13" s="114">
        <v>15757523</v>
      </c>
      <c r="BB13" s="114">
        <v>19121527</v>
      </c>
      <c r="BC13" s="114">
        <v>16757416</v>
      </c>
      <c r="BD13" s="113">
        <v>95267145</v>
      </c>
      <c r="BE13" s="116">
        <v>96275184</v>
      </c>
      <c r="BF13" s="110">
        <v>70109</v>
      </c>
      <c r="BG13" s="114">
        <v>211468</v>
      </c>
      <c r="BH13" s="112">
        <v>281577</v>
      </c>
      <c r="BI13" s="111">
        <v>0</v>
      </c>
      <c r="BJ13" s="114">
        <v>2091401</v>
      </c>
      <c r="BK13" s="114">
        <v>2395682</v>
      </c>
      <c r="BL13" s="114">
        <v>1975433</v>
      </c>
      <c r="BM13" s="114">
        <v>2280370</v>
      </c>
      <c r="BN13" s="114">
        <v>1060636</v>
      </c>
      <c r="BO13" s="113">
        <v>9803522</v>
      </c>
      <c r="BP13" s="116">
        <v>10085099</v>
      </c>
      <c r="BQ13" s="110">
        <v>1614695</v>
      </c>
      <c r="BR13" s="114">
        <v>1060819</v>
      </c>
      <c r="BS13" s="113">
        <v>2675514</v>
      </c>
      <c r="BT13" s="110">
        <v>0</v>
      </c>
      <c r="BU13" s="114">
        <v>15926510</v>
      </c>
      <c r="BV13" s="114">
        <v>14132770</v>
      </c>
      <c r="BW13" s="114">
        <v>12935105</v>
      </c>
      <c r="BX13" s="114">
        <v>13801568</v>
      </c>
      <c r="BY13" s="114">
        <v>9365629</v>
      </c>
      <c r="BZ13" s="113">
        <v>66161582</v>
      </c>
      <c r="CA13" s="116">
        <v>68837096</v>
      </c>
      <c r="CB13" s="110">
        <v>802918</v>
      </c>
      <c r="CC13" s="114">
        <v>2455548</v>
      </c>
      <c r="CD13" s="113">
        <v>3258466</v>
      </c>
      <c r="CE13" s="110">
        <v>0</v>
      </c>
      <c r="CF13" s="114">
        <v>98534868</v>
      </c>
      <c r="CG13" s="114">
        <v>84719966</v>
      </c>
      <c r="CH13" s="114">
        <v>54267154</v>
      </c>
      <c r="CI13" s="114">
        <v>35558500</v>
      </c>
      <c r="CJ13" s="114">
        <v>15453053</v>
      </c>
      <c r="CK13" s="113">
        <v>288533541</v>
      </c>
      <c r="CL13" s="116">
        <v>291792007</v>
      </c>
      <c r="CM13" s="110">
        <v>0</v>
      </c>
      <c r="CN13" s="114">
        <v>0</v>
      </c>
      <c r="CO13" s="113">
        <v>0</v>
      </c>
      <c r="CP13" s="111">
        <v>0</v>
      </c>
      <c r="CQ13" s="114">
        <v>84936265</v>
      </c>
      <c r="CR13" s="114">
        <v>70148910</v>
      </c>
      <c r="CS13" s="114">
        <v>43508138</v>
      </c>
      <c r="CT13" s="114">
        <v>28092816</v>
      </c>
      <c r="CU13" s="114">
        <v>12984310</v>
      </c>
      <c r="CV13" s="113">
        <v>239670439</v>
      </c>
      <c r="CW13" s="116">
        <v>239670439</v>
      </c>
      <c r="CX13" s="110">
        <v>802918</v>
      </c>
      <c r="CY13" s="114">
        <v>2455548</v>
      </c>
      <c r="CZ13" s="113">
        <v>3258466</v>
      </c>
      <c r="DA13" s="110">
        <v>0</v>
      </c>
      <c r="DB13" s="114">
        <v>13598603</v>
      </c>
      <c r="DC13" s="114">
        <v>14571056</v>
      </c>
      <c r="DD13" s="114">
        <v>10759016</v>
      </c>
      <c r="DE13" s="114">
        <v>7465684</v>
      </c>
      <c r="DF13" s="114">
        <v>2468743</v>
      </c>
      <c r="DG13" s="113">
        <v>48863102</v>
      </c>
      <c r="DH13" s="116">
        <v>52121568</v>
      </c>
      <c r="DI13" s="110">
        <v>77192</v>
      </c>
      <c r="DJ13" s="114">
        <v>130944</v>
      </c>
      <c r="DK13" s="112">
        <v>208136</v>
      </c>
      <c r="DL13" s="111">
        <v>0</v>
      </c>
      <c r="DM13" s="114">
        <v>12237301</v>
      </c>
      <c r="DN13" s="114">
        <v>20964119</v>
      </c>
      <c r="DO13" s="114">
        <v>30761733</v>
      </c>
      <c r="DP13" s="114">
        <v>21693413</v>
      </c>
      <c r="DQ13" s="114">
        <v>10036800</v>
      </c>
      <c r="DR13" s="113">
        <v>95693366</v>
      </c>
      <c r="DS13" s="116">
        <v>95901502</v>
      </c>
      <c r="DT13" s="110">
        <v>77192</v>
      </c>
      <c r="DU13" s="114">
        <v>130944</v>
      </c>
      <c r="DV13" s="113">
        <v>208136</v>
      </c>
      <c r="DW13" s="110">
        <v>0</v>
      </c>
      <c r="DX13" s="114">
        <v>11805578</v>
      </c>
      <c r="DY13" s="114">
        <v>19720185</v>
      </c>
      <c r="DZ13" s="114">
        <v>28426730</v>
      </c>
      <c r="EA13" s="114">
        <v>20207512</v>
      </c>
      <c r="EB13" s="114">
        <v>9530940</v>
      </c>
      <c r="EC13" s="113">
        <v>89690945</v>
      </c>
      <c r="ED13" s="116">
        <v>89899081</v>
      </c>
      <c r="EE13" s="110">
        <v>0</v>
      </c>
      <c r="EF13" s="112">
        <v>0</v>
      </c>
      <c r="EG13" s="113">
        <v>0</v>
      </c>
      <c r="EH13" s="110">
        <v>0</v>
      </c>
      <c r="EI13" s="114">
        <v>431723</v>
      </c>
      <c r="EJ13" s="114">
        <v>1243934</v>
      </c>
      <c r="EK13" s="114">
        <v>2335003</v>
      </c>
      <c r="EL13" s="114">
        <v>1485901</v>
      </c>
      <c r="EM13" s="114">
        <v>505860</v>
      </c>
      <c r="EN13" s="112">
        <v>6002421</v>
      </c>
      <c r="EO13" s="116">
        <v>6002421</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5"/>
      <c r="FE13" s="114">
        <v>0</v>
      </c>
      <c r="FF13" s="114">
        <v>0</v>
      </c>
      <c r="FG13" s="114">
        <v>0</v>
      </c>
      <c r="FH13" s="114">
        <v>0</v>
      </c>
      <c r="FI13" s="114">
        <v>0</v>
      </c>
      <c r="FJ13" s="113">
        <v>0</v>
      </c>
      <c r="FK13" s="116">
        <v>0</v>
      </c>
      <c r="FL13" s="110">
        <v>3413306</v>
      </c>
      <c r="FM13" s="114">
        <v>5255754</v>
      </c>
      <c r="FN13" s="113">
        <v>8669060</v>
      </c>
      <c r="FO13" s="110">
        <v>0</v>
      </c>
      <c r="FP13" s="114">
        <v>15962570</v>
      </c>
      <c r="FQ13" s="114">
        <v>31228367</v>
      </c>
      <c r="FR13" s="114">
        <v>22049698</v>
      </c>
      <c r="FS13" s="114">
        <v>20952199</v>
      </c>
      <c r="FT13" s="114">
        <v>13411275</v>
      </c>
      <c r="FU13" s="113">
        <v>103604109</v>
      </c>
      <c r="FV13" s="116">
        <v>112273169</v>
      </c>
      <c r="FW13" s="115">
        <v>1384843</v>
      </c>
      <c r="FX13" s="114">
        <v>3340220</v>
      </c>
      <c r="FY13" s="112">
        <v>4725063</v>
      </c>
      <c r="FZ13" s="111">
        <v>0</v>
      </c>
      <c r="GA13" s="114">
        <v>11953662</v>
      </c>
      <c r="GB13" s="114">
        <v>28869062</v>
      </c>
      <c r="GC13" s="114">
        <v>20060732</v>
      </c>
      <c r="GD13" s="114">
        <v>19277183</v>
      </c>
      <c r="GE13" s="114">
        <v>12667852</v>
      </c>
      <c r="GF13" s="113">
        <v>92828491</v>
      </c>
      <c r="GG13" s="316">
        <v>97553554</v>
      </c>
      <c r="GH13" s="115">
        <v>182763</v>
      </c>
      <c r="GI13" s="114">
        <v>158598</v>
      </c>
      <c r="GJ13" s="112">
        <v>341361</v>
      </c>
      <c r="GK13" s="111">
        <v>0</v>
      </c>
      <c r="GL13" s="114">
        <v>672238</v>
      </c>
      <c r="GM13" s="114">
        <v>829110</v>
      </c>
      <c r="GN13" s="114">
        <v>742765</v>
      </c>
      <c r="GO13" s="114">
        <v>623622</v>
      </c>
      <c r="GP13" s="114">
        <v>275323</v>
      </c>
      <c r="GQ13" s="113">
        <v>3143058</v>
      </c>
      <c r="GR13" s="116">
        <v>3484419</v>
      </c>
      <c r="GS13" s="110">
        <v>1845700</v>
      </c>
      <c r="GT13" s="114">
        <v>1756936</v>
      </c>
      <c r="GU13" s="113">
        <v>3602636</v>
      </c>
      <c r="GV13" s="110">
        <v>0</v>
      </c>
      <c r="GW13" s="114">
        <v>3336670</v>
      </c>
      <c r="GX13" s="114">
        <v>1530195</v>
      </c>
      <c r="GY13" s="114">
        <v>1246201</v>
      </c>
      <c r="GZ13" s="114">
        <v>1051394</v>
      </c>
      <c r="HA13" s="114">
        <v>468100</v>
      </c>
      <c r="HB13" s="112">
        <v>7632560</v>
      </c>
      <c r="HC13" s="116">
        <v>11235196</v>
      </c>
      <c r="HD13" s="110">
        <v>5569683</v>
      </c>
      <c r="HE13" s="114">
        <v>4309132</v>
      </c>
      <c r="HF13" s="112">
        <v>9878815</v>
      </c>
      <c r="HG13" s="111">
        <v>0</v>
      </c>
      <c r="HH13" s="114">
        <v>77247793</v>
      </c>
      <c r="HI13" s="114">
        <v>52361690</v>
      </c>
      <c r="HJ13" s="114">
        <v>50146691</v>
      </c>
      <c r="HK13" s="114">
        <v>62871815</v>
      </c>
      <c r="HL13" s="114">
        <v>35759842</v>
      </c>
      <c r="HM13" s="113">
        <v>278387831</v>
      </c>
      <c r="HN13" s="109">
        <v>288266646</v>
      </c>
      <c r="HO13" s="115">
        <v>2030172</v>
      </c>
      <c r="HP13" s="114">
        <v>3742021</v>
      </c>
      <c r="HQ13" s="113">
        <v>5772193</v>
      </c>
      <c r="HR13" s="110">
        <v>0</v>
      </c>
      <c r="HS13" s="114">
        <v>67248366</v>
      </c>
      <c r="HT13" s="114">
        <v>46776761</v>
      </c>
      <c r="HU13" s="114">
        <v>29306847</v>
      </c>
      <c r="HV13" s="114">
        <v>21343689</v>
      </c>
      <c r="HW13" s="114">
        <v>12191205</v>
      </c>
      <c r="HX13" s="112">
        <v>176866868</v>
      </c>
      <c r="HY13" s="116">
        <v>182639061</v>
      </c>
      <c r="HZ13" s="131">
        <v>133997</v>
      </c>
      <c r="IA13" s="132">
        <v>854497</v>
      </c>
      <c r="IB13" s="133">
        <v>988494</v>
      </c>
      <c r="IC13" s="146">
        <v>0</v>
      </c>
      <c r="ID13" s="132">
        <v>95882080</v>
      </c>
      <c r="IE13" s="147">
        <v>93067151</v>
      </c>
      <c r="IF13" s="133">
        <v>99316025</v>
      </c>
      <c r="IG13" s="132">
        <v>68759072</v>
      </c>
      <c r="IH13" s="133">
        <v>37059798</v>
      </c>
      <c r="II13" s="148">
        <v>394084126</v>
      </c>
      <c r="IJ13" s="139">
        <v>395072620</v>
      </c>
      <c r="IK13" s="232">
        <v>0</v>
      </c>
      <c r="IL13" s="236">
        <v>0</v>
      </c>
      <c r="IM13" s="237">
        <v>0</v>
      </c>
      <c r="IN13" s="140"/>
      <c r="IO13" s="119">
        <v>428770</v>
      </c>
      <c r="IP13" s="119">
        <v>666547</v>
      </c>
      <c r="IQ13" s="119">
        <v>1382491</v>
      </c>
      <c r="IR13" s="119">
        <v>2604180</v>
      </c>
      <c r="IS13" s="119">
        <v>1421276</v>
      </c>
      <c r="IT13" s="141">
        <v>6503264</v>
      </c>
      <c r="IU13" s="318">
        <v>6503264</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48537486</v>
      </c>
      <c r="JL13" s="119">
        <v>38556963</v>
      </c>
      <c r="JM13" s="119">
        <v>27749278</v>
      </c>
      <c r="JN13" s="119">
        <v>13551159</v>
      </c>
      <c r="JO13" s="119">
        <v>5593386</v>
      </c>
      <c r="JP13" s="120">
        <v>133988272</v>
      </c>
      <c r="JQ13" s="318">
        <v>133988272</v>
      </c>
      <c r="JR13" s="142">
        <v>0</v>
      </c>
      <c r="JS13" s="119">
        <v>0</v>
      </c>
      <c r="JT13" s="141">
        <v>0</v>
      </c>
      <c r="JU13" s="118">
        <v>0</v>
      </c>
      <c r="JV13" s="119">
        <v>7892046</v>
      </c>
      <c r="JW13" s="119">
        <v>10200959</v>
      </c>
      <c r="JX13" s="119">
        <v>13935548</v>
      </c>
      <c r="JY13" s="119">
        <v>8062370</v>
      </c>
      <c r="JZ13" s="119">
        <v>2708929</v>
      </c>
      <c r="KA13" s="120">
        <v>42799852</v>
      </c>
      <c r="KB13" s="318">
        <v>42799852</v>
      </c>
      <c r="KC13" s="234">
        <v>133997</v>
      </c>
      <c r="KD13" s="230">
        <v>599641</v>
      </c>
      <c r="KE13" s="120">
        <v>733638</v>
      </c>
      <c r="KF13" s="118">
        <v>0</v>
      </c>
      <c r="KG13" s="119">
        <v>5918712</v>
      </c>
      <c r="KH13" s="119">
        <v>5335932</v>
      </c>
      <c r="KI13" s="119">
        <v>10309950</v>
      </c>
      <c r="KJ13" s="119">
        <v>5520210</v>
      </c>
      <c r="KK13" s="119">
        <v>1775763</v>
      </c>
      <c r="KL13" s="120">
        <v>28860567</v>
      </c>
      <c r="KM13" s="143">
        <v>29594205</v>
      </c>
      <c r="KN13" s="232">
        <v>0</v>
      </c>
      <c r="KO13" s="236">
        <v>254856</v>
      </c>
      <c r="KP13" s="237">
        <v>254856</v>
      </c>
      <c r="KQ13" s="140"/>
      <c r="KR13" s="119">
        <v>32072449</v>
      </c>
      <c r="KS13" s="119">
        <v>37093836</v>
      </c>
      <c r="KT13" s="119">
        <v>43545688</v>
      </c>
      <c r="KU13" s="119">
        <v>35499369</v>
      </c>
      <c r="KV13" s="119">
        <v>18986206</v>
      </c>
      <c r="KW13" s="120">
        <v>167197548</v>
      </c>
      <c r="KX13" s="318">
        <v>167452404</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18">
        <v>0</v>
      </c>
      <c r="LU13" s="142">
        <v>0</v>
      </c>
      <c r="LV13" s="119">
        <v>0</v>
      </c>
      <c r="LW13" s="120">
        <v>0</v>
      </c>
      <c r="LX13" s="145"/>
      <c r="LY13" s="119">
        <v>1032617</v>
      </c>
      <c r="LZ13" s="119">
        <v>1212914</v>
      </c>
      <c r="MA13" s="119">
        <v>2393070</v>
      </c>
      <c r="MB13" s="119">
        <v>3521784</v>
      </c>
      <c r="MC13" s="119">
        <v>6574238</v>
      </c>
      <c r="MD13" s="120">
        <v>14734623</v>
      </c>
      <c r="ME13" s="121">
        <v>14734623</v>
      </c>
      <c r="MF13" s="142">
        <v>0</v>
      </c>
      <c r="MG13" s="119">
        <v>0</v>
      </c>
      <c r="MH13" s="120">
        <v>0</v>
      </c>
      <c r="MI13" s="145"/>
      <c r="MJ13" s="119">
        <v>43587189</v>
      </c>
      <c r="MK13" s="119">
        <v>66105743</v>
      </c>
      <c r="ML13" s="119">
        <v>218627446</v>
      </c>
      <c r="MM13" s="119">
        <v>344816862</v>
      </c>
      <c r="MN13" s="119">
        <v>199955811</v>
      </c>
      <c r="MO13" s="120">
        <v>873093051</v>
      </c>
      <c r="MP13" s="143">
        <v>873093051</v>
      </c>
      <c r="MQ13" s="142">
        <v>0</v>
      </c>
      <c r="MR13" s="119">
        <v>0</v>
      </c>
      <c r="MS13" s="120">
        <v>0</v>
      </c>
      <c r="MT13" s="145"/>
      <c r="MU13" s="119">
        <v>4457892</v>
      </c>
      <c r="MV13" s="119">
        <v>10069634</v>
      </c>
      <c r="MW13" s="119">
        <v>138061952</v>
      </c>
      <c r="MX13" s="119">
        <v>254275335</v>
      </c>
      <c r="MY13" s="119">
        <v>166702396</v>
      </c>
      <c r="MZ13" s="120">
        <v>573567209</v>
      </c>
      <c r="NA13" s="143">
        <v>573567209</v>
      </c>
      <c r="NB13" s="142">
        <v>0</v>
      </c>
      <c r="NC13" s="119">
        <v>0</v>
      </c>
      <c r="ND13" s="120">
        <v>0</v>
      </c>
      <c r="NE13" s="145"/>
      <c r="NF13" s="119">
        <v>39129297</v>
      </c>
      <c r="NG13" s="119">
        <v>56036109</v>
      </c>
      <c r="NH13" s="119">
        <v>79875504</v>
      </c>
      <c r="NI13" s="119">
        <v>89123159</v>
      </c>
      <c r="NJ13" s="119">
        <v>31424633</v>
      </c>
      <c r="NK13" s="120">
        <v>295588702</v>
      </c>
      <c r="NL13" s="318">
        <v>295588702</v>
      </c>
      <c r="NM13" s="142">
        <v>0</v>
      </c>
      <c r="NN13" s="119">
        <v>0</v>
      </c>
      <c r="NO13" s="120">
        <v>0</v>
      </c>
      <c r="NP13" s="145"/>
      <c r="NQ13" s="119">
        <v>0</v>
      </c>
      <c r="NR13" s="119">
        <v>0</v>
      </c>
      <c r="NS13" s="119">
        <v>0</v>
      </c>
      <c r="NT13" s="119">
        <v>660852</v>
      </c>
      <c r="NU13" s="119">
        <v>1076481</v>
      </c>
      <c r="NV13" s="120">
        <v>1737333</v>
      </c>
      <c r="NW13" s="121">
        <v>1737333</v>
      </c>
      <c r="NX13" s="142">
        <v>0</v>
      </c>
      <c r="NY13" s="119">
        <v>0</v>
      </c>
      <c r="NZ13" s="120">
        <v>0</v>
      </c>
      <c r="OA13" s="145"/>
      <c r="OB13" s="119">
        <v>0</v>
      </c>
      <c r="OC13" s="119">
        <v>0</v>
      </c>
      <c r="OD13" s="119">
        <v>689990</v>
      </c>
      <c r="OE13" s="119">
        <v>757516</v>
      </c>
      <c r="OF13" s="119">
        <v>752301</v>
      </c>
      <c r="OG13" s="120">
        <v>2199807</v>
      </c>
      <c r="OH13" s="121">
        <v>2199807</v>
      </c>
      <c r="OI13" s="142">
        <v>14012563</v>
      </c>
      <c r="OJ13" s="119">
        <v>18727731</v>
      </c>
      <c r="OK13" s="141">
        <v>32740294</v>
      </c>
      <c r="OL13" s="118">
        <v>0</v>
      </c>
      <c r="OM13" s="119">
        <v>495330235</v>
      </c>
      <c r="ON13" s="119">
        <v>485797452</v>
      </c>
      <c r="OO13" s="119">
        <v>596358486</v>
      </c>
      <c r="OP13" s="119">
        <v>693644764</v>
      </c>
      <c r="OQ13" s="119">
        <v>439254771</v>
      </c>
      <c r="OR13" s="120">
        <v>2710385708</v>
      </c>
      <c r="OS13" s="143">
        <v>2743126002</v>
      </c>
    </row>
    <row r="14" spans="1:409" ht="21" customHeight="1" x14ac:dyDescent="0.2">
      <c r="B14" s="62" t="s">
        <v>8</v>
      </c>
      <c r="C14" s="110">
        <v>12666305</v>
      </c>
      <c r="D14" s="114">
        <v>14566276</v>
      </c>
      <c r="E14" s="113">
        <v>27232581</v>
      </c>
      <c r="F14" s="109">
        <v>0</v>
      </c>
      <c r="G14" s="114">
        <v>146133183</v>
      </c>
      <c r="H14" s="114">
        <v>206668065</v>
      </c>
      <c r="I14" s="114">
        <v>190993141</v>
      </c>
      <c r="J14" s="114">
        <v>168869776</v>
      </c>
      <c r="K14" s="114">
        <v>125118790</v>
      </c>
      <c r="L14" s="109">
        <v>837782955</v>
      </c>
      <c r="M14" s="116">
        <v>865015536</v>
      </c>
      <c r="N14" s="110">
        <v>2015380</v>
      </c>
      <c r="O14" s="114">
        <v>2849217</v>
      </c>
      <c r="P14" s="113">
        <v>4864597</v>
      </c>
      <c r="Q14" s="110">
        <v>0</v>
      </c>
      <c r="R14" s="114">
        <v>39061248</v>
      </c>
      <c r="S14" s="114">
        <v>63733852</v>
      </c>
      <c r="T14" s="114">
        <v>63616417</v>
      </c>
      <c r="U14" s="114">
        <v>69378704</v>
      </c>
      <c r="V14" s="114">
        <v>67713623</v>
      </c>
      <c r="W14" s="113">
        <v>303503844</v>
      </c>
      <c r="X14" s="116">
        <v>308368441</v>
      </c>
      <c r="Y14" s="110">
        <v>0</v>
      </c>
      <c r="Z14" s="114">
        <v>0</v>
      </c>
      <c r="AA14" s="113">
        <v>0</v>
      </c>
      <c r="AB14" s="110">
        <v>0</v>
      </c>
      <c r="AC14" s="114">
        <v>20189239</v>
      </c>
      <c r="AD14" s="114">
        <v>36698973</v>
      </c>
      <c r="AE14" s="114">
        <v>42739291</v>
      </c>
      <c r="AF14" s="114">
        <v>45945432</v>
      </c>
      <c r="AG14" s="114">
        <v>43407366</v>
      </c>
      <c r="AH14" s="113">
        <v>188980301</v>
      </c>
      <c r="AI14" s="116">
        <v>188980301</v>
      </c>
      <c r="AJ14" s="110">
        <v>0</v>
      </c>
      <c r="AK14" s="114">
        <v>0</v>
      </c>
      <c r="AL14" s="113">
        <v>0</v>
      </c>
      <c r="AM14" s="110">
        <v>0</v>
      </c>
      <c r="AN14" s="114">
        <v>388075</v>
      </c>
      <c r="AO14" s="114">
        <v>1084599</v>
      </c>
      <c r="AP14" s="114">
        <v>1201946</v>
      </c>
      <c r="AQ14" s="114">
        <v>3292816</v>
      </c>
      <c r="AR14" s="114">
        <v>7079084</v>
      </c>
      <c r="AS14" s="113">
        <v>13046520</v>
      </c>
      <c r="AT14" s="116">
        <v>13046520</v>
      </c>
      <c r="AU14" s="110">
        <v>1150259</v>
      </c>
      <c r="AV14" s="114">
        <v>1896469</v>
      </c>
      <c r="AW14" s="113">
        <v>3046728</v>
      </c>
      <c r="AX14" s="110">
        <v>0</v>
      </c>
      <c r="AY14" s="114">
        <v>9851253</v>
      </c>
      <c r="AZ14" s="114">
        <v>15015094</v>
      </c>
      <c r="BA14" s="114">
        <v>10027497</v>
      </c>
      <c r="BB14" s="114">
        <v>10893237</v>
      </c>
      <c r="BC14" s="114">
        <v>10664772</v>
      </c>
      <c r="BD14" s="113">
        <v>56451853</v>
      </c>
      <c r="BE14" s="116">
        <v>59498581</v>
      </c>
      <c r="BF14" s="110">
        <v>84953</v>
      </c>
      <c r="BG14" s="114">
        <v>365198</v>
      </c>
      <c r="BH14" s="112">
        <v>450151</v>
      </c>
      <c r="BI14" s="111">
        <v>0</v>
      </c>
      <c r="BJ14" s="114">
        <v>2395094</v>
      </c>
      <c r="BK14" s="114">
        <v>3197502</v>
      </c>
      <c r="BL14" s="114">
        <v>2041719</v>
      </c>
      <c r="BM14" s="114">
        <v>1583005</v>
      </c>
      <c r="BN14" s="114">
        <v>879909</v>
      </c>
      <c r="BO14" s="113">
        <v>10097229</v>
      </c>
      <c r="BP14" s="116">
        <v>10547380</v>
      </c>
      <c r="BQ14" s="110">
        <v>780168</v>
      </c>
      <c r="BR14" s="114">
        <v>587550</v>
      </c>
      <c r="BS14" s="113">
        <v>1367718</v>
      </c>
      <c r="BT14" s="110">
        <v>0</v>
      </c>
      <c r="BU14" s="114">
        <v>6237587</v>
      </c>
      <c r="BV14" s="114">
        <v>7737684</v>
      </c>
      <c r="BW14" s="114">
        <v>7605964</v>
      </c>
      <c r="BX14" s="114">
        <v>7664214</v>
      </c>
      <c r="BY14" s="114">
        <v>5682492</v>
      </c>
      <c r="BZ14" s="113">
        <v>34927941</v>
      </c>
      <c r="CA14" s="116">
        <v>36295659</v>
      </c>
      <c r="CB14" s="110">
        <v>1165890</v>
      </c>
      <c r="CC14" s="114">
        <v>2416269</v>
      </c>
      <c r="CD14" s="113">
        <v>3582159</v>
      </c>
      <c r="CE14" s="110">
        <v>0</v>
      </c>
      <c r="CF14" s="114">
        <v>39067918</v>
      </c>
      <c r="CG14" s="114">
        <v>57687177</v>
      </c>
      <c r="CH14" s="114">
        <v>44587211</v>
      </c>
      <c r="CI14" s="114">
        <v>30662936</v>
      </c>
      <c r="CJ14" s="114">
        <v>16288360</v>
      </c>
      <c r="CK14" s="113">
        <v>188293602</v>
      </c>
      <c r="CL14" s="116">
        <v>191875761</v>
      </c>
      <c r="CM14" s="110">
        <v>0</v>
      </c>
      <c r="CN14" s="114">
        <v>0</v>
      </c>
      <c r="CO14" s="113">
        <v>0</v>
      </c>
      <c r="CP14" s="111">
        <v>0</v>
      </c>
      <c r="CQ14" s="114">
        <v>33932148</v>
      </c>
      <c r="CR14" s="114">
        <v>47044598</v>
      </c>
      <c r="CS14" s="114">
        <v>36615480</v>
      </c>
      <c r="CT14" s="114">
        <v>25192446</v>
      </c>
      <c r="CU14" s="114">
        <v>14812063</v>
      </c>
      <c r="CV14" s="113">
        <v>157596735</v>
      </c>
      <c r="CW14" s="116">
        <v>157596735</v>
      </c>
      <c r="CX14" s="110">
        <v>1165890</v>
      </c>
      <c r="CY14" s="114">
        <v>2416269</v>
      </c>
      <c r="CZ14" s="113">
        <v>3582159</v>
      </c>
      <c r="DA14" s="110">
        <v>0</v>
      </c>
      <c r="DB14" s="114">
        <v>5135770</v>
      </c>
      <c r="DC14" s="114">
        <v>10642579</v>
      </c>
      <c r="DD14" s="114">
        <v>7971731</v>
      </c>
      <c r="DE14" s="114">
        <v>5470490</v>
      </c>
      <c r="DF14" s="114">
        <v>1476297</v>
      </c>
      <c r="DG14" s="113">
        <v>30696867</v>
      </c>
      <c r="DH14" s="116">
        <v>34279026</v>
      </c>
      <c r="DI14" s="110">
        <v>48355</v>
      </c>
      <c r="DJ14" s="114">
        <v>240659</v>
      </c>
      <c r="DK14" s="112">
        <v>289014</v>
      </c>
      <c r="DL14" s="111">
        <v>0</v>
      </c>
      <c r="DM14" s="114">
        <v>4739713</v>
      </c>
      <c r="DN14" s="114">
        <v>10967433</v>
      </c>
      <c r="DO14" s="114">
        <v>26210771</v>
      </c>
      <c r="DP14" s="114">
        <v>15659504</v>
      </c>
      <c r="DQ14" s="114">
        <v>6174335</v>
      </c>
      <c r="DR14" s="113">
        <v>63751756</v>
      </c>
      <c r="DS14" s="116">
        <v>64040770</v>
      </c>
      <c r="DT14" s="110">
        <v>48355</v>
      </c>
      <c r="DU14" s="114">
        <v>240659</v>
      </c>
      <c r="DV14" s="113">
        <v>289014</v>
      </c>
      <c r="DW14" s="110">
        <v>0</v>
      </c>
      <c r="DX14" s="114">
        <v>4309890</v>
      </c>
      <c r="DY14" s="114">
        <v>10648560</v>
      </c>
      <c r="DZ14" s="114">
        <v>25422447</v>
      </c>
      <c r="EA14" s="114">
        <v>14961883</v>
      </c>
      <c r="EB14" s="114">
        <v>6134967</v>
      </c>
      <c r="EC14" s="113">
        <v>61477747</v>
      </c>
      <c r="ED14" s="116">
        <v>61766761</v>
      </c>
      <c r="EE14" s="110">
        <v>0</v>
      </c>
      <c r="EF14" s="112">
        <v>0</v>
      </c>
      <c r="EG14" s="113">
        <v>0</v>
      </c>
      <c r="EH14" s="110">
        <v>0</v>
      </c>
      <c r="EI14" s="114">
        <v>429823</v>
      </c>
      <c r="EJ14" s="114">
        <v>318873</v>
      </c>
      <c r="EK14" s="114">
        <v>788324</v>
      </c>
      <c r="EL14" s="114">
        <v>697621</v>
      </c>
      <c r="EM14" s="114">
        <v>39368</v>
      </c>
      <c r="EN14" s="112">
        <v>2274009</v>
      </c>
      <c r="EO14" s="116">
        <v>2274009</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5"/>
      <c r="FE14" s="114">
        <v>0</v>
      </c>
      <c r="FF14" s="114">
        <v>0</v>
      </c>
      <c r="FG14" s="114">
        <v>0</v>
      </c>
      <c r="FH14" s="114">
        <v>0</v>
      </c>
      <c r="FI14" s="114">
        <v>0</v>
      </c>
      <c r="FJ14" s="113">
        <v>0</v>
      </c>
      <c r="FK14" s="116">
        <v>0</v>
      </c>
      <c r="FL14" s="110">
        <v>3818649</v>
      </c>
      <c r="FM14" s="114">
        <v>4212446</v>
      </c>
      <c r="FN14" s="113">
        <v>8031095</v>
      </c>
      <c r="FO14" s="110">
        <v>0</v>
      </c>
      <c r="FP14" s="114">
        <v>8279991</v>
      </c>
      <c r="FQ14" s="114">
        <v>22267778</v>
      </c>
      <c r="FR14" s="114">
        <v>15099169</v>
      </c>
      <c r="FS14" s="114">
        <v>12372906</v>
      </c>
      <c r="FT14" s="114">
        <v>9359921</v>
      </c>
      <c r="FU14" s="113">
        <v>67379765</v>
      </c>
      <c r="FV14" s="116">
        <v>75410860</v>
      </c>
      <c r="FW14" s="115">
        <v>2183381</v>
      </c>
      <c r="FX14" s="114">
        <v>3697643</v>
      </c>
      <c r="FY14" s="112">
        <v>5881024</v>
      </c>
      <c r="FZ14" s="111">
        <v>0</v>
      </c>
      <c r="GA14" s="114">
        <v>6997958</v>
      </c>
      <c r="GB14" s="114">
        <v>20676162</v>
      </c>
      <c r="GC14" s="114">
        <v>14191266</v>
      </c>
      <c r="GD14" s="114">
        <v>11872881</v>
      </c>
      <c r="GE14" s="114">
        <v>9138117</v>
      </c>
      <c r="GF14" s="113">
        <v>62876384</v>
      </c>
      <c r="GG14" s="316">
        <v>68757408</v>
      </c>
      <c r="GH14" s="115">
        <v>170874</v>
      </c>
      <c r="GI14" s="114">
        <v>251226</v>
      </c>
      <c r="GJ14" s="112">
        <v>422100</v>
      </c>
      <c r="GK14" s="111">
        <v>0</v>
      </c>
      <c r="GL14" s="114">
        <v>438307</v>
      </c>
      <c r="GM14" s="114">
        <v>463875</v>
      </c>
      <c r="GN14" s="114">
        <v>716532</v>
      </c>
      <c r="GO14" s="114">
        <v>297425</v>
      </c>
      <c r="GP14" s="114">
        <v>79209</v>
      </c>
      <c r="GQ14" s="113">
        <v>1995348</v>
      </c>
      <c r="GR14" s="116">
        <v>2417448</v>
      </c>
      <c r="GS14" s="110">
        <v>1464394</v>
      </c>
      <c r="GT14" s="114">
        <v>263577</v>
      </c>
      <c r="GU14" s="113">
        <v>1727971</v>
      </c>
      <c r="GV14" s="110">
        <v>0</v>
      </c>
      <c r="GW14" s="114">
        <v>843726</v>
      </c>
      <c r="GX14" s="114">
        <v>1127741</v>
      </c>
      <c r="GY14" s="114">
        <v>191371</v>
      </c>
      <c r="GZ14" s="114">
        <v>202600</v>
      </c>
      <c r="HA14" s="114">
        <v>142595</v>
      </c>
      <c r="HB14" s="112">
        <v>2508033</v>
      </c>
      <c r="HC14" s="116">
        <v>4236004</v>
      </c>
      <c r="HD14" s="110">
        <v>3064214</v>
      </c>
      <c r="HE14" s="114">
        <v>1711212</v>
      </c>
      <c r="HF14" s="112">
        <v>4775426</v>
      </c>
      <c r="HG14" s="111">
        <v>0</v>
      </c>
      <c r="HH14" s="114">
        <v>28104854</v>
      </c>
      <c r="HI14" s="114">
        <v>23308418</v>
      </c>
      <c r="HJ14" s="114">
        <v>21907583</v>
      </c>
      <c r="HK14" s="114">
        <v>28540732</v>
      </c>
      <c r="HL14" s="114">
        <v>18117706</v>
      </c>
      <c r="HM14" s="113">
        <v>119979293</v>
      </c>
      <c r="HN14" s="109">
        <v>124754719</v>
      </c>
      <c r="HO14" s="115">
        <v>2553817</v>
      </c>
      <c r="HP14" s="114">
        <v>3136473</v>
      </c>
      <c r="HQ14" s="113">
        <v>5690290</v>
      </c>
      <c r="HR14" s="110">
        <v>0</v>
      </c>
      <c r="HS14" s="114">
        <v>26879459</v>
      </c>
      <c r="HT14" s="114">
        <v>28703407</v>
      </c>
      <c r="HU14" s="114">
        <v>19571990</v>
      </c>
      <c r="HV14" s="114">
        <v>12254994</v>
      </c>
      <c r="HW14" s="114">
        <v>7464845</v>
      </c>
      <c r="HX14" s="112">
        <v>94874695</v>
      </c>
      <c r="HY14" s="116">
        <v>100564985</v>
      </c>
      <c r="HZ14" s="131">
        <v>477096</v>
      </c>
      <c r="IA14" s="132">
        <v>1156329</v>
      </c>
      <c r="IB14" s="133">
        <v>1633425</v>
      </c>
      <c r="IC14" s="134">
        <v>0</v>
      </c>
      <c r="ID14" s="135">
        <v>59159977</v>
      </c>
      <c r="IE14" s="136">
        <v>68603034</v>
      </c>
      <c r="IF14" s="137">
        <v>69197227</v>
      </c>
      <c r="IG14" s="135">
        <v>51227015</v>
      </c>
      <c r="IH14" s="137">
        <v>25942913</v>
      </c>
      <c r="II14" s="138">
        <v>274130166</v>
      </c>
      <c r="IJ14" s="139">
        <v>275763591</v>
      </c>
      <c r="IK14" s="232">
        <v>0</v>
      </c>
      <c r="IL14" s="236">
        <v>0</v>
      </c>
      <c r="IM14" s="237">
        <v>0</v>
      </c>
      <c r="IN14" s="140"/>
      <c r="IO14" s="119">
        <v>475880</v>
      </c>
      <c r="IP14" s="119">
        <v>865796</v>
      </c>
      <c r="IQ14" s="119">
        <v>219852</v>
      </c>
      <c r="IR14" s="119">
        <v>1278130</v>
      </c>
      <c r="IS14" s="119">
        <v>331704</v>
      </c>
      <c r="IT14" s="141">
        <v>3171362</v>
      </c>
      <c r="IU14" s="318">
        <v>3171362</v>
      </c>
      <c r="IV14" s="142">
        <v>0</v>
      </c>
      <c r="IW14" s="119">
        <v>0</v>
      </c>
      <c r="IX14" s="120">
        <v>0</v>
      </c>
      <c r="IY14" s="144"/>
      <c r="IZ14" s="119">
        <v>38538</v>
      </c>
      <c r="JA14" s="119">
        <v>38538</v>
      </c>
      <c r="JB14" s="119">
        <v>19269</v>
      </c>
      <c r="JC14" s="119">
        <v>0</v>
      </c>
      <c r="JD14" s="119">
        <v>105840</v>
      </c>
      <c r="JE14" s="120">
        <v>202185</v>
      </c>
      <c r="JF14" s="121">
        <v>202185</v>
      </c>
      <c r="JG14" s="142">
        <v>0</v>
      </c>
      <c r="JH14" s="119">
        <v>0</v>
      </c>
      <c r="JI14" s="141">
        <v>0</v>
      </c>
      <c r="JJ14" s="118">
        <v>0</v>
      </c>
      <c r="JK14" s="119">
        <v>29667941</v>
      </c>
      <c r="JL14" s="119">
        <v>33807216</v>
      </c>
      <c r="JM14" s="119">
        <v>24420369</v>
      </c>
      <c r="JN14" s="119">
        <v>12249901</v>
      </c>
      <c r="JO14" s="119">
        <v>5612609</v>
      </c>
      <c r="JP14" s="120">
        <v>105758036</v>
      </c>
      <c r="JQ14" s="318">
        <v>105758036</v>
      </c>
      <c r="JR14" s="142">
        <v>0</v>
      </c>
      <c r="JS14" s="119">
        <v>0</v>
      </c>
      <c r="JT14" s="141">
        <v>0</v>
      </c>
      <c r="JU14" s="118">
        <v>0</v>
      </c>
      <c r="JV14" s="119">
        <v>693804</v>
      </c>
      <c r="JW14" s="119">
        <v>517692</v>
      </c>
      <c r="JX14" s="119">
        <v>1378077</v>
      </c>
      <c r="JY14" s="119">
        <v>1323547</v>
      </c>
      <c r="JZ14" s="119">
        <v>1157824</v>
      </c>
      <c r="KA14" s="120">
        <v>5070944</v>
      </c>
      <c r="KB14" s="318">
        <v>5070944</v>
      </c>
      <c r="KC14" s="234">
        <v>477096</v>
      </c>
      <c r="KD14" s="230">
        <v>1156329</v>
      </c>
      <c r="KE14" s="120">
        <v>1633425</v>
      </c>
      <c r="KF14" s="118">
        <v>0</v>
      </c>
      <c r="KG14" s="119">
        <v>9287872</v>
      </c>
      <c r="KH14" s="119">
        <v>9668618</v>
      </c>
      <c r="KI14" s="119">
        <v>12347771</v>
      </c>
      <c r="KJ14" s="119">
        <v>7061719</v>
      </c>
      <c r="KK14" s="119">
        <v>3339037</v>
      </c>
      <c r="KL14" s="120">
        <v>41705017</v>
      </c>
      <c r="KM14" s="143">
        <v>43338442</v>
      </c>
      <c r="KN14" s="232">
        <v>0</v>
      </c>
      <c r="KO14" s="236">
        <v>0</v>
      </c>
      <c r="KP14" s="237">
        <v>0</v>
      </c>
      <c r="KQ14" s="140"/>
      <c r="KR14" s="119">
        <v>16311926</v>
      </c>
      <c r="KS14" s="119">
        <v>19418816</v>
      </c>
      <c r="KT14" s="119">
        <v>21266647</v>
      </c>
      <c r="KU14" s="119">
        <v>16247595</v>
      </c>
      <c r="KV14" s="119">
        <v>9150562</v>
      </c>
      <c r="KW14" s="120">
        <v>82395546</v>
      </c>
      <c r="KX14" s="318">
        <v>82395546</v>
      </c>
      <c r="KY14" s="142">
        <v>0</v>
      </c>
      <c r="KZ14" s="119">
        <v>0</v>
      </c>
      <c r="LA14" s="120">
        <v>0</v>
      </c>
      <c r="LB14" s="145"/>
      <c r="LC14" s="119">
        <v>684644</v>
      </c>
      <c r="LD14" s="119">
        <v>1765568</v>
      </c>
      <c r="LE14" s="119">
        <v>2015878</v>
      </c>
      <c r="LF14" s="119">
        <v>3701161</v>
      </c>
      <c r="LG14" s="119">
        <v>1433813</v>
      </c>
      <c r="LH14" s="120">
        <v>9601064</v>
      </c>
      <c r="LI14" s="121">
        <v>9601064</v>
      </c>
      <c r="LJ14" s="142">
        <v>0</v>
      </c>
      <c r="LK14" s="119">
        <v>0</v>
      </c>
      <c r="LL14" s="120">
        <v>0</v>
      </c>
      <c r="LM14" s="145"/>
      <c r="LN14" s="119">
        <v>0</v>
      </c>
      <c r="LO14" s="119">
        <v>226359</v>
      </c>
      <c r="LP14" s="119">
        <v>3041069</v>
      </c>
      <c r="LQ14" s="119">
        <v>5679342</v>
      </c>
      <c r="LR14" s="119">
        <v>3033134</v>
      </c>
      <c r="LS14" s="120">
        <v>11979904</v>
      </c>
      <c r="LT14" s="318">
        <v>11979904</v>
      </c>
      <c r="LU14" s="142">
        <v>0</v>
      </c>
      <c r="LV14" s="119">
        <v>0</v>
      </c>
      <c r="LW14" s="120">
        <v>0</v>
      </c>
      <c r="LX14" s="145"/>
      <c r="LY14" s="119">
        <v>1999372</v>
      </c>
      <c r="LZ14" s="119">
        <v>2294431</v>
      </c>
      <c r="MA14" s="119">
        <v>4488295</v>
      </c>
      <c r="MB14" s="119">
        <v>3685620</v>
      </c>
      <c r="MC14" s="119">
        <v>1778390</v>
      </c>
      <c r="MD14" s="120">
        <v>14246108</v>
      </c>
      <c r="ME14" s="121">
        <v>14246108</v>
      </c>
      <c r="MF14" s="142">
        <v>0</v>
      </c>
      <c r="MG14" s="119">
        <v>0</v>
      </c>
      <c r="MH14" s="120">
        <v>0</v>
      </c>
      <c r="MI14" s="145"/>
      <c r="MJ14" s="119">
        <v>14757374</v>
      </c>
      <c r="MK14" s="119">
        <v>39998952</v>
      </c>
      <c r="ML14" s="119">
        <v>140440796</v>
      </c>
      <c r="MM14" s="119">
        <v>159559360</v>
      </c>
      <c r="MN14" s="119">
        <v>97277351</v>
      </c>
      <c r="MO14" s="120">
        <v>452033833</v>
      </c>
      <c r="MP14" s="143">
        <v>452033833</v>
      </c>
      <c r="MQ14" s="142">
        <v>0</v>
      </c>
      <c r="MR14" s="119">
        <v>0</v>
      </c>
      <c r="MS14" s="120">
        <v>0</v>
      </c>
      <c r="MT14" s="145"/>
      <c r="MU14" s="119">
        <v>3348890</v>
      </c>
      <c r="MV14" s="119">
        <v>13740723</v>
      </c>
      <c r="MW14" s="119">
        <v>93211358</v>
      </c>
      <c r="MX14" s="119">
        <v>117067040</v>
      </c>
      <c r="MY14" s="119">
        <v>71739642</v>
      </c>
      <c r="MZ14" s="120">
        <v>299107653</v>
      </c>
      <c r="NA14" s="143">
        <v>299107653</v>
      </c>
      <c r="NB14" s="142">
        <v>0</v>
      </c>
      <c r="NC14" s="119">
        <v>0</v>
      </c>
      <c r="ND14" s="120">
        <v>0</v>
      </c>
      <c r="NE14" s="145"/>
      <c r="NF14" s="119">
        <v>11190324</v>
      </c>
      <c r="NG14" s="119">
        <v>26030669</v>
      </c>
      <c r="NH14" s="119">
        <v>46182931</v>
      </c>
      <c r="NI14" s="119">
        <v>40119305</v>
      </c>
      <c r="NJ14" s="119">
        <v>22957273</v>
      </c>
      <c r="NK14" s="120">
        <v>146480502</v>
      </c>
      <c r="NL14" s="318">
        <v>146480502</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218160</v>
      </c>
      <c r="OC14" s="119">
        <v>227560</v>
      </c>
      <c r="OD14" s="119">
        <v>1046507</v>
      </c>
      <c r="OE14" s="119">
        <v>2373015</v>
      </c>
      <c r="OF14" s="119">
        <v>2580436</v>
      </c>
      <c r="OG14" s="120">
        <v>6445678</v>
      </c>
      <c r="OH14" s="121">
        <v>6445678</v>
      </c>
      <c r="OI14" s="142">
        <v>13143401</v>
      </c>
      <c r="OJ14" s="119">
        <v>15722605</v>
      </c>
      <c r="OK14" s="141">
        <v>28866006</v>
      </c>
      <c r="OL14" s="118">
        <v>0</v>
      </c>
      <c r="OM14" s="119">
        <v>220050534</v>
      </c>
      <c r="ON14" s="119">
        <v>315270051</v>
      </c>
      <c r="OO14" s="119">
        <v>400631164</v>
      </c>
      <c r="OP14" s="119">
        <v>379656151</v>
      </c>
      <c r="OQ14" s="119">
        <v>248339054</v>
      </c>
      <c r="OR14" s="120">
        <v>1563946954</v>
      </c>
      <c r="OS14" s="143">
        <v>1592812960</v>
      </c>
    </row>
    <row r="15" spans="1:409" ht="21" customHeight="1" x14ac:dyDescent="0.2">
      <c r="B15" s="62" t="s">
        <v>9</v>
      </c>
      <c r="C15" s="110">
        <v>11425870</v>
      </c>
      <c r="D15" s="114">
        <v>14759475</v>
      </c>
      <c r="E15" s="113">
        <v>26185345</v>
      </c>
      <c r="F15" s="111">
        <v>0</v>
      </c>
      <c r="G15" s="114">
        <v>147820973</v>
      </c>
      <c r="H15" s="114">
        <v>152976397</v>
      </c>
      <c r="I15" s="114">
        <v>148327497</v>
      </c>
      <c r="J15" s="114">
        <v>157192946</v>
      </c>
      <c r="K15" s="114">
        <v>122840180</v>
      </c>
      <c r="L15" s="109">
        <v>729157993</v>
      </c>
      <c r="M15" s="116">
        <v>755343338</v>
      </c>
      <c r="N15" s="110">
        <v>1893532</v>
      </c>
      <c r="O15" s="114">
        <v>2940798</v>
      </c>
      <c r="P15" s="113">
        <v>4834330</v>
      </c>
      <c r="Q15" s="110">
        <v>0</v>
      </c>
      <c r="R15" s="114">
        <v>44314574</v>
      </c>
      <c r="S15" s="114">
        <v>47756163</v>
      </c>
      <c r="T15" s="114">
        <v>50865294</v>
      </c>
      <c r="U15" s="114">
        <v>64094001</v>
      </c>
      <c r="V15" s="114">
        <v>65807457</v>
      </c>
      <c r="W15" s="113">
        <v>272837489</v>
      </c>
      <c r="X15" s="116">
        <v>277671819</v>
      </c>
      <c r="Y15" s="110">
        <v>0</v>
      </c>
      <c r="Z15" s="114">
        <v>0</v>
      </c>
      <c r="AA15" s="113">
        <v>0</v>
      </c>
      <c r="AB15" s="110">
        <v>0</v>
      </c>
      <c r="AC15" s="114">
        <v>21041807</v>
      </c>
      <c r="AD15" s="114">
        <v>25288702</v>
      </c>
      <c r="AE15" s="114">
        <v>29204141</v>
      </c>
      <c r="AF15" s="114">
        <v>37965334</v>
      </c>
      <c r="AG15" s="114">
        <v>42982775</v>
      </c>
      <c r="AH15" s="113">
        <v>156482759</v>
      </c>
      <c r="AI15" s="116">
        <v>156482759</v>
      </c>
      <c r="AJ15" s="110">
        <v>0</v>
      </c>
      <c r="AK15" s="114">
        <v>0</v>
      </c>
      <c r="AL15" s="113">
        <v>0</v>
      </c>
      <c r="AM15" s="110">
        <v>0</v>
      </c>
      <c r="AN15" s="114">
        <v>345817</v>
      </c>
      <c r="AO15" s="114">
        <v>365223</v>
      </c>
      <c r="AP15" s="114">
        <v>1250397</v>
      </c>
      <c r="AQ15" s="114">
        <v>3315400</v>
      </c>
      <c r="AR15" s="114">
        <v>5410954</v>
      </c>
      <c r="AS15" s="113">
        <v>10687791</v>
      </c>
      <c r="AT15" s="116">
        <v>10687791</v>
      </c>
      <c r="AU15" s="110">
        <v>811867</v>
      </c>
      <c r="AV15" s="114">
        <v>2005486</v>
      </c>
      <c r="AW15" s="113">
        <v>2817353</v>
      </c>
      <c r="AX15" s="110">
        <v>0</v>
      </c>
      <c r="AY15" s="114">
        <v>14053380</v>
      </c>
      <c r="AZ15" s="114">
        <v>12539412</v>
      </c>
      <c r="BA15" s="114">
        <v>10577443</v>
      </c>
      <c r="BB15" s="114">
        <v>12307034</v>
      </c>
      <c r="BC15" s="114">
        <v>9920695</v>
      </c>
      <c r="BD15" s="113">
        <v>59397964</v>
      </c>
      <c r="BE15" s="116">
        <v>62215317</v>
      </c>
      <c r="BF15" s="110">
        <v>42027</v>
      </c>
      <c r="BG15" s="114">
        <v>290828</v>
      </c>
      <c r="BH15" s="112">
        <v>332855</v>
      </c>
      <c r="BI15" s="111">
        <v>0</v>
      </c>
      <c r="BJ15" s="114">
        <v>1589425</v>
      </c>
      <c r="BK15" s="114">
        <v>1815735</v>
      </c>
      <c r="BL15" s="114">
        <v>1717481</v>
      </c>
      <c r="BM15" s="114">
        <v>1452076</v>
      </c>
      <c r="BN15" s="114">
        <v>970375</v>
      </c>
      <c r="BO15" s="113">
        <v>7545092</v>
      </c>
      <c r="BP15" s="116">
        <v>7877947</v>
      </c>
      <c r="BQ15" s="110">
        <v>1039638</v>
      </c>
      <c r="BR15" s="114">
        <v>644484</v>
      </c>
      <c r="BS15" s="113">
        <v>1684122</v>
      </c>
      <c r="BT15" s="110">
        <v>0</v>
      </c>
      <c r="BU15" s="114">
        <v>7284145</v>
      </c>
      <c r="BV15" s="114">
        <v>7747091</v>
      </c>
      <c r="BW15" s="114">
        <v>8115832</v>
      </c>
      <c r="BX15" s="114">
        <v>9054157</v>
      </c>
      <c r="BY15" s="114">
        <v>6522658</v>
      </c>
      <c r="BZ15" s="113">
        <v>38723883</v>
      </c>
      <c r="CA15" s="116">
        <v>40408005</v>
      </c>
      <c r="CB15" s="110">
        <v>957301</v>
      </c>
      <c r="CC15" s="114">
        <v>2813339</v>
      </c>
      <c r="CD15" s="113">
        <v>3770640</v>
      </c>
      <c r="CE15" s="110">
        <v>0</v>
      </c>
      <c r="CF15" s="114">
        <v>33846502</v>
      </c>
      <c r="CG15" s="114">
        <v>34038783</v>
      </c>
      <c r="CH15" s="114">
        <v>25979978</v>
      </c>
      <c r="CI15" s="114">
        <v>22053765</v>
      </c>
      <c r="CJ15" s="114">
        <v>6515335</v>
      </c>
      <c r="CK15" s="113">
        <v>122434363</v>
      </c>
      <c r="CL15" s="116">
        <v>126205003</v>
      </c>
      <c r="CM15" s="110">
        <v>0</v>
      </c>
      <c r="CN15" s="114">
        <v>0</v>
      </c>
      <c r="CO15" s="113">
        <v>0</v>
      </c>
      <c r="CP15" s="111">
        <v>0</v>
      </c>
      <c r="CQ15" s="114">
        <v>28130076</v>
      </c>
      <c r="CR15" s="114">
        <v>27069212</v>
      </c>
      <c r="CS15" s="114">
        <v>20261032</v>
      </c>
      <c r="CT15" s="114">
        <v>16199646</v>
      </c>
      <c r="CU15" s="114">
        <v>4330864</v>
      </c>
      <c r="CV15" s="113">
        <v>95990830</v>
      </c>
      <c r="CW15" s="116">
        <v>95990830</v>
      </c>
      <c r="CX15" s="110">
        <v>957301</v>
      </c>
      <c r="CY15" s="114">
        <v>2813339</v>
      </c>
      <c r="CZ15" s="113">
        <v>3770640</v>
      </c>
      <c r="DA15" s="110">
        <v>0</v>
      </c>
      <c r="DB15" s="114">
        <v>5716426</v>
      </c>
      <c r="DC15" s="114">
        <v>6969571</v>
      </c>
      <c r="DD15" s="114">
        <v>5718946</v>
      </c>
      <c r="DE15" s="114">
        <v>5854119</v>
      </c>
      <c r="DF15" s="114">
        <v>2184471</v>
      </c>
      <c r="DG15" s="113">
        <v>26443533</v>
      </c>
      <c r="DH15" s="116">
        <v>30214173</v>
      </c>
      <c r="DI15" s="110">
        <v>38284</v>
      </c>
      <c r="DJ15" s="114">
        <v>126260</v>
      </c>
      <c r="DK15" s="112">
        <v>164544</v>
      </c>
      <c r="DL15" s="111">
        <v>0</v>
      </c>
      <c r="DM15" s="114">
        <v>4261783</v>
      </c>
      <c r="DN15" s="114">
        <v>9482081</v>
      </c>
      <c r="DO15" s="114">
        <v>17255300</v>
      </c>
      <c r="DP15" s="114">
        <v>11317804</v>
      </c>
      <c r="DQ15" s="114">
        <v>6487956</v>
      </c>
      <c r="DR15" s="113">
        <v>48804924</v>
      </c>
      <c r="DS15" s="116">
        <v>48969468</v>
      </c>
      <c r="DT15" s="110">
        <v>38284</v>
      </c>
      <c r="DU15" s="114">
        <v>91561</v>
      </c>
      <c r="DV15" s="113">
        <v>129845</v>
      </c>
      <c r="DW15" s="110">
        <v>0</v>
      </c>
      <c r="DX15" s="114">
        <v>3768901</v>
      </c>
      <c r="DY15" s="114">
        <v>8735462</v>
      </c>
      <c r="DZ15" s="114">
        <v>15354166</v>
      </c>
      <c r="EA15" s="114">
        <v>9306476</v>
      </c>
      <c r="EB15" s="114">
        <v>5575439</v>
      </c>
      <c r="EC15" s="113">
        <v>42740444</v>
      </c>
      <c r="ED15" s="116">
        <v>42870289</v>
      </c>
      <c r="EE15" s="110">
        <v>0</v>
      </c>
      <c r="EF15" s="112">
        <v>34699</v>
      </c>
      <c r="EG15" s="113">
        <v>34699</v>
      </c>
      <c r="EH15" s="110">
        <v>0</v>
      </c>
      <c r="EI15" s="114">
        <v>492882</v>
      </c>
      <c r="EJ15" s="114">
        <v>746619</v>
      </c>
      <c r="EK15" s="114">
        <v>1901134</v>
      </c>
      <c r="EL15" s="114">
        <v>2011328</v>
      </c>
      <c r="EM15" s="114">
        <v>912517</v>
      </c>
      <c r="EN15" s="112">
        <v>6064480</v>
      </c>
      <c r="EO15" s="116">
        <v>6099179</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5"/>
      <c r="FE15" s="114">
        <v>0</v>
      </c>
      <c r="FF15" s="114">
        <v>0</v>
      </c>
      <c r="FG15" s="114">
        <v>0</v>
      </c>
      <c r="FH15" s="114">
        <v>0</v>
      </c>
      <c r="FI15" s="114">
        <v>0</v>
      </c>
      <c r="FJ15" s="113">
        <v>0</v>
      </c>
      <c r="FK15" s="116">
        <v>0</v>
      </c>
      <c r="FL15" s="110">
        <v>3543553</v>
      </c>
      <c r="FM15" s="114">
        <v>4017601</v>
      </c>
      <c r="FN15" s="113">
        <v>7561154</v>
      </c>
      <c r="FO15" s="110">
        <v>0</v>
      </c>
      <c r="FP15" s="114">
        <v>9430852</v>
      </c>
      <c r="FQ15" s="114">
        <v>13458001</v>
      </c>
      <c r="FR15" s="114">
        <v>11288882</v>
      </c>
      <c r="FS15" s="114">
        <v>11387966</v>
      </c>
      <c r="FT15" s="114">
        <v>8620570</v>
      </c>
      <c r="FU15" s="113">
        <v>54186271</v>
      </c>
      <c r="FV15" s="116">
        <v>61747425</v>
      </c>
      <c r="FW15" s="115">
        <v>1882270</v>
      </c>
      <c r="FX15" s="114">
        <v>2938631</v>
      </c>
      <c r="FY15" s="112">
        <v>4820901</v>
      </c>
      <c r="FZ15" s="111">
        <v>0</v>
      </c>
      <c r="GA15" s="114">
        <v>7658861</v>
      </c>
      <c r="GB15" s="114">
        <v>12589056</v>
      </c>
      <c r="GC15" s="114">
        <v>10501973</v>
      </c>
      <c r="GD15" s="114">
        <v>10906219</v>
      </c>
      <c r="GE15" s="114">
        <v>8314474</v>
      </c>
      <c r="GF15" s="113">
        <v>49970583</v>
      </c>
      <c r="GG15" s="316">
        <v>54791484</v>
      </c>
      <c r="GH15" s="115">
        <v>91931</v>
      </c>
      <c r="GI15" s="114">
        <v>337692</v>
      </c>
      <c r="GJ15" s="112">
        <v>429623</v>
      </c>
      <c r="GK15" s="111">
        <v>0</v>
      </c>
      <c r="GL15" s="114">
        <v>635001</v>
      </c>
      <c r="GM15" s="114">
        <v>183908</v>
      </c>
      <c r="GN15" s="114">
        <v>373609</v>
      </c>
      <c r="GO15" s="114">
        <v>137947</v>
      </c>
      <c r="GP15" s="114">
        <v>232033</v>
      </c>
      <c r="GQ15" s="113">
        <v>1562498</v>
      </c>
      <c r="GR15" s="116">
        <v>1992121</v>
      </c>
      <c r="GS15" s="110">
        <v>1569352</v>
      </c>
      <c r="GT15" s="114">
        <v>741278</v>
      </c>
      <c r="GU15" s="113">
        <v>2310630</v>
      </c>
      <c r="GV15" s="110">
        <v>0</v>
      </c>
      <c r="GW15" s="114">
        <v>1136990</v>
      </c>
      <c r="GX15" s="114">
        <v>685037</v>
      </c>
      <c r="GY15" s="114">
        <v>413300</v>
      </c>
      <c r="GZ15" s="114">
        <v>343800</v>
      </c>
      <c r="HA15" s="114">
        <v>74063</v>
      </c>
      <c r="HB15" s="112">
        <v>2653190</v>
      </c>
      <c r="HC15" s="116">
        <v>4963820</v>
      </c>
      <c r="HD15" s="110">
        <v>2917274</v>
      </c>
      <c r="HE15" s="114">
        <v>2038123</v>
      </c>
      <c r="HF15" s="112">
        <v>4955397</v>
      </c>
      <c r="HG15" s="111">
        <v>0</v>
      </c>
      <c r="HH15" s="114">
        <v>29642814</v>
      </c>
      <c r="HI15" s="114">
        <v>28772417</v>
      </c>
      <c r="HJ15" s="114">
        <v>28922479</v>
      </c>
      <c r="HK15" s="114">
        <v>37042010</v>
      </c>
      <c r="HL15" s="114">
        <v>28841131</v>
      </c>
      <c r="HM15" s="113">
        <v>153220851</v>
      </c>
      <c r="HN15" s="109">
        <v>158176248</v>
      </c>
      <c r="HO15" s="115">
        <v>2075926</v>
      </c>
      <c r="HP15" s="114">
        <v>2823354</v>
      </c>
      <c r="HQ15" s="113">
        <v>4899280</v>
      </c>
      <c r="HR15" s="110">
        <v>0</v>
      </c>
      <c r="HS15" s="114">
        <v>26324448</v>
      </c>
      <c r="HT15" s="114">
        <v>19468952</v>
      </c>
      <c r="HU15" s="114">
        <v>14015564</v>
      </c>
      <c r="HV15" s="114">
        <v>11297400</v>
      </c>
      <c r="HW15" s="114">
        <v>6567731</v>
      </c>
      <c r="HX15" s="112">
        <v>77674095</v>
      </c>
      <c r="HY15" s="116">
        <v>82573375</v>
      </c>
      <c r="HZ15" s="128">
        <v>321167</v>
      </c>
      <c r="IA15" s="149">
        <v>1282044</v>
      </c>
      <c r="IB15" s="129">
        <v>1603211</v>
      </c>
      <c r="IC15" s="146">
        <v>0</v>
      </c>
      <c r="ID15" s="132">
        <v>32950494</v>
      </c>
      <c r="IE15" s="147">
        <v>38299427</v>
      </c>
      <c r="IF15" s="133">
        <v>50472008</v>
      </c>
      <c r="IG15" s="132">
        <v>38596598</v>
      </c>
      <c r="IH15" s="133">
        <v>24657429</v>
      </c>
      <c r="II15" s="148">
        <v>184975956</v>
      </c>
      <c r="IJ15" s="130">
        <v>186579167</v>
      </c>
      <c r="IK15" s="232">
        <v>0</v>
      </c>
      <c r="IL15" s="236">
        <v>0</v>
      </c>
      <c r="IM15" s="237">
        <v>0</v>
      </c>
      <c r="IN15" s="140"/>
      <c r="IO15" s="119">
        <v>0</v>
      </c>
      <c r="IP15" s="119">
        <v>768272</v>
      </c>
      <c r="IQ15" s="119">
        <v>813511</v>
      </c>
      <c r="IR15" s="119">
        <v>2706795</v>
      </c>
      <c r="IS15" s="119">
        <v>976197</v>
      </c>
      <c r="IT15" s="141">
        <v>5264775</v>
      </c>
      <c r="IU15" s="318">
        <v>5264775</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8171170</v>
      </c>
      <c r="JL15" s="119">
        <v>14144376</v>
      </c>
      <c r="JM15" s="119">
        <v>15695984</v>
      </c>
      <c r="JN15" s="119">
        <v>9838134</v>
      </c>
      <c r="JO15" s="119">
        <v>3649912</v>
      </c>
      <c r="JP15" s="120">
        <v>61499576</v>
      </c>
      <c r="JQ15" s="318">
        <v>61499576</v>
      </c>
      <c r="JR15" s="142">
        <v>0</v>
      </c>
      <c r="JS15" s="119">
        <v>0</v>
      </c>
      <c r="JT15" s="141">
        <v>0</v>
      </c>
      <c r="JU15" s="118">
        <v>0</v>
      </c>
      <c r="JV15" s="119">
        <v>306945</v>
      </c>
      <c r="JW15" s="119">
        <v>553769</v>
      </c>
      <c r="JX15" s="119">
        <v>934700</v>
      </c>
      <c r="JY15" s="119">
        <v>302363</v>
      </c>
      <c r="JZ15" s="119">
        <v>791553</v>
      </c>
      <c r="KA15" s="120">
        <v>2889330</v>
      </c>
      <c r="KB15" s="318">
        <v>2889330</v>
      </c>
      <c r="KC15" s="234">
        <v>321167</v>
      </c>
      <c r="KD15" s="230">
        <v>781356</v>
      </c>
      <c r="KE15" s="120">
        <v>1102523</v>
      </c>
      <c r="KF15" s="118">
        <v>0</v>
      </c>
      <c r="KG15" s="119">
        <v>3732860</v>
      </c>
      <c r="KH15" s="119">
        <v>7588929</v>
      </c>
      <c r="KI15" s="119">
        <v>4622482</v>
      </c>
      <c r="KJ15" s="119">
        <v>6445548</v>
      </c>
      <c r="KK15" s="119">
        <v>2104324</v>
      </c>
      <c r="KL15" s="120">
        <v>24494143</v>
      </c>
      <c r="KM15" s="143">
        <v>25596666</v>
      </c>
      <c r="KN15" s="232">
        <v>0</v>
      </c>
      <c r="KO15" s="236">
        <v>500688</v>
      </c>
      <c r="KP15" s="237">
        <v>500688</v>
      </c>
      <c r="KQ15" s="140"/>
      <c r="KR15" s="119">
        <v>9124561</v>
      </c>
      <c r="KS15" s="119">
        <v>13674564</v>
      </c>
      <c r="KT15" s="119">
        <v>24436047</v>
      </c>
      <c r="KU15" s="119">
        <v>14433829</v>
      </c>
      <c r="KV15" s="119">
        <v>9660643</v>
      </c>
      <c r="KW15" s="120">
        <v>71329644</v>
      </c>
      <c r="KX15" s="318">
        <v>71830332</v>
      </c>
      <c r="KY15" s="142">
        <v>0</v>
      </c>
      <c r="KZ15" s="119">
        <v>0</v>
      </c>
      <c r="LA15" s="120">
        <v>0</v>
      </c>
      <c r="LB15" s="145"/>
      <c r="LC15" s="119">
        <v>513650</v>
      </c>
      <c r="LD15" s="119">
        <v>664089</v>
      </c>
      <c r="LE15" s="119">
        <v>886456</v>
      </c>
      <c r="LF15" s="119">
        <v>1651275</v>
      </c>
      <c r="LG15" s="119">
        <v>1317173</v>
      </c>
      <c r="LH15" s="120">
        <v>5032643</v>
      </c>
      <c r="LI15" s="121">
        <v>5032643</v>
      </c>
      <c r="LJ15" s="142">
        <v>0</v>
      </c>
      <c r="LK15" s="119">
        <v>0</v>
      </c>
      <c r="LL15" s="120">
        <v>0</v>
      </c>
      <c r="LM15" s="145"/>
      <c r="LN15" s="119">
        <v>0</v>
      </c>
      <c r="LO15" s="119">
        <v>0</v>
      </c>
      <c r="LP15" s="119">
        <v>0</v>
      </c>
      <c r="LQ15" s="119">
        <v>319184</v>
      </c>
      <c r="LR15" s="119">
        <v>0</v>
      </c>
      <c r="LS15" s="120">
        <v>319184</v>
      </c>
      <c r="LT15" s="318">
        <v>319184</v>
      </c>
      <c r="LU15" s="142">
        <v>0</v>
      </c>
      <c r="LV15" s="119">
        <v>0</v>
      </c>
      <c r="LW15" s="120">
        <v>0</v>
      </c>
      <c r="LX15" s="145"/>
      <c r="LY15" s="119">
        <v>1101308</v>
      </c>
      <c r="LZ15" s="119">
        <v>905428</v>
      </c>
      <c r="MA15" s="119">
        <v>3082828</v>
      </c>
      <c r="MB15" s="119">
        <v>2899470</v>
      </c>
      <c r="MC15" s="119">
        <v>6157627</v>
      </c>
      <c r="MD15" s="120">
        <v>14146661</v>
      </c>
      <c r="ME15" s="121">
        <v>14146661</v>
      </c>
      <c r="MF15" s="142">
        <v>0</v>
      </c>
      <c r="MG15" s="119">
        <v>0</v>
      </c>
      <c r="MH15" s="120">
        <v>0</v>
      </c>
      <c r="MI15" s="145"/>
      <c r="MJ15" s="119">
        <v>9146310</v>
      </c>
      <c r="MK15" s="119">
        <v>17974474</v>
      </c>
      <c r="ML15" s="119">
        <v>85700139</v>
      </c>
      <c r="MM15" s="119">
        <v>144692943</v>
      </c>
      <c r="MN15" s="119">
        <v>106000630</v>
      </c>
      <c r="MO15" s="120">
        <v>363514496</v>
      </c>
      <c r="MP15" s="143">
        <v>363514496</v>
      </c>
      <c r="MQ15" s="142">
        <v>0</v>
      </c>
      <c r="MR15" s="119">
        <v>0</v>
      </c>
      <c r="MS15" s="120">
        <v>0</v>
      </c>
      <c r="MT15" s="145"/>
      <c r="MU15" s="119">
        <v>1417331</v>
      </c>
      <c r="MV15" s="119">
        <v>958928</v>
      </c>
      <c r="MW15" s="119">
        <v>56093309</v>
      </c>
      <c r="MX15" s="119">
        <v>106227259</v>
      </c>
      <c r="MY15" s="119">
        <v>83688494</v>
      </c>
      <c r="MZ15" s="120">
        <v>248385321</v>
      </c>
      <c r="NA15" s="143">
        <v>248385321</v>
      </c>
      <c r="NB15" s="142">
        <v>0</v>
      </c>
      <c r="NC15" s="119">
        <v>0</v>
      </c>
      <c r="ND15" s="120">
        <v>0</v>
      </c>
      <c r="NE15" s="145"/>
      <c r="NF15" s="119">
        <v>7728979</v>
      </c>
      <c r="NG15" s="119">
        <v>17015546</v>
      </c>
      <c r="NH15" s="119">
        <v>29258051</v>
      </c>
      <c r="NI15" s="119">
        <v>37410785</v>
      </c>
      <c r="NJ15" s="119">
        <v>19941677</v>
      </c>
      <c r="NK15" s="120">
        <v>111355038</v>
      </c>
      <c r="NL15" s="318">
        <v>111355038</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348779</v>
      </c>
      <c r="OE15" s="119">
        <v>1054899</v>
      </c>
      <c r="OF15" s="119">
        <v>2370459</v>
      </c>
      <c r="OG15" s="120">
        <v>3774137</v>
      </c>
      <c r="OH15" s="121">
        <v>3774137</v>
      </c>
      <c r="OI15" s="142">
        <v>11747037</v>
      </c>
      <c r="OJ15" s="119">
        <v>16041519</v>
      </c>
      <c r="OK15" s="141">
        <v>27788556</v>
      </c>
      <c r="OL15" s="118">
        <v>0</v>
      </c>
      <c r="OM15" s="119">
        <v>189917777</v>
      </c>
      <c r="ON15" s="119">
        <v>209250298</v>
      </c>
      <c r="OO15" s="119">
        <v>284499644</v>
      </c>
      <c r="OP15" s="119">
        <v>340482487</v>
      </c>
      <c r="OQ15" s="119">
        <v>253498239</v>
      </c>
      <c r="OR15" s="120">
        <v>1277648445</v>
      </c>
      <c r="OS15" s="143">
        <v>1305437001</v>
      </c>
    </row>
    <row r="16" spans="1:409" ht="21" customHeight="1" x14ac:dyDescent="0.2">
      <c r="B16" s="62" t="s">
        <v>10</v>
      </c>
      <c r="C16" s="110">
        <v>25119377</v>
      </c>
      <c r="D16" s="114">
        <v>40533316</v>
      </c>
      <c r="E16" s="113">
        <v>65652693</v>
      </c>
      <c r="F16" s="172">
        <v>0</v>
      </c>
      <c r="G16" s="114">
        <v>321575294</v>
      </c>
      <c r="H16" s="114">
        <v>271550054</v>
      </c>
      <c r="I16" s="114">
        <v>243824518</v>
      </c>
      <c r="J16" s="114">
        <v>255318194</v>
      </c>
      <c r="K16" s="114">
        <v>198905169</v>
      </c>
      <c r="L16" s="109">
        <v>1291173229</v>
      </c>
      <c r="M16" s="116">
        <v>1356825922</v>
      </c>
      <c r="N16" s="110">
        <v>6404033</v>
      </c>
      <c r="O16" s="114">
        <v>13093514</v>
      </c>
      <c r="P16" s="113">
        <v>19497547</v>
      </c>
      <c r="Q16" s="110">
        <v>0</v>
      </c>
      <c r="R16" s="114">
        <v>102527747</v>
      </c>
      <c r="S16" s="114">
        <v>90922813</v>
      </c>
      <c r="T16" s="114">
        <v>88254788</v>
      </c>
      <c r="U16" s="114">
        <v>109751112</v>
      </c>
      <c r="V16" s="114">
        <v>107924027</v>
      </c>
      <c r="W16" s="113">
        <v>499380487</v>
      </c>
      <c r="X16" s="116">
        <v>518878034</v>
      </c>
      <c r="Y16" s="110">
        <v>0</v>
      </c>
      <c r="Z16" s="114">
        <v>0</v>
      </c>
      <c r="AA16" s="113">
        <v>0</v>
      </c>
      <c r="AB16" s="110">
        <v>0</v>
      </c>
      <c r="AC16" s="114">
        <v>50592663</v>
      </c>
      <c r="AD16" s="114">
        <v>47154980</v>
      </c>
      <c r="AE16" s="114">
        <v>54960423</v>
      </c>
      <c r="AF16" s="114">
        <v>74000045</v>
      </c>
      <c r="AG16" s="114">
        <v>65528479</v>
      </c>
      <c r="AH16" s="113">
        <v>292236590</v>
      </c>
      <c r="AI16" s="116">
        <v>292236590</v>
      </c>
      <c r="AJ16" s="110">
        <v>0</v>
      </c>
      <c r="AK16" s="114">
        <v>28847</v>
      </c>
      <c r="AL16" s="113">
        <v>28847</v>
      </c>
      <c r="AM16" s="110">
        <v>0</v>
      </c>
      <c r="AN16" s="114">
        <v>874744</v>
      </c>
      <c r="AO16" s="114">
        <v>1151929</v>
      </c>
      <c r="AP16" s="114">
        <v>2110887</v>
      </c>
      <c r="AQ16" s="114">
        <v>5292460</v>
      </c>
      <c r="AR16" s="114">
        <v>10615035</v>
      </c>
      <c r="AS16" s="113">
        <v>20045055</v>
      </c>
      <c r="AT16" s="116">
        <v>20073902</v>
      </c>
      <c r="AU16" s="110">
        <v>3554015</v>
      </c>
      <c r="AV16" s="114">
        <v>8663940</v>
      </c>
      <c r="AW16" s="113">
        <v>12217955</v>
      </c>
      <c r="AX16" s="110">
        <v>0</v>
      </c>
      <c r="AY16" s="114">
        <v>30174220</v>
      </c>
      <c r="AZ16" s="114">
        <v>24186858</v>
      </c>
      <c r="BA16" s="114">
        <v>14612613</v>
      </c>
      <c r="BB16" s="114">
        <v>14543200</v>
      </c>
      <c r="BC16" s="114">
        <v>17724909</v>
      </c>
      <c r="BD16" s="113">
        <v>101241800</v>
      </c>
      <c r="BE16" s="116">
        <v>113459755</v>
      </c>
      <c r="BF16" s="110">
        <v>619614</v>
      </c>
      <c r="BG16" s="114">
        <v>1437424</v>
      </c>
      <c r="BH16" s="112">
        <v>2057038</v>
      </c>
      <c r="BI16" s="111">
        <v>0</v>
      </c>
      <c r="BJ16" s="114">
        <v>3482890</v>
      </c>
      <c r="BK16" s="114">
        <v>3023945</v>
      </c>
      <c r="BL16" s="114">
        <v>2369525</v>
      </c>
      <c r="BM16" s="114">
        <v>1384165</v>
      </c>
      <c r="BN16" s="114">
        <v>1724561</v>
      </c>
      <c r="BO16" s="113">
        <v>11985086</v>
      </c>
      <c r="BP16" s="116">
        <v>14042124</v>
      </c>
      <c r="BQ16" s="110">
        <v>2230404</v>
      </c>
      <c r="BR16" s="114">
        <v>2963303</v>
      </c>
      <c r="BS16" s="113">
        <v>5193707</v>
      </c>
      <c r="BT16" s="110">
        <v>0</v>
      </c>
      <c r="BU16" s="114">
        <v>17403230</v>
      </c>
      <c r="BV16" s="114">
        <v>15405101</v>
      </c>
      <c r="BW16" s="114">
        <v>14201340</v>
      </c>
      <c r="BX16" s="114">
        <v>14531242</v>
      </c>
      <c r="BY16" s="114">
        <v>12331043</v>
      </c>
      <c r="BZ16" s="113">
        <v>73871956</v>
      </c>
      <c r="CA16" s="116">
        <v>79065663</v>
      </c>
      <c r="CB16" s="110">
        <v>1292931</v>
      </c>
      <c r="CC16" s="114">
        <v>3979972</v>
      </c>
      <c r="CD16" s="113">
        <v>5272903</v>
      </c>
      <c r="CE16" s="110">
        <v>0</v>
      </c>
      <c r="CF16" s="114">
        <v>92649227</v>
      </c>
      <c r="CG16" s="114">
        <v>72821839</v>
      </c>
      <c r="CH16" s="114">
        <v>52579378</v>
      </c>
      <c r="CI16" s="114">
        <v>39911103</v>
      </c>
      <c r="CJ16" s="114">
        <v>17345380</v>
      </c>
      <c r="CK16" s="113">
        <v>275306927</v>
      </c>
      <c r="CL16" s="116">
        <v>280579830</v>
      </c>
      <c r="CM16" s="110">
        <v>0</v>
      </c>
      <c r="CN16" s="114">
        <v>0</v>
      </c>
      <c r="CO16" s="113">
        <v>0</v>
      </c>
      <c r="CP16" s="111">
        <v>0</v>
      </c>
      <c r="CQ16" s="114">
        <v>79426742</v>
      </c>
      <c r="CR16" s="114">
        <v>59619315</v>
      </c>
      <c r="CS16" s="114">
        <v>45281459</v>
      </c>
      <c r="CT16" s="114">
        <v>34280915</v>
      </c>
      <c r="CU16" s="114">
        <v>15445696</v>
      </c>
      <c r="CV16" s="113">
        <v>234054127</v>
      </c>
      <c r="CW16" s="116">
        <v>234054127</v>
      </c>
      <c r="CX16" s="110">
        <v>1292931</v>
      </c>
      <c r="CY16" s="114">
        <v>3979972</v>
      </c>
      <c r="CZ16" s="113">
        <v>5272903</v>
      </c>
      <c r="DA16" s="110">
        <v>0</v>
      </c>
      <c r="DB16" s="114">
        <v>13222485</v>
      </c>
      <c r="DC16" s="114">
        <v>13202524</v>
      </c>
      <c r="DD16" s="114">
        <v>7297919</v>
      </c>
      <c r="DE16" s="114">
        <v>5630188</v>
      </c>
      <c r="DF16" s="114">
        <v>1899684</v>
      </c>
      <c r="DG16" s="113">
        <v>41252800</v>
      </c>
      <c r="DH16" s="116">
        <v>46525703</v>
      </c>
      <c r="DI16" s="110">
        <v>220125</v>
      </c>
      <c r="DJ16" s="114">
        <v>1020763</v>
      </c>
      <c r="DK16" s="112">
        <v>1240888</v>
      </c>
      <c r="DL16" s="111">
        <v>0</v>
      </c>
      <c r="DM16" s="114">
        <v>9237853</v>
      </c>
      <c r="DN16" s="114">
        <v>14210120</v>
      </c>
      <c r="DO16" s="114">
        <v>20700132</v>
      </c>
      <c r="DP16" s="114">
        <v>21449351</v>
      </c>
      <c r="DQ16" s="114">
        <v>11661335</v>
      </c>
      <c r="DR16" s="113">
        <v>77258791</v>
      </c>
      <c r="DS16" s="116">
        <v>78499679</v>
      </c>
      <c r="DT16" s="110">
        <v>220125</v>
      </c>
      <c r="DU16" s="114">
        <v>836481</v>
      </c>
      <c r="DV16" s="113">
        <v>1056606</v>
      </c>
      <c r="DW16" s="110">
        <v>0</v>
      </c>
      <c r="DX16" s="114">
        <v>8632971</v>
      </c>
      <c r="DY16" s="114">
        <v>12700271</v>
      </c>
      <c r="DZ16" s="114">
        <v>19299857</v>
      </c>
      <c r="EA16" s="114">
        <v>20637195</v>
      </c>
      <c r="EB16" s="114">
        <v>10653763</v>
      </c>
      <c r="EC16" s="113">
        <v>71924057</v>
      </c>
      <c r="ED16" s="116">
        <v>72980663</v>
      </c>
      <c r="EE16" s="110">
        <v>0</v>
      </c>
      <c r="EF16" s="112">
        <v>184282</v>
      </c>
      <c r="EG16" s="113">
        <v>184282</v>
      </c>
      <c r="EH16" s="110">
        <v>0</v>
      </c>
      <c r="EI16" s="114">
        <v>604882</v>
      </c>
      <c r="EJ16" s="114">
        <v>1509849</v>
      </c>
      <c r="EK16" s="114">
        <v>1400275</v>
      </c>
      <c r="EL16" s="114">
        <v>812156</v>
      </c>
      <c r="EM16" s="114">
        <v>1007572</v>
      </c>
      <c r="EN16" s="112">
        <v>5334734</v>
      </c>
      <c r="EO16" s="116">
        <v>5519016</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5"/>
      <c r="FE16" s="114">
        <v>0</v>
      </c>
      <c r="FF16" s="114">
        <v>0</v>
      </c>
      <c r="FG16" s="114">
        <v>0</v>
      </c>
      <c r="FH16" s="114">
        <v>0</v>
      </c>
      <c r="FI16" s="114">
        <v>0</v>
      </c>
      <c r="FJ16" s="113">
        <v>0</v>
      </c>
      <c r="FK16" s="116">
        <v>0</v>
      </c>
      <c r="FL16" s="110">
        <v>7063392</v>
      </c>
      <c r="FM16" s="114">
        <v>9188178</v>
      </c>
      <c r="FN16" s="113">
        <v>16251570</v>
      </c>
      <c r="FO16" s="110">
        <v>0</v>
      </c>
      <c r="FP16" s="114">
        <v>17438047</v>
      </c>
      <c r="FQ16" s="114">
        <v>24826822</v>
      </c>
      <c r="FR16" s="114">
        <v>17969187</v>
      </c>
      <c r="FS16" s="114">
        <v>17670010</v>
      </c>
      <c r="FT16" s="114">
        <v>14859837</v>
      </c>
      <c r="FU16" s="113">
        <v>92763903</v>
      </c>
      <c r="FV16" s="116">
        <v>109015473</v>
      </c>
      <c r="FW16" s="115">
        <v>4544401</v>
      </c>
      <c r="FX16" s="114">
        <v>8217423</v>
      </c>
      <c r="FY16" s="112">
        <v>12761824</v>
      </c>
      <c r="FZ16" s="111">
        <v>0</v>
      </c>
      <c r="GA16" s="114">
        <v>15155192</v>
      </c>
      <c r="GB16" s="114">
        <v>23002520</v>
      </c>
      <c r="GC16" s="114">
        <v>16917706</v>
      </c>
      <c r="GD16" s="114">
        <v>16877835</v>
      </c>
      <c r="GE16" s="114">
        <v>14368749</v>
      </c>
      <c r="GF16" s="113">
        <v>86322002</v>
      </c>
      <c r="GG16" s="316">
        <v>99083826</v>
      </c>
      <c r="GH16" s="115">
        <v>583997</v>
      </c>
      <c r="GI16" s="114">
        <v>288466</v>
      </c>
      <c r="GJ16" s="112">
        <v>872463</v>
      </c>
      <c r="GK16" s="111">
        <v>0</v>
      </c>
      <c r="GL16" s="114">
        <v>699449</v>
      </c>
      <c r="GM16" s="114">
        <v>697956</v>
      </c>
      <c r="GN16" s="114">
        <v>344681</v>
      </c>
      <c r="GO16" s="114">
        <v>432715</v>
      </c>
      <c r="GP16" s="114">
        <v>254547</v>
      </c>
      <c r="GQ16" s="113">
        <v>2429348</v>
      </c>
      <c r="GR16" s="116">
        <v>3301811</v>
      </c>
      <c r="GS16" s="110">
        <v>1934994</v>
      </c>
      <c r="GT16" s="114">
        <v>682289</v>
      </c>
      <c r="GU16" s="113">
        <v>2617283</v>
      </c>
      <c r="GV16" s="110">
        <v>0</v>
      </c>
      <c r="GW16" s="114">
        <v>1583406</v>
      </c>
      <c r="GX16" s="114">
        <v>1126346</v>
      </c>
      <c r="GY16" s="114">
        <v>706800</v>
      </c>
      <c r="GZ16" s="114">
        <v>359460</v>
      </c>
      <c r="HA16" s="114">
        <v>236541</v>
      </c>
      <c r="HB16" s="112">
        <v>4012553</v>
      </c>
      <c r="HC16" s="116">
        <v>6629836</v>
      </c>
      <c r="HD16" s="110">
        <v>4543089</v>
      </c>
      <c r="HE16" s="114">
        <v>5965831</v>
      </c>
      <c r="HF16" s="112">
        <v>10508920</v>
      </c>
      <c r="HG16" s="111">
        <v>0</v>
      </c>
      <c r="HH16" s="114">
        <v>48516396</v>
      </c>
      <c r="HI16" s="114">
        <v>39761373</v>
      </c>
      <c r="HJ16" s="114">
        <v>43820869</v>
      </c>
      <c r="HK16" s="114">
        <v>50392480</v>
      </c>
      <c r="HL16" s="114">
        <v>36461066</v>
      </c>
      <c r="HM16" s="113">
        <v>218952184</v>
      </c>
      <c r="HN16" s="109">
        <v>229461104</v>
      </c>
      <c r="HO16" s="115">
        <v>5595807</v>
      </c>
      <c r="HP16" s="114">
        <v>7285058</v>
      </c>
      <c r="HQ16" s="113">
        <v>12880865</v>
      </c>
      <c r="HR16" s="110">
        <v>0</v>
      </c>
      <c r="HS16" s="114">
        <v>51206024</v>
      </c>
      <c r="HT16" s="114">
        <v>29007087</v>
      </c>
      <c r="HU16" s="114">
        <v>20500164</v>
      </c>
      <c r="HV16" s="114">
        <v>16144138</v>
      </c>
      <c r="HW16" s="114">
        <v>10653524</v>
      </c>
      <c r="HX16" s="112">
        <v>127510937</v>
      </c>
      <c r="HY16" s="116">
        <v>140391802</v>
      </c>
      <c r="HZ16" s="150">
        <v>490241</v>
      </c>
      <c r="IA16" s="135">
        <v>2308857</v>
      </c>
      <c r="IB16" s="150">
        <v>2799098</v>
      </c>
      <c r="IC16" s="134">
        <v>0</v>
      </c>
      <c r="ID16" s="135">
        <v>72370387</v>
      </c>
      <c r="IE16" s="136">
        <v>78418634</v>
      </c>
      <c r="IF16" s="137">
        <v>87016950</v>
      </c>
      <c r="IG16" s="135">
        <v>80758398</v>
      </c>
      <c r="IH16" s="137">
        <v>65096307</v>
      </c>
      <c r="II16" s="138">
        <v>383660676</v>
      </c>
      <c r="IJ16" s="150">
        <v>386459774</v>
      </c>
      <c r="IK16" s="232">
        <v>0</v>
      </c>
      <c r="IL16" s="236">
        <v>0</v>
      </c>
      <c r="IM16" s="237">
        <v>0</v>
      </c>
      <c r="IN16" s="140"/>
      <c r="IO16" s="119">
        <v>1603609</v>
      </c>
      <c r="IP16" s="119">
        <v>1797964</v>
      </c>
      <c r="IQ16" s="119">
        <v>2509232</v>
      </c>
      <c r="IR16" s="119">
        <v>3683235</v>
      </c>
      <c r="IS16" s="119">
        <v>3917544</v>
      </c>
      <c r="IT16" s="141">
        <v>13511584</v>
      </c>
      <c r="IU16" s="318">
        <v>13511584</v>
      </c>
      <c r="IV16" s="142">
        <v>0</v>
      </c>
      <c r="IW16" s="119">
        <v>0</v>
      </c>
      <c r="IX16" s="120">
        <v>0</v>
      </c>
      <c r="IY16" s="144"/>
      <c r="IZ16" s="119">
        <v>114077</v>
      </c>
      <c r="JA16" s="119">
        <v>132916</v>
      </c>
      <c r="JB16" s="119">
        <v>188818</v>
      </c>
      <c r="JC16" s="119">
        <v>171354</v>
      </c>
      <c r="JD16" s="119">
        <v>337989</v>
      </c>
      <c r="JE16" s="120">
        <v>945154</v>
      </c>
      <c r="JF16" s="121">
        <v>945154</v>
      </c>
      <c r="JG16" s="142">
        <v>0</v>
      </c>
      <c r="JH16" s="119">
        <v>0</v>
      </c>
      <c r="JI16" s="141">
        <v>0</v>
      </c>
      <c r="JJ16" s="118">
        <v>0</v>
      </c>
      <c r="JK16" s="119">
        <v>25203854</v>
      </c>
      <c r="JL16" s="119">
        <v>17111810</v>
      </c>
      <c r="JM16" s="119">
        <v>10976305</v>
      </c>
      <c r="JN16" s="119">
        <v>6961094</v>
      </c>
      <c r="JO16" s="119">
        <v>3065245</v>
      </c>
      <c r="JP16" s="120">
        <v>63318308</v>
      </c>
      <c r="JQ16" s="318">
        <v>63318308</v>
      </c>
      <c r="JR16" s="142">
        <v>0</v>
      </c>
      <c r="JS16" s="119">
        <v>46251</v>
      </c>
      <c r="JT16" s="141">
        <v>46251</v>
      </c>
      <c r="JU16" s="118">
        <v>0</v>
      </c>
      <c r="JV16" s="119">
        <v>905364</v>
      </c>
      <c r="JW16" s="119">
        <v>1331955</v>
      </c>
      <c r="JX16" s="119">
        <v>2816657</v>
      </c>
      <c r="JY16" s="119">
        <v>1180763</v>
      </c>
      <c r="JZ16" s="119">
        <v>2266085</v>
      </c>
      <c r="KA16" s="120">
        <v>8500824</v>
      </c>
      <c r="KB16" s="318">
        <v>8547075</v>
      </c>
      <c r="KC16" s="234">
        <v>490241</v>
      </c>
      <c r="KD16" s="230">
        <v>1769601</v>
      </c>
      <c r="KE16" s="120">
        <v>2259842</v>
      </c>
      <c r="KF16" s="118">
        <v>0</v>
      </c>
      <c r="KG16" s="119">
        <v>11582204</v>
      </c>
      <c r="KH16" s="119">
        <v>14094636</v>
      </c>
      <c r="KI16" s="119">
        <v>17991084</v>
      </c>
      <c r="KJ16" s="119">
        <v>15399453</v>
      </c>
      <c r="KK16" s="119">
        <v>6131709</v>
      </c>
      <c r="KL16" s="120">
        <v>65199086</v>
      </c>
      <c r="KM16" s="143">
        <v>67458928</v>
      </c>
      <c r="KN16" s="232">
        <v>0</v>
      </c>
      <c r="KO16" s="236">
        <v>493005</v>
      </c>
      <c r="KP16" s="237">
        <v>493005</v>
      </c>
      <c r="KQ16" s="140"/>
      <c r="KR16" s="119">
        <v>23698929</v>
      </c>
      <c r="KS16" s="119">
        <v>31823455</v>
      </c>
      <c r="KT16" s="119">
        <v>32199560</v>
      </c>
      <c r="KU16" s="119">
        <v>24682592</v>
      </c>
      <c r="KV16" s="119">
        <v>24335598</v>
      </c>
      <c r="KW16" s="120">
        <v>136740134</v>
      </c>
      <c r="KX16" s="318">
        <v>137233139</v>
      </c>
      <c r="KY16" s="142">
        <v>0</v>
      </c>
      <c r="KZ16" s="119">
        <v>0</v>
      </c>
      <c r="LA16" s="120">
        <v>0</v>
      </c>
      <c r="LB16" s="145"/>
      <c r="LC16" s="119">
        <v>5068510</v>
      </c>
      <c r="LD16" s="119">
        <v>3986391</v>
      </c>
      <c r="LE16" s="119">
        <v>8256155</v>
      </c>
      <c r="LF16" s="119">
        <v>6864127</v>
      </c>
      <c r="LG16" s="119">
        <v>7491342</v>
      </c>
      <c r="LH16" s="120">
        <v>31666525</v>
      </c>
      <c r="LI16" s="121">
        <v>31666525</v>
      </c>
      <c r="LJ16" s="142">
        <v>0</v>
      </c>
      <c r="LK16" s="119">
        <v>0</v>
      </c>
      <c r="LL16" s="120">
        <v>0</v>
      </c>
      <c r="LM16" s="145"/>
      <c r="LN16" s="119">
        <v>0</v>
      </c>
      <c r="LO16" s="119">
        <v>206120</v>
      </c>
      <c r="LP16" s="119">
        <v>735630</v>
      </c>
      <c r="LQ16" s="119">
        <v>6017660</v>
      </c>
      <c r="LR16" s="119">
        <v>5049608</v>
      </c>
      <c r="LS16" s="120">
        <v>12009018</v>
      </c>
      <c r="LT16" s="318">
        <v>12009018</v>
      </c>
      <c r="LU16" s="142">
        <v>0</v>
      </c>
      <c r="LV16" s="119">
        <v>0</v>
      </c>
      <c r="LW16" s="120">
        <v>0</v>
      </c>
      <c r="LX16" s="145"/>
      <c r="LY16" s="119">
        <v>4193840</v>
      </c>
      <c r="LZ16" s="119">
        <v>7933387</v>
      </c>
      <c r="MA16" s="119">
        <v>11343509</v>
      </c>
      <c r="MB16" s="119">
        <v>15798120</v>
      </c>
      <c r="MC16" s="119">
        <v>12501187</v>
      </c>
      <c r="MD16" s="120">
        <v>51770043</v>
      </c>
      <c r="ME16" s="121">
        <v>51770043</v>
      </c>
      <c r="MF16" s="142">
        <v>0</v>
      </c>
      <c r="MG16" s="119">
        <v>0</v>
      </c>
      <c r="MH16" s="120">
        <v>0</v>
      </c>
      <c r="MI16" s="145"/>
      <c r="MJ16" s="119">
        <v>29626081</v>
      </c>
      <c r="MK16" s="119">
        <v>41802045</v>
      </c>
      <c r="ML16" s="119">
        <v>132647856</v>
      </c>
      <c r="MM16" s="119">
        <v>198110952</v>
      </c>
      <c r="MN16" s="119">
        <v>187348505</v>
      </c>
      <c r="MO16" s="120">
        <v>589535439</v>
      </c>
      <c r="MP16" s="143">
        <v>589535439</v>
      </c>
      <c r="MQ16" s="142">
        <v>0</v>
      </c>
      <c r="MR16" s="119">
        <v>0</v>
      </c>
      <c r="MS16" s="120">
        <v>0</v>
      </c>
      <c r="MT16" s="145"/>
      <c r="MU16" s="119">
        <v>3961905</v>
      </c>
      <c r="MV16" s="119">
        <v>9518331</v>
      </c>
      <c r="MW16" s="119">
        <v>79199256</v>
      </c>
      <c r="MX16" s="119">
        <v>142997796</v>
      </c>
      <c r="MY16" s="119">
        <v>139498401</v>
      </c>
      <c r="MZ16" s="120">
        <v>375175689</v>
      </c>
      <c r="NA16" s="143">
        <v>375175689</v>
      </c>
      <c r="NB16" s="142">
        <v>0</v>
      </c>
      <c r="NC16" s="119">
        <v>0</v>
      </c>
      <c r="ND16" s="120">
        <v>0</v>
      </c>
      <c r="NE16" s="145"/>
      <c r="NF16" s="119">
        <v>25455424</v>
      </c>
      <c r="NG16" s="119">
        <v>32283714</v>
      </c>
      <c r="NH16" s="119">
        <v>53448600</v>
      </c>
      <c r="NI16" s="119">
        <v>53984555</v>
      </c>
      <c r="NJ16" s="119">
        <v>35205766</v>
      </c>
      <c r="NK16" s="120">
        <v>200378059</v>
      </c>
      <c r="NL16" s="318">
        <v>200378059</v>
      </c>
      <c r="NM16" s="142">
        <v>0</v>
      </c>
      <c r="NN16" s="119">
        <v>0</v>
      </c>
      <c r="NO16" s="120">
        <v>0</v>
      </c>
      <c r="NP16" s="145"/>
      <c r="NQ16" s="119">
        <v>0</v>
      </c>
      <c r="NR16" s="119">
        <v>0</v>
      </c>
      <c r="NS16" s="119">
        <v>0</v>
      </c>
      <c r="NT16" s="119">
        <v>0</v>
      </c>
      <c r="NU16" s="119">
        <v>636861</v>
      </c>
      <c r="NV16" s="120">
        <v>636861</v>
      </c>
      <c r="NW16" s="121">
        <v>636861</v>
      </c>
      <c r="NX16" s="142">
        <v>0</v>
      </c>
      <c r="NY16" s="119">
        <v>0</v>
      </c>
      <c r="NZ16" s="120">
        <v>0</v>
      </c>
      <c r="OA16" s="145"/>
      <c r="OB16" s="119">
        <v>208752</v>
      </c>
      <c r="OC16" s="119">
        <v>0</v>
      </c>
      <c r="OD16" s="119">
        <v>0</v>
      </c>
      <c r="OE16" s="119">
        <v>1128601</v>
      </c>
      <c r="OF16" s="119">
        <v>12007477</v>
      </c>
      <c r="OG16" s="120">
        <v>13344830</v>
      </c>
      <c r="OH16" s="121">
        <v>13344830</v>
      </c>
      <c r="OI16" s="142">
        <v>25609618</v>
      </c>
      <c r="OJ16" s="119">
        <v>42842173</v>
      </c>
      <c r="OK16" s="141">
        <v>68451791</v>
      </c>
      <c r="OL16" s="118">
        <v>0</v>
      </c>
      <c r="OM16" s="119">
        <v>423571762</v>
      </c>
      <c r="ON16" s="119">
        <v>391770733</v>
      </c>
      <c r="OO16" s="119">
        <v>463489324</v>
      </c>
      <c r="OP16" s="119">
        <v>534187544</v>
      </c>
      <c r="OQ16" s="119">
        <v>451349981</v>
      </c>
      <c r="OR16" s="120">
        <v>2264369344</v>
      </c>
      <c r="OS16" s="143">
        <v>2332821135</v>
      </c>
    </row>
    <row r="17" spans="2:409" ht="21" customHeight="1" x14ac:dyDescent="0.2">
      <c r="B17" s="62" t="s">
        <v>11</v>
      </c>
      <c r="C17" s="110">
        <v>10598356</v>
      </c>
      <c r="D17" s="114">
        <v>15689208</v>
      </c>
      <c r="E17" s="171">
        <v>26287564</v>
      </c>
      <c r="F17" s="111">
        <v>0</v>
      </c>
      <c r="G17" s="114">
        <v>158640615</v>
      </c>
      <c r="H17" s="114">
        <v>138438695</v>
      </c>
      <c r="I17" s="114">
        <v>132829855</v>
      </c>
      <c r="J17" s="114">
        <v>134066937</v>
      </c>
      <c r="K17" s="114">
        <v>90502959</v>
      </c>
      <c r="L17" s="109">
        <v>654479061</v>
      </c>
      <c r="M17" s="116">
        <v>680766625</v>
      </c>
      <c r="N17" s="110">
        <v>1380035</v>
      </c>
      <c r="O17" s="114">
        <v>2275970</v>
      </c>
      <c r="P17" s="113">
        <v>3656005</v>
      </c>
      <c r="Q17" s="110">
        <v>0</v>
      </c>
      <c r="R17" s="114">
        <v>34570312</v>
      </c>
      <c r="S17" s="114">
        <v>38789162</v>
      </c>
      <c r="T17" s="114">
        <v>39441089</v>
      </c>
      <c r="U17" s="114">
        <v>45637441</v>
      </c>
      <c r="V17" s="114">
        <v>43260427</v>
      </c>
      <c r="W17" s="113">
        <v>201698431</v>
      </c>
      <c r="X17" s="116">
        <v>205354436</v>
      </c>
      <c r="Y17" s="110">
        <v>0</v>
      </c>
      <c r="Z17" s="114">
        <v>0</v>
      </c>
      <c r="AA17" s="113">
        <v>0</v>
      </c>
      <c r="AB17" s="110">
        <v>0</v>
      </c>
      <c r="AC17" s="114">
        <v>16591454</v>
      </c>
      <c r="AD17" s="114">
        <v>21638427</v>
      </c>
      <c r="AE17" s="114">
        <v>22854743</v>
      </c>
      <c r="AF17" s="114">
        <v>28091740</v>
      </c>
      <c r="AG17" s="114">
        <v>28229435</v>
      </c>
      <c r="AH17" s="113">
        <v>117405799</v>
      </c>
      <c r="AI17" s="116">
        <v>117405799</v>
      </c>
      <c r="AJ17" s="110">
        <v>0</v>
      </c>
      <c r="AK17" s="114">
        <v>35572</v>
      </c>
      <c r="AL17" s="113">
        <v>35572</v>
      </c>
      <c r="AM17" s="110">
        <v>0</v>
      </c>
      <c r="AN17" s="114">
        <v>253797</v>
      </c>
      <c r="AO17" s="114">
        <v>675034</v>
      </c>
      <c r="AP17" s="114">
        <v>1782441</v>
      </c>
      <c r="AQ17" s="114">
        <v>2999072</v>
      </c>
      <c r="AR17" s="114">
        <v>4100928</v>
      </c>
      <c r="AS17" s="113">
        <v>9811272</v>
      </c>
      <c r="AT17" s="116">
        <v>9846844</v>
      </c>
      <c r="AU17" s="110">
        <v>771322</v>
      </c>
      <c r="AV17" s="114">
        <v>1556229</v>
      </c>
      <c r="AW17" s="113">
        <v>2327551</v>
      </c>
      <c r="AX17" s="110">
        <v>0</v>
      </c>
      <c r="AY17" s="114">
        <v>11232663</v>
      </c>
      <c r="AZ17" s="114">
        <v>9688486</v>
      </c>
      <c r="BA17" s="114">
        <v>8075760</v>
      </c>
      <c r="BB17" s="114">
        <v>7751859</v>
      </c>
      <c r="BC17" s="114">
        <v>7067099</v>
      </c>
      <c r="BD17" s="113">
        <v>43815867</v>
      </c>
      <c r="BE17" s="116">
        <v>46143418</v>
      </c>
      <c r="BF17" s="110">
        <v>124892</v>
      </c>
      <c r="BG17" s="114">
        <v>191034</v>
      </c>
      <c r="BH17" s="112">
        <v>315926</v>
      </c>
      <c r="BI17" s="111">
        <v>0</v>
      </c>
      <c r="BJ17" s="114">
        <v>781243</v>
      </c>
      <c r="BK17" s="114">
        <v>936423</v>
      </c>
      <c r="BL17" s="114">
        <v>1106021</v>
      </c>
      <c r="BM17" s="114">
        <v>1014767</v>
      </c>
      <c r="BN17" s="114">
        <v>184111</v>
      </c>
      <c r="BO17" s="113">
        <v>4022565</v>
      </c>
      <c r="BP17" s="116">
        <v>4338491</v>
      </c>
      <c r="BQ17" s="110">
        <v>483821</v>
      </c>
      <c r="BR17" s="114">
        <v>493135</v>
      </c>
      <c r="BS17" s="113">
        <v>976956</v>
      </c>
      <c r="BT17" s="110">
        <v>0</v>
      </c>
      <c r="BU17" s="114">
        <v>5711155</v>
      </c>
      <c r="BV17" s="114">
        <v>5850792</v>
      </c>
      <c r="BW17" s="114">
        <v>5622124</v>
      </c>
      <c r="BX17" s="114">
        <v>5780003</v>
      </c>
      <c r="BY17" s="114">
        <v>3678854</v>
      </c>
      <c r="BZ17" s="113">
        <v>26642928</v>
      </c>
      <c r="CA17" s="116">
        <v>27619884</v>
      </c>
      <c r="CB17" s="110">
        <v>2547993</v>
      </c>
      <c r="CC17" s="114">
        <v>3127556</v>
      </c>
      <c r="CD17" s="113">
        <v>5675549</v>
      </c>
      <c r="CE17" s="110">
        <v>0</v>
      </c>
      <c r="CF17" s="114">
        <v>51269150</v>
      </c>
      <c r="CG17" s="114">
        <v>41885297</v>
      </c>
      <c r="CH17" s="114">
        <v>33528810</v>
      </c>
      <c r="CI17" s="114">
        <v>25987225</v>
      </c>
      <c r="CJ17" s="114">
        <v>12543719</v>
      </c>
      <c r="CK17" s="113">
        <v>165214201</v>
      </c>
      <c r="CL17" s="116">
        <v>170889750</v>
      </c>
      <c r="CM17" s="110">
        <v>0</v>
      </c>
      <c r="CN17" s="114">
        <v>0</v>
      </c>
      <c r="CO17" s="113">
        <v>0</v>
      </c>
      <c r="CP17" s="111">
        <v>0</v>
      </c>
      <c r="CQ17" s="114">
        <v>42410399</v>
      </c>
      <c r="CR17" s="114">
        <v>33743351</v>
      </c>
      <c r="CS17" s="114">
        <v>26910589</v>
      </c>
      <c r="CT17" s="114">
        <v>20312505</v>
      </c>
      <c r="CU17" s="114">
        <v>10766644</v>
      </c>
      <c r="CV17" s="113">
        <v>134143488</v>
      </c>
      <c r="CW17" s="116">
        <v>134143488</v>
      </c>
      <c r="CX17" s="110">
        <v>2547993</v>
      </c>
      <c r="CY17" s="114">
        <v>3127556</v>
      </c>
      <c r="CZ17" s="113">
        <v>5675549</v>
      </c>
      <c r="DA17" s="110">
        <v>0</v>
      </c>
      <c r="DB17" s="114">
        <v>8858751</v>
      </c>
      <c r="DC17" s="114">
        <v>8141946</v>
      </c>
      <c r="DD17" s="114">
        <v>6618221</v>
      </c>
      <c r="DE17" s="114">
        <v>5674720</v>
      </c>
      <c r="DF17" s="114">
        <v>1777075</v>
      </c>
      <c r="DG17" s="113">
        <v>31070713</v>
      </c>
      <c r="DH17" s="116">
        <v>36746262</v>
      </c>
      <c r="DI17" s="110">
        <v>154270</v>
      </c>
      <c r="DJ17" s="114">
        <v>474643</v>
      </c>
      <c r="DK17" s="112">
        <v>628913</v>
      </c>
      <c r="DL17" s="111">
        <v>0</v>
      </c>
      <c r="DM17" s="114">
        <v>5721632</v>
      </c>
      <c r="DN17" s="114">
        <v>6852957</v>
      </c>
      <c r="DO17" s="114">
        <v>11239962</v>
      </c>
      <c r="DP17" s="114">
        <v>9259519</v>
      </c>
      <c r="DQ17" s="114">
        <v>6125093</v>
      </c>
      <c r="DR17" s="113">
        <v>39199163</v>
      </c>
      <c r="DS17" s="116">
        <v>39828076</v>
      </c>
      <c r="DT17" s="110">
        <v>154270</v>
      </c>
      <c r="DU17" s="114">
        <v>474643</v>
      </c>
      <c r="DV17" s="113">
        <v>628913</v>
      </c>
      <c r="DW17" s="110">
        <v>0</v>
      </c>
      <c r="DX17" s="114">
        <v>5530427</v>
      </c>
      <c r="DY17" s="114">
        <v>6377603</v>
      </c>
      <c r="DZ17" s="114">
        <v>10448294</v>
      </c>
      <c r="EA17" s="114">
        <v>8914288</v>
      </c>
      <c r="EB17" s="114">
        <v>4556535</v>
      </c>
      <c r="EC17" s="113">
        <v>35827147</v>
      </c>
      <c r="ED17" s="116">
        <v>36456060</v>
      </c>
      <c r="EE17" s="110">
        <v>0</v>
      </c>
      <c r="EF17" s="112">
        <v>0</v>
      </c>
      <c r="EG17" s="113">
        <v>0</v>
      </c>
      <c r="EH17" s="110">
        <v>0</v>
      </c>
      <c r="EI17" s="114">
        <v>191205</v>
      </c>
      <c r="EJ17" s="114">
        <v>475354</v>
      </c>
      <c r="EK17" s="114">
        <v>791668</v>
      </c>
      <c r="EL17" s="114">
        <v>345231</v>
      </c>
      <c r="EM17" s="114">
        <v>1568558</v>
      </c>
      <c r="EN17" s="112">
        <v>3372016</v>
      </c>
      <c r="EO17" s="116">
        <v>3372016</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5"/>
      <c r="FE17" s="114">
        <v>0</v>
      </c>
      <c r="FF17" s="114">
        <v>0</v>
      </c>
      <c r="FG17" s="114">
        <v>0</v>
      </c>
      <c r="FH17" s="114">
        <v>0</v>
      </c>
      <c r="FI17" s="114">
        <v>0</v>
      </c>
      <c r="FJ17" s="113">
        <v>0</v>
      </c>
      <c r="FK17" s="116">
        <v>0</v>
      </c>
      <c r="FL17" s="110">
        <v>2260558</v>
      </c>
      <c r="FM17" s="114">
        <v>3970780</v>
      </c>
      <c r="FN17" s="113">
        <v>6231338</v>
      </c>
      <c r="FO17" s="110">
        <v>0</v>
      </c>
      <c r="FP17" s="114">
        <v>7813675</v>
      </c>
      <c r="FQ17" s="114">
        <v>12032973</v>
      </c>
      <c r="FR17" s="114">
        <v>10299345</v>
      </c>
      <c r="FS17" s="114">
        <v>9980056</v>
      </c>
      <c r="FT17" s="114">
        <v>6444439</v>
      </c>
      <c r="FU17" s="113">
        <v>46570488</v>
      </c>
      <c r="FV17" s="116">
        <v>52801826</v>
      </c>
      <c r="FW17" s="115">
        <v>1693129</v>
      </c>
      <c r="FX17" s="114">
        <v>2884237</v>
      </c>
      <c r="FY17" s="112">
        <v>4577366</v>
      </c>
      <c r="FZ17" s="111">
        <v>0</v>
      </c>
      <c r="GA17" s="114">
        <v>6447766</v>
      </c>
      <c r="GB17" s="114">
        <v>11270777</v>
      </c>
      <c r="GC17" s="114">
        <v>9919030</v>
      </c>
      <c r="GD17" s="114">
        <v>9552586</v>
      </c>
      <c r="GE17" s="114">
        <v>5883951</v>
      </c>
      <c r="GF17" s="113">
        <v>43074110</v>
      </c>
      <c r="GG17" s="316">
        <v>47651476</v>
      </c>
      <c r="GH17" s="115">
        <v>96589</v>
      </c>
      <c r="GI17" s="114">
        <v>158004</v>
      </c>
      <c r="GJ17" s="112">
        <v>254593</v>
      </c>
      <c r="GK17" s="111">
        <v>0</v>
      </c>
      <c r="GL17" s="114">
        <v>442291</v>
      </c>
      <c r="GM17" s="114">
        <v>351144</v>
      </c>
      <c r="GN17" s="114">
        <v>142895</v>
      </c>
      <c r="GO17" s="114">
        <v>138600</v>
      </c>
      <c r="GP17" s="114">
        <v>41148</v>
      </c>
      <c r="GQ17" s="113">
        <v>1116078</v>
      </c>
      <c r="GR17" s="116">
        <v>1370671</v>
      </c>
      <c r="GS17" s="110">
        <v>470840</v>
      </c>
      <c r="GT17" s="114">
        <v>928539</v>
      </c>
      <c r="GU17" s="113">
        <v>1399379</v>
      </c>
      <c r="GV17" s="110">
        <v>0</v>
      </c>
      <c r="GW17" s="114">
        <v>923618</v>
      </c>
      <c r="GX17" s="114">
        <v>411052</v>
      </c>
      <c r="GY17" s="114">
        <v>237420</v>
      </c>
      <c r="GZ17" s="114">
        <v>288870</v>
      </c>
      <c r="HA17" s="114">
        <v>519340</v>
      </c>
      <c r="HB17" s="112">
        <v>2380300</v>
      </c>
      <c r="HC17" s="116">
        <v>3779679</v>
      </c>
      <c r="HD17" s="110">
        <v>1866786</v>
      </c>
      <c r="HE17" s="114">
        <v>3151973</v>
      </c>
      <c r="HF17" s="112">
        <v>5018759</v>
      </c>
      <c r="HG17" s="111">
        <v>0</v>
      </c>
      <c r="HH17" s="114">
        <v>32749113</v>
      </c>
      <c r="HI17" s="114">
        <v>22632170</v>
      </c>
      <c r="HJ17" s="114">
        <v>24945085</v>
      </c>
      <c r="HK17" s="114">
        <v>33694165</v>
      </c>
      <c r="HL17" s="114">
        <v>16694053</v>
      </c>
      <c r="HM17" s="113">
        <v>130714586</v>
      </c>
      <c r="HN17" s="109">
        <v>135733345</v>
      </c>
      <c r="HO17" s="115">
        <v>2388714</v>
      </c>
      <c r="HP17" s="114">
        <v>2688286</v>
      </c>
      <c r="HQ17" s="113">
        <v>5077000</v>
      </c>
      <c r="HR17" s="110">
        <v>0</v>
      </c>
      <c r="HS17" s="114">
        <v>26516733</v>
      </c>
      <c r="HT17" s="114">
        <v>16246136</v>
      </c>
      <c r="HU17" s="114">
        <v>13375564</v>
      </c>
      <c r="HV17" s="114">
        <v>9508531</v>
      </c>
      <c r="HW17" s="114">
        <v>5435228</v>
      </c>
      <c r="HX17" s="112">
        <v>71082192</v>
      </c>
      <c r="HY17" s="116">
        <v>76159192</v>
      </c>
      <c r="HZ17" s="131">
        <v>0</v>
      </c>
      <c r="IA17" s="132">
        <v>1528879</v>
      </c>
      <c r="IB17" s="133">
        <v>1528879</v>
      </c>
      <c r="IC17" s="146">
        <v>0</v>
      </c>
      <c r="ID17" s="132">
        <v>48134907</v>
      </c>
      <c r="IE17" s="147">
        <v>49962759</v>
      </c>
      <c r="IF17" s="133">
        <v>53019728</v>
      </c>
      <c r="IG17" s="132">
        <v>32539976</v>
      </c>
      <c r="IH17" s="133">
        <v>16705774</v>
      </c>
      <c r="II17" s="148">
        <v>200363144</v>
      </c>
      <c r="IJ17" s="139">
        <v>201892023</v>
      </c>
      <c r="IK17" s="232">
        <v>0</v>
      </c>
      <c r="IL17" s="236">
        <v>0</v>
      </c>
      <c r="IM17" s="237">
        <v>0</v>
      </c>
      <c r="IN17" s="140"/>
      <c r="IO17" s="119">
        <v>763123</v>
      </c>
      <c r="IP17" s="119">
        <v>1295989</v>
      </c>
      <c r="IQ17" s="119">
        <v>904332</v>
      </c>
      <c r="IR17" s="119">
        <v>1227077</v>
      </c>
      <c r="IS17" s="119">
        <v>2409221</v>
      </c>
      <c r="IT17" s="141">
        <v>6599742</v>
      </c>
      <c r="IU17" s="318">
        <v>6599742</v>
      </c>
      <c r="IV17" s="142">
        <v>0</v>
      </c>
      <c r="IW17" s="119">
        <v>0</v>
      </c>
      <c r="IX17" s="120">
        <v>0</v>
      </c>
      <c r="IY17" s="144"/>
      <c r="IZ17" s="119">
        <v>207618</v>
      </c>
      <c r="JA17" s="119">
        <v>240625</v>
      </c>
      <c r="JB17" s="119">
        <v>221612</v>
      </c>
      <c r="JC17" s="119">
        <v>492458</v>
      </c>
      <c r="JD17" s="119">
        <v>66645</v>
      </c>
      <c r="JE17" s="120">
        <v>1228958</v>
      </c>
      <c r="JF17" s="121">
        <v>1228958</v>
      </c>
      <c r="JG17" s="142">
        <v>0</v>
      </c>
      <c r="JH17" s="119">
        <v>0</v>
      </c>
      <c r="JI17" s="141">
        <v>0</v>
      </c>
      <c r="JJ17" s="118">
        <v>0</v>
      </c>
      <c r="JK17" s="119">
        <v>27348025</v>
      </c>
      <c r="JL17" s="119">
        <v>21511691</v>
      </c>
      <c r="JM17" s="119">
        <v>16672893</v>
      </c>
      <c r="JN17" s="119">
        <v>7490477</v>
      </c>
      <c r="JO17" s="119">
        <v>5671136</v>
      </c>
      <c r="JP17" s="120">
        <v>78694222</v>
      </c>
      <c r="JQ17" s="318">
        <v>78694222</v>
      </c>
      <c r="JR17" s="142">
        <v>0</v>
      </c>
      <c r="JS17" s="119">
        <v>27838</v>
      </c>
      <c r="JT17" s="141">
        <v>27838</v>
      </c>
      <c r="JU17" s="118">
        <v>0</v>
      </c>
      <c r="JV17" s="119">
        <v>929678</v>
      </c>
      <c r="JW17" s="119">
        <v>1247849</v>
      </c>
      <c r="JX17" s="119">
        <v>2275293</v>
      </c>
      <c r="JY17" s="119">
        <v>183132</v>
      </c>
      <c r="JZ17" s="119">
        <v>56561</v>
      </c>
      <c r="KA17" s="120">
        <v>4692513</v>
      </c>
      <c r="KB17" s="318">
        <v>4720351</v>
      </c>
      <c r="KC17" s="234">
        <v>0</v>
      </c>
      <c r="KD17" s="230">
        <v>516956</v>
      </c>
      <c r="KE17" s="120">
        <v>516956</v>
      </c>
      <c r="KF17" s="118">
        <v>0</v>
      </c>
      <c r="KG17" s="119">
        <v>5044546</v>
      </c>
      <c r="KH17" s="119">
        <v>5600332</v>
      </c>
      <c r="KI17" s="119">
        <v>9297772</v>
      </c>
      <c r="KJ17" s="119">
        <v>5758508</v>
      </c>
      <c r="KK17" s="119">
        <v>1631283</v>
      </c>
      <c r="KL17" s="120">
        <v>27332441</v>
      </c>
      <c r="KM17" s="143">
        <v>27849397</v>
      </c>
      <c r="KN17" s="232">
        <v>0</v>
      </c>
      <c r="KO17" s="236">
        <v>984085</v>
      </c>
      <c r="KP17" s="237">
        <v>984085</v>
      </c>
      <c r="KQ17" s="140"/>
      <c r="KR17" s="119">
        <v>12771028</v>
      </c>
      <c r="KS17" s="119">
        <v>18520656</v>
      </c>
      <c r="KT17" s="119">
        <v>22516444</v>
      </c>
      <c r="KU17" s="119">
        <v>14857533</v>
      </c>
      <c r="KV17" s="119">
        <v>6130890</v>
      </c>
      <c r="KW17" s="120">
        <v>74796551</v>
      </c>
      <c r="KX17" s="318">
        <v>75780636</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39220</v>
      </c>
      <c r="LP17" s="119">
        <v>0</v>
      </c>
      <c r="LQ17" s="119">
        <v>0</v>
      </c>
      <c r="LR17" s="119">
        <v>0</v>
      </c>
      <c r="LS17" s="120">
        <v>239220</v>
      </c>
      <c r="LT17" s="318">
        <v>239220</v>
      </c>
      <c r="LU17" s="142">
        <v>0</v>
      </c>
      <c r="LV17" s="119">
        <v>0</v>
      </c>
      <c r="LW17" s="120">
        <v>0</v>
      </c>
      <c r="LX17" s="145"/>
      <c r="LY17" s="119">
        <v>1070889</v>
      </c>
      <c r="LZ17" s="119">
        <v>1306397</v>
      </c>
      <c r="MA17" s="119">
        <v>1131382</v>
      </c>
      <c r="MB17" s="119">
        <v>2530791</v>
      </c>
      <c r="MC17" s="119">
        <v>740038</v>
      </c>
      <c r="MD17" s="120">
        <v>6779497</v>
      </c>
      <c r="ME17" s="121">
        <v>6779497</v>
      </c>
      <c r="MF17" s="142">
        <v>0</v>
      </c>
      <c r="MG17" s="119">
        <v>0</v>
      </c>
      <c r="MH17" s="120">
        <v>0</v>
      </c>
      <c r="MI17" s="145"/>
      <c r="MJ17" s="119">
        <v>16534338</v>
      </c>
      <c r="MK17" s="119">
        <v>26628647</v>
      </c>
      <c r="ML17" s="119">
        <v>83737785</v>
      </c>
      <c r="MM17" s="119">
        <v>137171820</v>
      </c>
      <c r="MN17" s="119">
        <v>91838294</v>
      </c>
      <c r="MO17" s="120">
        <v>355910884</v>
      </c>
      <c r="MP17" s="143">
        <v>355910884</v>
      </c>
      <c r="MQ17" s="142">
        <v>0</v>
      </c>
      <c r="MR17" s="119">
        <v>0</v>
      </c>
      <c r="MS17" s="120">
        <v>0</v>
      </c>
      <c r="MT17" s="145"/>
      <c r="MU17" s="119">
        <v>412513</v>
      </c>
      <c r="MV17" s="119">
        <v>1591307</v>
      </c>
      <c r="MW17" s="119">
        <v>41685319</v>
      </c>
      <c r="MX17" s="119">
        <v>89660670</v>
      </c>
      <c r="MY17" s="119">
        <v>54118931</v>
      </c>
      <c r="MZ17" s="120">
        <v>187468740</v>
      </c>
      <c r="NA17" s="143">
        <v>187468740</v>
      </c>
      <c r="NB17" s="142">
        <v>0</v>
      </c>
      <c r="NC17" s="119">
        <v>0</v>
      </c>
      <c r="ND17" s="120">
        <v>0</v>
      </c>
      <c r="NE17" s="145"/>
      <c r="NF17" s="119">
        <v>15841665</v>
      </c>
      <c r="NG17" s="119">
        <v>23006426</v>
      </c>
      <c r="NH17" s="119">
        <v>38703841</v>
      </c>
      <c r="NI17" s="119">
        <v>42946971</v>
      </c>
      <c r="NJ17" s="119">
        <v>26369659</v>
      </c>
      <c r="NK17" s="120">
        <v>146868562</v>
      </c>
      <c r="NL17" s="318">
        <v>146868562</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280160</v>
      </c>
      <c r="OC17" s="119">
        <v>2030914</v>
      </c>
      <c r="OD17" s="119">
        <v>3348625</v>
      </c>
      <c r="OE17" s="119">
        <v>4564179</v>
      </c>
      <c r="OF17" s="119">
        <v>11349704</v>
      </c>
      <c r="OG17" s="120">
        <v>21573582</v>
      </c>
      <c r="OH17" s="121">
        <v>21573582</v>
      </c>
      <c r="OI17" s="142">
        <v>10598356</v>
      </c>
      <c r="OJ17" s="119">
        <v>17218087</v>
      </c>
      <c r="OK17" s="141">
        <v>27816443</v>
      </c>
      <c r="OL17" s="118">
        <v>0</v>
      </c>
      <c r="OM17" s="119">
        <v>223309860</v>
      </c>
      <c r="ON17" s="119">
        <v>215030101</v>
      </c>
      <c r="OO17" s="119">
        <v>269587368</v>
      </c>
      <c r="OP17" s="119">
        <v>303778733</v>
      </c>
      <c r="OQ17" s="119">
        <v>199047027</v>
      </c>
      <c r="OR17" s="120">
        <v>1210753089</v>
      </c>
      <c r="OS17" s="143">
        <v>1238569532</v>
      </c>
    </row>
    <row r="18" spans="2:409" ht="21" customHeight="1" x14ac:dyDescent="0.2">
      <c r="B18" s="62" t="s">
        <v>12</v>
      </c>
      <c r="C18" s="110">
        <v>16445091</v>
      </c>
      <c r="D18" s="114">
        <v>32260243</v>
      </c>
      <c r="E18" s="113">
        <v>48705334</v>
      </c>
      <c r="F18" s="109">
        <v>0</v>
      </c>
      <c r="G18" s="114">
        <v>127596999</v>
      </c>
      <c r="H18" s="170">
        <v>150164332</v>
      </c>
      <c r="I18" s="170">
        <v>140425572</v>
      </c>
      <c r="J18" s="170">
        <v>153696565</v>
      </c>
      <c r="K18" s="170">
        <v>111526068</v>
      </c>
      <c r="L18" s="112">
        <v>683409536</v>
      </c>
      <c r="M18" s="116">
        <v>732114870</v>
      </c>
      <c r="N18" s="110">
        <v>3399509</v>
      </c>
      <c r="O18" s="114">
        <v>8799951</v>
      </c>
      <c r="P18" s="113">
        <v>12199460</v>
      </c>
      <c r="Q18" s="110">
        <v>0</v>
      </c>
      <c r="R18" s="114">
        <v>35001536</v>
      </c>
      <c r="S18" s="114">
        <v>47771415</v>
      </c>
      <c r="T18" s="114">
        <v>44128697</v>
      </c>
      <c r="U18" s="114">
        <v>55441168</v>
      </c>
      <c r="V18" s="114">
        <v>55029567</v>
      </c>
      <c r="W18" s="113">
        <v>237372383</v>
      </c>
      <c r="X18" s="116">
        <v>249571843</v>
      </c>
      <c r="Y18" s="110">
        <v>0</v>
      </c>
      <c r="Z18" s="114">
        <v>0</v>
      </c>
      <c r="AA18" s="113">
        <v>0</v>
      </c>
      <c r="AB18" s="110">
        <v>0</v>
      </c>
      <c r="AC18" s="114">
        <v>19151466</v>
      </c>
      <c r="AD18" s="114">
        <v>26785830</v>
      </c>
      <c r="AE18" s="114">
        <v>27570471</v>
      </c>
      <c r="AF18" s="114">
        <v>35416225</v>
      </c>
      <c r="AG18" s="114">
        <v>36242985</v>
      </c>
      <c r="AH18" s="113">
        <v>145166977</v>
      </c>
      <c r="AI18" s="116">
        <v>145166977</v>
      </c>
      <c r="AJ18" s="110">
        <v>0</v>
      </c>
      <c r="AK18" s="114">
        <v>165188</v>
      </c>
      <c r="AL18" s="113">
        <v>165188</v>
      </c>
      <c r="AM18" s="110">
        <v>0</v>
      </c>
      <c r="AN18" s="114">
        <v>360441</v>
      </c>
      <c r="AO18" s="114">
        <v>832421</v>
      </c>
      <c r="AP18" s="114">
        <v>1472220</v>
      </c>
      <c r="AQ18" s="114">
        <v>3826961</v>
      </c>
      <c r="AR18" s="114">
        <v>5219199</v>
      </c>
      <c r="AS18" s="113">
        <v>11711242</v>
      </c>
      <c r="AT18" s="116">
        <v>11876430</v>
      </c>
      <c r="AU18" s="110">
        <v>2452954</v>
      </c>
      <c r="AV18" s="114">
        <v>6668515</v>
      </c>
      <c r="AW18" s="113">
        <v>9121469</v>
      </c>
      <c r="AX18" s="110">
        <v>0</v>
      </c>
      <c r="AY18" s="114">
        <v>10388010</v>
      </c>
      <c r="AZ18" s="114">
        <v>13493704</v>
      </c>
      <c r="BA18" s="114">
        <v>8969426</v>
      </c>
      <c r="BB18" s="114">
        <v>9133697</v>
      </c>
      <c r="BC18" s="114">
        <v>8128923</v>
      </c>
      <c r="BD18" s="113">
        <v>50113760</v>
      </c>
      <c r="BE18" s="116">
        <v>59235229</v>
      </c>
      <c r="BF18" s="110">
        <v>127305</v>
      </c>
      <c r="BG18" s="114">
        <v>727642</v>
      </c>
      <c r="BH18" s="112">
        <v>854947</v>
      </c>
      <c r="BI18" s="111">
        <v>0</v>
      </c>
      <c r="BJ18" s="114">
        <v>488413</v>
      </c>
      <c r="BK18" s="114">
        <v>1433135</v>
      </c>
      <c r="BL18" s="114">
        <v>1155521</v>
      </c>
      <c r="BM18" s="114">
        <v>788180</v>
      </c>
      <c r="BN18" s="114">
        <v>558100</v>
      </c>
      <c r="BO18" s="113">
        <v>4423349</v>
      </c>
      <c r="BP18" s="116">
        <v>5278296</v>
      </c>
      <c r="BQ18" s="110">
        <v>819250</v>
      </c>
      <c r="BR18" s="114">
        <v>1238606</v>
      </c>
      <c r="BS18" s="113">
        <v>2057856</v>
      </c>
      <c r="BT18" s="110">
        <v>0</v>
      </c>
      <c r="BU18" s="114">
        <v>4613206</v>
      </c>
      <c r="BV18" s="114">
        <v>5226325</v>
      </c>
      <c r="BW18" s="114">
        <v>4961059</v>
      </c>
      <c r="BX18" s="114">
        <v>6276105</v>
      </c>
      <c r="BY18" s="114">
        <v>4880360</v>
      </c>
      <c r="BZ18" s="113">
        <v>25957055</v>
      </c>
      <c r="CA18" s="116">
        <v>28014911</v>
      </c>
      <c r="CB18" s="110">
        <v>3176481</v>
      </c>
      <c r="CC18" s="114">
        <v>5761396</v>
      </c>
      <c r="CD18" s="113">
        <v>8937877</v>
      </c>
      <c r="CE18" s="110">
        <v>0</v>
      </c>
      <c r="CF18" s="114">
        <v>41876854</v>
      </c>
      <c r="CG18" s="114">
        <v>43851158</v>
      </c>
      <c r="CH18" s="114">
        <v>36708000</v>
      </c>
      <c r="CI18" s="114">
        <v>30717799</v>
      </c>
      <c r="CJ18" s="114">
        <v>13940403</v>
      </c>
      <c r="CK18" s="113">
        <v>167094214</v>
      </c>
      <c r="CL18" s="116">
        <v>176032091</v>
      </c>
      <c r="CM18" s="110">
        <v>0</v>
      </c>
      <c r="CN18" s="114">
        <v>0</v>
      </c>
      <c r="CO18" s="113">
        <v>0</v>
      </c>
      <c r="CP18" s="111">
        <v>0</v>
      </c>
      <c r="CQ18" s="114">
        <v>35239685</v>
      </c>
      <c r="CR18" s="114">
        <v>32859598</v>
      </c>
      <c r="CS18" s="114">
        <v>27233557</v>
      </c>
      <c r="CT18" s="114">
        <v>23730122</v>
      </c>
      <c r="CU18" s="114">
        <v>11318210</v>
      </c>
      <c r="CV18" s="113">
        <v>130381172</v>
      </c>
      <c r="CW18" s="116">
        <v>130381172</v>
      </c>
      <c r="CX18" s="110">
        <v>3176481</v>
      </c>
      <c r="CY18" s="114">
        <v>5761396</v>
      </c>
      <c r="CZ18" s="113">
        <v>8937877</v>
      </c>
      <c r="DA18" s="110">
        <v>0</v>
      </c>
      <c r="DB18" s="114">
        <v>6637169</v>
      </c>
      <c r="DC18" s="114">
        <v>10991560</v>
      </c>
      <c r="DD18" s="114">
        <v>9474443</v>
      </c>
      <c r="DE18" s="114">
        <v>6987677</v>
      </c>
      <c r="DF18" s="114">
        <v>2622193</v>
      </c>
      <c r="DG18" s="113">
        <v>36713042</v>
      </c>
      <c r="DH18" s="116">
        <v>45650919</v>
      </c>
      <c r="DI18" s="110">
        <v>201341</v>
      </c>
      <c r="DJ18" s="114">
        <v>536323</v>
      </c>
      <c r="DK18" s="112">
        <v>737664</v>
      </c>
      <c r="DL18" s="111">
        <v>0</v>
      </c>
      <c r="DM18" s="114">
        <v>5444017</v>
      </c>
      <c r="DN18" s="114">
        <v>6609601</v>
      </c>
      <c r="DO18" s="114">
        <v>12242384</v>
      </c>
      <c r="DP18" s="114">
        <v>10861228</v>
      </c>
      <c r="DQ18" s="114">
        <v>7871392</v>
      </c>
      <c r="DR18" s="113">
        <v>43028622</v>
      </c>
      <c r="DS18" s="116">
        <v>43766286</v>
      </c>
      <c r="DT18" s="110">
        <v>201341</v>
      </c>
      <c r="DU18" s="114">
        <v>536323</v>
      </c>
      <c r="DV18" s="113">
        <v>737664</v>
      </c>
      <c r="DW18" s="110">
        <v>0</v>
      </c>
      <c r="DX18" s="114">
        <v>5337612</v>
      </c>
      <c r="DY18" s="114">
        <v>6094133</v>
      </c>
      <c r="DZ18" s="114">
        <v>11861847</v>
      </c>
      <c r="EA18" s="114">
        <v>10584193</v>
      </c>
      <c r="EB18" s="114">
        <v>7768568</v>
      </c>
      <c r="EC18" s="113">
        <v>41646353</v>
      </c>
      <c r="ED18" s="116">
        <v>42384017</v>
      </c>
      <c r="EE18" s="110">
        <v>0</v>
      </c>
      <c r="EF18" s="112">
        <v>0</v>
      </c>
      <c r="EG18" s="113">
        <v>0</v>
      </c>
      <c r="EH18" s="110">
        <v>0</v>
      </c>
      <c r="EI18" s="114">
        <v>106405</v>
      </c>
      <c r="EJ18" s="114">
        <v>515468</v>
      </c>
      <c r="EK18" s="114">
        <v>380537</v>
      </c>
      <c r="EL18" s="114">
        <v>277035</v>
      </c>
      <c r="EM18" s="114">
        <v>102824</v>
      </c>
      <c r="EN18" s="112">
        <v>1382269</v>
      </c>
      <c r="EO18" s="116">
        <v>1382269</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5"/>
      <c r="FE18" s="114">
        <v>0</v>
      </c>
      <c r="FF18" s="114">
        <v>0</v>
      </c>
      <c r="FG18" s="114">
        <v>0</v>
      </c>
      <c r="FH18" s="114">
        <v>0</v>
      </c>
      <c r="FI18" s="114">
        <v>0</v>
      </c>
      <c r="FJ18" s="113">
        <v>0</v>
      </c>
      <c r="FK18" s="116">
        <v>0</v>
      </c>
      <c r="FL18" s="110">
        <v>3752745</v>
      </c>
      <c r="FM18" s="114">
        <v>7838002</v>
      </c>
      <c r="FN18" s="113">
        <v>11590747</v>
      </c>
      <c r="FO18" s="110">
        <v>0</v>
      </c>
      <c r="FP18" s="114">
        <v>5048409</v>
      </c>
      <c r="FQ18" s="114">
        <v>13779910</v>
      </c>
      <c r="FR18" s="114">
        <v>12011226</v>
      </c>
      <c r="FS18" s="114">
        <v>12705261</v>
      </c>
      <c r="FT18" s="114">
        <v>8245492</v>
      </c>
      <c r="FU18" s="113">
        <v>51790298</v>
      </c>
      <c r="FV18" s="116">
        <v>63381045</v>
      </c>
      <c r="FW18" s="115">
        <v>2220032</v>
      </c>
      <c r="FX18" s="114">
        <v>5367495</v>
      </c>
      <c r="FY18" s="112">
        <v>7587527</v>
      </c>
      <c r="FZ18" s="111">
        <v>0</v>
      </c>
      <c r="GA18" s="114">
        <v>3575157</v>
      </c>
      <c r="GB18" s="114">
        <v>12350565</v>
      </c>
      <c r="GC18" s="114">
        <v>10960218</v>
      </c>
      <c r="GD18" s="114">
        <v>11419116</v>
      </c>
      <c r="GE18" s="114">
        <v>7743672</v>
      </c>
      <c r="GF18" s="113">
        <v>46048728</v>
      </c>
      <c r="GG18" s="316">
        <v>53636255</v>
      </c>
      <c r="GH18" s="115">
        <v>77992</v>
      </c>
      <c r="GI18" s="114">
        <v>434003</v>
      </c>
      <c r="GJ18" s="112">
        <v>511995</v>
      </c>
      <c r="GK18" s="111">
        <v>0</v>
      </c>
      <c r="GL18" s="114">
        <v>288512</v>
      </c>
      <c r="GM18" s="114">
        <v>538068</v>
      </c>
      <c r="GN18" s="114">
        <v>405308</v>
      </c>
      <c r="GO18" s="114">
        <v>457760</v>
      </c>
      <c r="GP18" s="114">
        <v>126970</v>
      </c>
      <c r="GQ18" s="113">
        <v>1816618</v>
      </c>
      <c r="GR18" s="116">
        <v>2328613</v>
      </c>
      <c r="GS18" s="110">
        <v>1454721</v>
      </c>
      <c r="GT18" s="114">
        <v>2036504</v>
      </c>
      <c r="GU18" s="113">
        <v>3491225</v>
      </c>
      <c r="GV18" s="110">
        <v>0</v>
      </c>
      <c r="GW18" s="114">
        <v>1184740</v>
      </c>
      <c r="GX18" s="114">
        <v>891277</v>
      </c>
      <c r="GY18" s="114">
        <v>645700</v>
      </c>
      <c r="GZ18" s="114">
        <v>828385</v>
      </c>
      <c r="HA18" s="114">
        <v>374850</v>
      </c>
      <c r="HB18" s="112">
        <v>3924952</v>
      </c>
      <c r="HC18" s="116">
        <v>7416177</v>
      </c>
      <c r="HD18" s="110">
        <v>2688772</v>
      </c>
      <c r="HE18" s="114">
        <v>4326114</v>
      </c>
      <c r="HF18" s="112">
        <v>7014886</v>
      </c>
      <c r="HG18" s="111">
        <v>0</v>
      </c>
      <c r="HH18" s="114">
        <v>17443566</v>
      </c>
      <c r="HI18" s="114">
        <v>18767458</v>
      </c>
      <c r="HJ18" s="114">
        <v>20269258</v>
      </c>
      <c r="HK18" s="114">
        <v>31822090</v>
      </c>
      <c r="HL18" s="114">
        <v>20175450</v>
      </c>
      <c r="HM18" s="113">
        <v>108477822</v>
      </c>
      <c r="HN18" s="109">
        <v>115492708</v>
      </c>
      <c r="HO18" s="115">
        <v>3226243</v>
      </c>
      <c r="HP18" s="114">
        <v>4998457</v>
      </c>
      <c r="HQ18" s="113">
        <v>8224700</v>
      </c>
      <c r="HR18" s="110">
        <v>0</v>
      </c>
      <c r="HS18" s="114">
        <v>22782617</v>
      </c>
      <c r="HT18" s="114">
        <v>19384790</v>
      </c>
      <c r="HU18" s="114">
        <v>15066007</v>
      </c>
      <c r="HV18" s="114">
        <v>12149019</v>
      </c>
      <c r="HW18" s="114">
        <v>6263764</v>
      </c>
      <c r="HX18" s="112">
        <v>75646197</v>
      </c>
      <c r="HY18" s="116">
        <v>83870897</v>
      </c>
      <c r="HZ18" s="150">
        <v>0</v>
      </c>
      <c r="IA18" s="135">
        <v>89109</v>
      </c>
      <c r="IB18" s="150">
        <v>89109</v>
      </c>
      <c r="IC18" s="134">
        <v>0</v>
      </c>
      <c r="ID18" s="135">
        <v>33788085</v>
      </c>
      <c r="IE18" s="136">
        <v>41633653</v>
      </c>
      <c r="IF18" s="137">
        <v>46502958</v>
      </c>
      <c r="IG18" s="135">
        <v>45980705</v>
      </c>
      <c r="IH18" s="137">
        <v>32378402</v>
      </c>
      <c r="II18" s="138">
        <v>200283803</v>
      </c>
      <c r="IJ18" s="150">
        <v>200372912</v>
      </c>
      <c r="IK18" s="232">
        <v>0</v>
      </c>
      <c r="IL18" s="236">
        <v>0</v>
      </c>
      <c r="IM18" s="237">
        <v>0</v>
      </c>
      <c r="IN18" s="140"/>
      <c r="IO18" s="119">
        <v>626433</v>
      </c>
      <c r="IP18" s="119">
        <v>623055</v>
      </c>
      <c r="IQ18" s="119">
        <v>835311</v>
      </c>
      <c r="IR18" s="119">
        <v>722568</v>
      </c>
      <c r="IS18" s="119">
        <v>1932534</v>
      </c>
      <c r="IT18" s="141">
        <v>4739901</v>
      </c>
      <c r="IU18" s="318">
        <v>4739901</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9677927</v>
      </c>
      <c r="JL18" s="119">
        <v>15162345</v>
      </c>
      <c r="JM18" s="119">
        <v>13676126</v>
      </c>
      <c r="JN18" s="119">
        <v>10039734</v>
      </c>
      <c r="JO18" s="119">
        <v>3133015</v>
      </c>
      <c r="JP18" s="120">
        <v>61689147</v>
      </c>
      <c r="JQ18" s="318">
        <v>61689147</v>
      </c>
      <c r="JR18" s="142">
        <v>0</v>
      </c>
      <c r="JS18" s="119">
        <v>0</v>
      </c>
      <c r="JT18" s="141">
        <v>0</v>
      </c>
      <c r="JU18" s="118">
        <v>0</v>
      </c>
      <c r="JV18" s="119">
        <v>322857</v>
      </c>
      <c r="JW18" s="119">
        <v>191198</v>
      </c>
      <c r="JX18" s="119">
        <v>156989</v>
      </c>
      <c r="JY18" s="119">
        <v>68971</v>
      </c>
      <c r="JZ18" s="119">
        <v>218360</v>
      </c>
      <c r="KA18" s="120">
        <v>958375</v>
      </c>
      <c r="KB18" s="318">
        <v>958375</v>
      </c>
      <c r="KC18" s="234">
        <v>0</v>
      </c>
      <c r="KD18" s="230">
        <v>89109</v>
      </c>
      <c r="KE18" s="120">
        <v>89109</v>
      </c>
      <c r="KF18" s="118">
        <v>0</v>
      </c>
      <c r="KG18" s="119">
        <v>2602182</v>
      </c>
      <c r="KH18" s="119">
        <v>6695731</v>
      </c>
      <c r="KI18" s="119">
        <v>11132058</v>
      </c>
      <c r="KJ18" s="119">
        <v>12806077</v>
      </c>
      <c r="KK18" s="119">
        <v>7779225</v>
      </c>
      <c r="KL18" s="120">
        <v>41015273</v>
      </c>
      <c r="KM18" s="143">
        <v>41104382</v>
      </c>
      <c r="KN18" s="232">
        <v>0</v>
      </c>
      <c r="KO18" s="236">
        <v>0</v>
      </c>
      <c r="KP18" s="237">
        <v>0</v>
      </c>
      <c r="KQ18" s="140"/>
      <c r="KR18" s="119">
        <v>9260635</v>
      </c>
      <c r="KS18" s="119">
        <v>14187706</v>
      </c>
      <c r="KT18" s="119">
        <v>11018645</v>
      </c>
      <c r="KU18" s="119">
        <v>9625864</v>
      </c>
      <c r="KV18" s="119">
        <v>10010066</v>
      </c>
      <c r="KW18" s="120">
        <v>54102916</v>
      </c>
      <c r="KX18" s="318">
        <v>54102916</v>
      </c>
      <c r="KY18" s="142">
        <v>0</v>
      </c>
      <c r="KZ18" s="119">
        <v>0</v>
      </c>
      <c r="LA18" s="120">
        <v>0</v>
      </c>
      <c r="LB18" s="145"/>
      <c r="LC18" s="119">
        <v>171142</v>
      </c>
      <c r="LD18" s="119">
        <v>845315</v>
      </c>
      <c r="LE18" s="119">
        <v>1137112</v>
      </c>
      <c r="LF18" s="119">
        <v>2245236</v>
      </c>
      <c r="LG18" s="119">
        <v>922757</v>
      </c>
      <c r="LH18" s="120">
        <v>5321562</v>
      </c>
      <c r="LI18" s="121">
        <v>5321562</v>
      </c>
      <c r="LJ18" s="142">
        <v>0</v>
      </c>
      <c r="LK18" s="119">
        <v>0</v>
      </c>
      <c r="LL18" s="120">
        <v>0</v>
      </c>
      <c r="LM18" s="145"/>
      <c r="LN18" s="119">
        <v>0</v>
      </c>
      <c r="LO18" s="119">
        <v>259887</v>
      </c>
      <c r="LP18" s="119">
        <v>2773593</v>
      </c>
      <c r="LQ18" s="119">
        <v>3319081</v>
      </c>
      <c r="LR18" s="119">
        <v>2181513</v>
      </c>
      <c r="LS18" s="120">
        <v>8534074</v>
      </c>
      <c r="LT18" s="318">
        <v>8534074</v>
      </c>
      <c r="LU18" s="142">
        <v>0</v>
      </c>
      <c r="LV18" s="119">
        <v>0</v>
      </c>
      <c r="LW18" s="120">
        <v>0</v>
      </c>
      <c r="LX18" s="145"/>
      <c r="LY18" s="119">
        <v>1126909</v>
      </c>
      <c r="LZ18" s="119">
        <v>3668416</v>
      </c>
      <c r="MA18" s="119">
        <v>5773124</v>
      </c>
      <c r="MB18" s="119">
        <v>7153174</v>
      </c>
      <c r="MC18" s="119">
        <v>6200932</v>
      </c>
      <c r="MD18" s="120">
        <v>23922555</v>
      </c>
      <c r="ME18" s="121">
        <v>23922555</v>
      </c>
      <c r="MF18" s="142">
        <v>0</v>
      </c>
      <c r="MG18" s="119">
        <v>0</v>
      </c>
      <c r="MH18" s="120">
        <v>0</v>
      </c>
      <c r="MI18" s="145"/>
      <c r="MJ18" s="119">
        <v>10890573</v>
      </c>
      <c r="MK18" s="119">
        <v>29558162</v>
      </c>
      <c r="ML18" s="119">
        <v>94351268</v>
      </c>
      <c r="MM18" s="119">
        <v>136767593</v>
      </c>
      <c r="MN18" s="119">
        <v>101940774</v>
      </c>
      <c r="MO18" s="120">
        <v>373508370</v>
      </c>
      <c r="MP18" s="143">
        <v>373508370</v>
      </c>
      <c r="MQ18" s="142">
        <v>0</v>
      </c>
      <c r="MR18" s="119">
        <v>0</v>
      </c>
      <c r="MS18" s="120">
        <v>0</v>
      </c>
      <c r="MT18" s="145"/>
      <c r="MU18" s="119">
        <v>0</v>
      </c>
      <c r="MV18" s="119">
        <v>4370092</v>
      </c>
      <c r="MW18" s="119">
        <v>48339638</v>
      </c>
      <c r="MX18" s="119">
        <v>80174795</v>
      </c>
      <c r="MY18" s="119">
        <v>72243018</v>
      </c>
      <c r="MZ18" s="120">
        <v>205127543</v>
      </c>
      <c r="NA18" s="143">
        <v>205127543</v>
      </c>
      <c r="NB18" s="142">
        <v>0</v>
      </c>
      <c r="NC18" s="119">
        <v>0</v>
      </c>
      <c r="ND18" s="120">
        <v>0</v>
      </c>
      <c r="NE18" s="145"/>
      <c r="NF18" s="119">
        <v>10890573</v>
      </c>
      <c r="NG18" s="119">
        <v>24586425</v>
      </c>
      <c r="NH18" s="119">
        <v>45329025</v>
      </c>
      <c r="NI18" s="119">
        <v>52147914</v>
      </c>
      <c r="NJ18" s="119">
        <v>25227085</v>
      </c>
      <c r="NK18" s="120">
        <v>158181022</v>
      </c>
      <c r="NL18" s="318">
        <v>158181022</v>
      </c>
      <c r="NM18" s="142">
        <v>0</v>
      </c>
      <c r="NN18" s="119">
        <v>0</v>
      </c>
      <c r="NO18" s="120">
        <v>0</v>
      </c>
      <c r="NP18" s="145"/>
      <c r="NQ18" s="119">
        <v>0</v>
      </c>
      <c r="NR18" s="119">
        <v>0</v>
      </c>
      <c r="NS18" s="119">
        <v>0</v>
      </c>
      <c r="NT18" s="119">
        <v>0</v>
      </c>
      <c r="NU18" s="119">
        <v>383274</v>
      </c>
      <c r="NV18" s="120">
        <v>383274</v>
      </c>
      <c r="NW18" s="121">
        <v>383274</v>
      </c>
      <c r="NX18" s="142">
        <v>0</v>
      </c>
      <c r="NY18" s="119">
        <v>0</v>
      </c>
      <c r="NZ18" s="120">
        <v>0</v>
      </c>
      <c r="OA18" s="145"/>
      <c r="OB18" s="119">
        <v>0</v>
      </c>
      <c r="OC18" s="119">
        <v>601645</v>
      </c>
      <c r="OD18" s="119">
        <v>682605</v>
      </c>
      <c r="OE18" s="119">
        <v>4444884</v>
      </c>
      <c r="OF18" s="119">
        <v>4087397</v>
      </c>
      <c r="OG18" s="120">
        <v>9816531</v>
      </c>
      <c r="OH18" s="121">
        <v>9816531</v>
      </c>
      <c r="OI18" s="142">
        <v>16445091</v>
      </c>
      <c r="OJ18" s="119">
        <v>32349352</v>
      </c>
      <c r="OK18" s="141">
        <v>48794443</v>
      </c>
      <c r="OL18" s="118">
        <v>0</v>
      </c>
      <c r="OM18" s="119">
        <v>172275657</v>
      </c>
      <c r="ON18" s="119">
        <v>221356147</v>
      </c>
      <c r="OO18" s="119">
        <v>281279798</v>
      </c>
      <c r="OP18" s="119">
        <v>336444863</v>
      </c>
      <c r="OQ18" s="119">
        <v>245845244</v>
      </c>
      <c r="OR18" s="120">
        <v>1257201709</v>
      </c>
      <c r="OS18" s="143">
        <v>1305996152</v>
      </c>
    </row>
    <row r="19" spans="2:409" ht="21" customHeight="1" x14ac:dyDescent="0.2">
      <c r="B19" s="62" t="s">
        <v>13</v>
      </c>
      <c r="C19" s="110">
        <v>3809083</v>
      </c>
      <c r="D19" s="114">
        <v>5203287</v>
      </c>
      <c r="E19" s="113">
        <v>9012370</v>
      </c>
      <c r="F19" s="110">
        <v>0</v>
      </c>
      <c r="G19" s="170">
        <v>49100085</v>
      </c>
      <c r="H19" s="114">
        <v>58582735</v>
      </c>
      <c r="I19" s="114">
        <v>55489350</v>
      </c>
      <c r="J19" s="114">
        <v>60661457</v>
      </c>
      <c r="K19" s="114">
        <v>51471686</v>
      </c>
      <c r="L19" s="112">
        <v>275305313</v>
      </c>
      <c r="M19" s="116">
        <v>284317683</v>
      </c>
      <c r="N19" s="110">
        <v>811701</v>
      </c>
      <c r="O19" s="114">
        <v>1307762</v>
      </c>
      <c r="P19" s="113">
        <v>2119463</v>
      </c>
      <c r="Q19" s="110">
        <v>0</v>
      </c>
      <c r="R19" s="114">
        <v>14266601</v>
      </c>
      <c r="S19" s="114">
        <v>18042764</v>
      </c>
      <c r="T19" s="114">
        <v>18225045</v>
      </c>
      <c r="U19" s="114">
        <v>21785037</v>
      </c>
      <c r="V19" s="114">
        <v>28949173</v>
      </c>
      <c r="W19" s="113">
        <v>101268620</v>
      </c>
      <c r="X19" s="116">
        <v>103388083</v>
      </c>
      <c r="Y19" s="110">
        <v>0</v>
      </c>
      <c r="Z19" s="114">
        <v>0</v>
      </c>
      <c r="AA19" s="113">
        <v>0</v>
      </c>
      <c r="AB19" s="110">
        <v>0</v>
      </c>
      <c r="AC19" s="114">
        <v>6136575</v>
      </c>
      <c r="AD19" s="114">
        <v>9019608</v>
      </c>
      <c r="AE19" s="114">
        <v>10633523</v>
      </c>
      <c r="AF19" s="114">
        <v>12904849</v>
      </c>
      <c r="AG19" s="114">
        <v>19309404</v>
      </c>
      <c r="AH19" s="113">
        <v>58003959</v>
      </c>
      <c r="AI19" s="116">
        <v>58003959</v>
      </c>
      <c r="AJ19" s="110">
        <v>0</v>
      </c>
      <c r="AK19" s="114">
        <v>0</v>
      </c>
      <c r="AL19" s="113">
        <v>0</v>
      </c>
      <c r="AM19" s="110">
        <v>0</v>
      </c>
      <c r="AN19" s="114">
        <v>27169</v>
      </c>
      <c r="AO19" s="114">
        <v>52555</v>
      </c>
      <c r="AP19" s="114">
        <v>327614</v>
      </c>
      <c r="AQ19" s="114">
        <v>996713</v>
      </c>
      <c r="AR19" s="114">
        <v>2623961</v>
      </c>
      <c r="AS19" s="113">
        <v>4028012</v>
      </c>
      <c r="AT19" s="116">
        <v>4028012</v>
      </c>
      <c r="AU19" s="110">
        <v>178396</v>
      </c>
      <c r="AV19" s="114">
        <v>704335</v>
      </c>
      <c r="AW19" s="113">
        <v>882731</v>
      </c>
      <c r="AX19" s="110">
        <v>0</v>
      </c>
      <c r="AY19" s="114">
        <v>4943265</v>
      </c>
      <c r="AZ19" s="114">
        <v>5408338</v>
      </c>
      <c r="BA19" s="114">
        <v>4372519</v>
      </c>
      <c r="BB19" s="114">
        <v>4387576</v>
      </c>
      <c r="BC19" s="114">
        <v>4011122</v>
      </c>
      <c r="BD19" s="113">
        <v>23122820</v>
      </c>
      <c r="BE19" s="116">
        <v>24005551</v>
      </c>
      <c r="BF19" s="110">
        <v>26507</v>
      </c>
      <c r="BG19" s="114">
        <v>226983</v>
      </c>
      <c r="BH19" s="112">
        <v>253490</v>
      </c>
      <c r="BI19" s="111">
        <v>0</v>
      </c>
      <c r="BJ19" s="114">
        <v>606411</v>
      </c>
      <c r="BK19" s="114">
        <v>893109</v>
      </c>
      <c r="BL19" s="114">
        <v>358778</v>
      </c>
      <c r="BM19" s="114">
        <v>435986</v>
      </c>
      <c r="BN19" s="114">
        <v>414520</v>
      </c>
      <c r="BO19" s="113">
        <v>2708804</v>
      </c>
      <c r="BP19" s="116">
        <v>2962294</v>
      </c>
      <c r="BQ19" s="110">
        <v>606798</v>
      </c>
      <c r="BR19" s="114">
        <v>376444</v>
      </c>
      <c r="BS19" s="113">
        <v>983242</v>
      </c>
      <c r="BT19" s="110">
        <v>0</v>
      </c>
      <c r="BU19" s="114">
        <v>2553181</v>
      </c>
      <c r="BV19" s="114">
        <v>2669154</v>
      </c>
      <c r="BW19" s="114">
        <v>2532611</v>
      </c>
      <c r="BX19" s="114">
        <v>3059913</v>
      </c>
      <c r="BY19" s="114">
        <v>2590166</v>
      </c>
      <c r="BZ19" s="113">
        <v>13405025</v>
      </c>
      <c r="CA19" s="116">
        <v>14388267</v>
      </c>
      <c r="CB19" s="110">
        <v>248746</v>
      </c>
      <c r="CC19" s="114">
        <v>658434</v>
      </c>
      <c r="CD19" s="113">
        <v>907180</v>
      </c>
      <c r="CE19" s="110">
        <v>0</v>
      </c>
      <c r="CF19" s="114">
        <v>10076888</v>
      </c>
      <c r="CG19" s="114">
        <v>13349421</v>
      </c>
      <c r="CH19" s="114">
        <v>10411728</v>
      </c>
      <c r="CI19" s="114">
        <v>8072592</v>
      </c>
      <c r="CJ19" s="114">
        <v>3849440</v>
      </c>
      <c r="CK19" s="113">
        <v>45760069</v>
      </c>
      <c r="CL19" s="116">
        <v>46667249</v>
      </c>
      <c r="CM19" s="110">
        <v>0</v>
      </c>
      <c r="CN19" s="114">
        <v>0</v>
      </c>
      <c r="CO19" s="113">
        <v>0</v>
      </c>
      <c r="CP19" s="111">
        <v>0</v>
      </c>
      <c r="CQ19" s="114">
        <v>9259517</v>
      </c>
      <c r="CR19" s="114">
        <v>11974401</v>
      </c>
      <c r="CS19" s="114">
        <v>9411914</v>
      </c>
      <c r="CT19" s="114">
        <v>5940152</v>
      </c>
      <c r="CU19" s="114">
        <v>2857538</v>
      </c>
      <c r="CV19" s="113">
        <v>39443522</v>
      </c>
      <c r="CW19" s="116">
        <v>39443522</v>
      </c>
      <c r="CX19" s="110">
        <v>248746</v>
      </c>
      <c r="CY19" s="114">
        <v>658434</v>
      </c>
      <c r="CZ19" s="113">
        <v>907180</v>
      </c>
      <c r="DA19" s="110">
        <v>0</v>
      </c>
      <c r="DB19" s="114">
        <v>817371</v>
      </c>
      <c r="DC19" s="114">
        <v>1375020</v>
      </c>
      <c r="DD19" s="114">
        <v>999814</v>
      </c>
      <c r="DE19" s="114">
        <v>2132440</v>
      </c>
      <c r="DF19" s="114">
        <v>991902</v>
      </c>
      <c r="DG19" s="113">
        <v>6316547</v>
      </c>
      <c r="DH19" s="116">
        <v>7223727</v>
      </c>
      <c r="DI19" s="110">
        <v>0</v>
      </c>
      <c r="DJ19" s="114">
        <v>64523</v>
      </c>
      <c r="DK19" s="112">
        <v>64523</v>
      </c>
      <c r="DL19" s="111">
        <v>0</v>
      </c>
      <c r="DM19" s="114">
        <v>1365600</v>
      </c>
      <c r="DN19" s="114">
        <v>2168759</v>
      </c>
      <c r="DO19" s="114">
        <v>5668961</v>
      </c>
      <c r="DP19" s="114">
        <v>5542392</v>
      </c>
      <c r="DQ19" s="114">
        <v>1630504</v>
      </c>
      <c r="DR19" s="113">
        <v>16376216</v>
      </c>
      <c r="DS19" s="116">
        <v>16440739</v>
      </c>
      <c r="DT19" s="110">
        <v>0</v>
      </c>
      <c r="DU19" s="114">
        <v>64523</v>
      </c>
      <c r="DV19" s="113">
        <v>64523</v>
      </c>
      <c r="DW19" s="110">
        <v>0</v>
      </c>
      <c r="DX19" s="114">
        <v>1319809</v>
      </c>
      <c r="DY19" s="114">
        <v>1897278</v>
      </c>
      <c r="DZ19" s="114">
        <v>4828895</v>
      </c>
      <c r="EA19" s="114">
        <v>4728445</v>
      </c>
      <c r="EB19" s="114">
        <v>1454905</v>
      </c>
      <c r="EC19" s="113">
        <v>14229332</v>
      </c>
      <c r="ED19" s="116">
        <v>14293855</v>
      </c>
      <c r="EE19" s="110">
        <v>0</v>
      </c>
      <c r="EF19" s="112">
        <v>0</v>
      </c>
      <c r="EG19" s="113">
        <v>0</v>
      </c>
      <c r="EH19" s="110">
        <v>0</v>
      </c>
      <c r="EI19" s="114">
        <v>45791</v>
      </c>
      <c r="EJ19" s="114">
        <v>271481</v>
      </c>
      <c r="EK19" s="114">
        <v>840066</v>
      </c>
      <c r="EL19" s="114">
        <v>813947</v>
      </c>
      <c r="EM19" s="114">
        <v>175599</v>
      </c>
      <c r="EN19" s="112">
        <v>2146884</v>
      </c>
      <c r="EO19" s="116">
        <v>2146884</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5"/>
      <c r="FE19" s="114">
        <v>0</v>
      </c>
      <c r="FF19" s="114">
        <v>0</v>
      </c>
      <c r="FG19" s="114">
        <v>0</v>
      </c>
      <c r="FH19" s="114">
        <v>0</v>
      </c>
      <c r="FI19" s="114">
        <v>0</v>
      </c>
      <c r="FJ19" s="113">
        <v>0</v>
      </c>
      <c r="FK19" s="116">
        <v>0</v>
      </c>
      <c r="FL19" s="110">
        <v>1025911</v>
      </c>
      <c r="FM19" s="114">
        <v>1202548</v>
      </c>
      <c r="FN19" s="113">
        <v>2228459</v>
      </c>
      <c r="FO19" s="110">
        <v>0</v>
      </c>
      <c r="FP19" s="114">
        <v>2431884</v>
      </c>
      <c r="FQ19" s="114">
        <v>4979094</v>
      </c>
      <c r="FR19" s="114">
        <v>4247020</v>
      </c>
      <c r="FS19" s="114">
        <v>4601066</v>
      </c>
      <c r="FT19" s="114">
        <v>3103415</v>
      </c>
      <c r="FU19" s="113">
        <v>19362479</v>
      </c>
      <c r="FV19" s="116">
        <v>21590938</v>
      </c>
      <c r="FW19" s="115">
        <v>336002</v>
      </c>
      <c r="FX19" s="114">
        <v>852439</v>
      </c>
      <c r="FY19" s="112">
        <v>1188441</v>
      </c>
      <c r="FZ19" s="111">
        <v>0</v>
      </c>
      <c r="GA19" s="114">
        <v>1747994</v>
      </c>
      <c r="GB19" s="114">
        <v>4819758</v>
      </c>
      <c r="GC19" s="114">
        <v>3907925</v>
      </c>
      <c r="GD19" s="114">
        <v>4207516</v>
      </c>
      <c r="GE19" s="114">
        <v>2983526</v>
      </c>
      <c r="GF19" s="113">
        <v>17666719</v>
      </c>
      <c r="GG19" s="316">
        <v>18855160</v>
      </c>
      <c r="GH19" s="115">
        <v>0</v>
      </c>
      <c r="GI19" s="114">
        <v>118503</v>
      </c>
      <c r="GJ19" s="112">
        <v>118503</v>
      </c>
      <c r="GK19" s="111">
        <v>0</v>
      </c>
      <c r="GL19" s="114">
        <v>117018</v>
      </c>
      <c r="GM19" s="114">
        <v>103734</v>
      </c>
      <c r="GN19" s="114">
        <v>185595</v>
      </c>
      <c r="GO19" s="114">
        <v>11550</v>
      </c>
      <c r="GP19" s="114">
        <v>119889</v>
      </c>
      <c r="GQ19" s="113">
        <v>537786</v>
      </c>
      <c r="GR19" s="116">
        <v>656289</v>
      </c>
      <c r="GS19" s="110">
        <v>689909</v>
      </c>
      <c r="GT19" s="114">
        <v>231606</v>
      </c>
      <c r="GU19" s="113">
        <v>921515</v>
      </c>
      <c r="GV19" s="110">
        <v>0</v>
      </c>
      <c r="GW19" s="114">
        <v>566872</v>
      </c>
      <c r="GX19" s="114">
        <v>55602</v>
      </c>
      <c r="GY19" s="114">
        <v>153500</v>
      </c>
      <c r="GZ19" s="114">
        <v>382000</v>
      </c>
      <c r="HA19" s="114">
        <v>0</v>
      </c>
      <c r="HB19" s="112">
        <v>1157974</v>
      </c>
      <c r="HC19" s="116">
        <v>2079489</v>
      </c>
      <c r="HD19" s="110">
        <v>1318892</v>
      </c>
      <c r="HE19" s="114">
        <v>1077304</v>
      </c>
      <c r="HF19" s="112">
        <v>2396196</v>
      </c>
      <c r="HG19" s="111">
        <v>0</v>
      </c>
      <c r="HH19" s="114">
        <v>12340057</v>
      </c>
      <c r="HI19" s="114">
        <v>12311379</v>
      </c>
      <c r="HJ19" s="114">
        <v>11244549</v>
      </c>
      <c r="HK19" s="114">
        <v>16070632</v>
      </c>
      <c r="HL19" s="114">
        <v>10988622</v>
      </c>
      <c r="HM19" s="113">
        <v>62955239</v>
      </c>
      <c r="HN19" s="109">
        <v>65351435</v>
      </c>
      <c r="HO19" s="115">
        <v>403833</v>
      </c>
      <c r="HP19" s="114">
        <v>892716</v>
      </c>
      <c r="HQ19" s="113">
        <v>1296549</v>
      </c>
      <c r="HR19" s="110">
        <v>0</v>
      </c>
      <c r="HS19" s="114">
        <v>8619055</v>
      </c>
      <c r="HT19" s="114">
        <v>7731318</v>
      </c>
      <c r="HU19" s="114">
        <v>5692047</v>
      </c>
      <c r="HV19" s="114">
        <v>4589738</v>
      </c>
      <c r="HW19" s="114">
        <v>2950532</v>
      </c>
      <c r="HX19" s="112">
        <v>29582690</v>
      </c>
      <c r="HY19" s="116">
        <v>30879239</v>
      </c>
      <c r="HZ19" s="131">
        <v>32984</v>
      </c>
      <c r="IA19" s="132">
        <v>199974</v>
      </c>
      <c r="IB19" s="133">
        <v>232958</v>
      </c>
      <c r="IC19" s="146">
        <v>0</v>
      </c>
      <c r="ID19" s="132">
        <v>11388902</v>
      </c>
      <c r="IE19" s="147">
        <v>13331808</v>
      </c>
      <c r="IF19" s="133">
        <v>16926764</v>
      </c>
      <c r="IG19" s="132">
        <v>9650116</v>
      </c>
      <c r="IH19" s="133">
        <v>7206031</v>
      </c>
      <c r="II19" s="148">
        <v>58503621</v>
      </c>
      <c r="IJ19" s="139">
        <v>58736579</v>
      </c>
      <c r="IK19" s="232">
        <v>0</v>
      </c>
      <c r="IL19" s="236">
        <v>0</v>
      </c>
      <c r="IM19" s="237">
        <v>0</v>
      </c>
      <c r="IN19" s="140"/>
      <c r="IO19" s="119">
        <v>80083</v>
      </c>
      <c r="IP19" s="119">
        <v>139182</v>
      </c>
      <c r="IQ19" s="119">
        <v>358512</v>
      </c>
      <c r="IR19" s="119">
        <v>252872</v>
      </c>
      <c r="IS19" s="119">
        <v>336488</v>
      </c>
      <c r="IT19" s="141">
        <v>1167137</v>
      </c>
      <c r="IU19" s="318">
        <v>1167137</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7141952</v>
      </c>
      <c r="JL19" s="119">
        <v>7431122</v>
      </c>
      <c r="JM19" s="119">
        <v>6679551</v>
      </c>
      <c r="JN19" s="119">
        <v>3540110</v>
      </c>
      <c r="JO19" s="119">
        <v>2165764</v>
      </c>
      <c r="JP19" s="120">
        <v>26958499</v>
      </c>
      <c r="JQ19" s="318">
        <v>26958499</v>
      </c>
      <c r="JR19" s="142">
        <v>0</v>
      </c>
      <c r="JS19" s="119">
        <v>0</v>
      </c>
      <c r="JT19" s="141">
        <v>0</v>
      </c>
      <c r="JU19" s="118">
        <v>0</v>
      </c>
      <c r="JV19" s="119">
        <v>136752</v>
      </c>
      <c r="JW19" s="119">
        <v>461491</v>
      </c>
      <c r="JX19" s="119">
        <v>895404</v>
      </c>
      <c r="JY19" s="119">
        <v>364163</v>
      </c>
      <c r="JZ19" s="119">
        <v>391710</v>
      </c>
      <c r="KA19" s="120">
        <v>2249520</v>
      </c>
      <c r="KB19" s="318">
        <v>2249520</v>
      </c>
      <c r="KC19" s="234">
        <v>32984</v>
      </c>
      <c r="KD19" s="230">
        <v>199974</v>
      </c>
      <c r="KE19" s="120">
        <v>232958</v>
      </c>
      <c r="KF19" s="118">
        <v>0</v>
      </c>
      <c r="KG19" s="119">
        <v>1390306</v>
      </c>
      <c r="KH19" s="119">
        <v>1335985</v>
      </c>
      <c r="KI19" s="119">
        <v>1334227</v>
      </c>
      <c r="KJ19" s="119">
        <v>461682</v>
      </c>
      <c r="KK19" s="119">
        <v>0</v>
      </c>
      <c r="KL19" s="120">
        <v>4522200</v>
      </c>
      <c r="KM19" s="143">
        <v>4755158</v>
      </c>
      <c r="KN19" s="232">
        <v>0</v>
      </c>
      <c r="KO19" s="236">
        <v>0</v>
      </c>
      <c r="KP19" s="237">
        <v>0</v>
      </c>
      <c r="KQ19" s="140"/>
      <c r="KR19" s="119">
        <v>2639809</v>
      </c>
      <c r="KS19" s="119">
        <v>3964028</v>
      </c>
      <c r="KT19" s="119">
        <v>7442041</v>
      </c>
      <c r="KU19" s="119">
        <v>3896342</v>
      </c>
      <c r="KV19" s="119">
        <v>3383353</v>
      </c>
      <c r="KW19" s="120">
        <v>21325573</v>
      </c>
      <c r="KX19" s="318">
        <v>21325573</v>
      </c>
      <c r="KY19" s="142">
        <v>0</v>
      </c>
      <c r="KZ19" s="119">
        <v>0</v>
      </c>
      <c r="LA19" s="120">
        <v>0</v>
      </c>
      <c r="LB19" s="145"/>
      <c r="LC19" s="119">
        <v>0</v>
      </c>
      <c r="LD19" s="119">
        <v>0</v>
      </c>
      <c r="LE19" s="119">
        <v>217029</v>
      </c>
      <c r="LF19" s="119">
        <v>1134947</v>
      </c>
      <c r="LG19" s="119">
        <v>928716</v>
      </c>
      <c r="LH19" s="120">
        <v>2280692</v>
      </c>
      <c r="LI19" s="121">
        <v>2280692</v>
      </c>
      <c r="LJ19" s="142">
        <v>0</v>
      </c>
      <c r="LK19" s="119">
        <v>0</v>
      </c>
      <c r="LL19" s="120">
        <v>0</v>
      </c>
      <c r="LM19" s="145"/>
      <c r="LN19" s="119">
        <v>0</v>
      </c>
      <c r="LO19" s="119">
        <v>0</v>
      </c>
      <c r="LP19" s="119">
        <v>0</v>
      </c>
      <c r="LQ19" s="119">
        <v>0</v>
      </c>
      <c r="LR19" s="119">
        <v>0</v>
      </c>
      <c r="LS19" s="120">
        <v>0</v>
      </c>
      <c r="LT19" s="318">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2857458</v>
      </c>
      <c r="MK19" s="119">
        <v>8028498</v>
      </c>
      <c r="ML19" s="119">
        <v>28424214</v>
      </c>
      <c r="MM19" s="119">
        <v>54747191</v>
      </c>
      <c r="MN19" s="119">
        <v>43203104</v>
      </c>
      <c r="MO19" s="120">
        <v>137260465</v>
      </c>
      <c r="MP19" s="143">
        <v>137260465</v>
      </c>
      <c r="MQ19" s="142">
        <v>0</v>
      </c>
      <c r="MR19" s="119">
        <v>0</v>
      </c>
      <c r="MS19" s="120">
        <v>0</v>
      </c>
      <c r="MT19" s="145"/>
      <c r="MU19" s="119">
        <v>435444</v>
      </c>
      <c r="MV19" s="119">
        <v>735233</v>
      </c>
      <c r="MW19" s="119">
        <v>16622119</v>
      </c>
      <c r="MX19" s="119">
        <v>44114438</v>
      </c>
      <c r="MY19" s="119">
        <v>34685526</v>
      </c>
      <c r="MZ19" s="120">
        <v>96592760</v>
      </c>
      <c r="NA19" s="143">
        <v>96592760</v>
      </c>
      <c r="NB19" s="142">
        <v>0</v>
      </c>
      <c r="NC19" s="119">
        <v>0</v>
      </c>
      <c r="ND19" s="120">
        <v>0</v>
      </c>
      <c r="NE19" s="145"/>
      <c r="NF19" s="119">
        <v>2422014</v>
      </c>
      <c r="NG19" s="119">
        <v>7293265</v>
      </c>
      <c r="NH19" s="119">
        <v>11802095</v>
      </c>
      <c r="NI19" s="119">
        <v>10632753</v>
      </c>
      <c r="NJ19" s="119">
        <v>8108546</v>
      </c>
      <c r="NK19" s="120">
        <v>40258673</v>
      </c>
      <c r="NL19" s="318">
        <v>40258673</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409032</v>
      </c>
      <c r="OG19" s="120">
        <v>409032</v>
      </c>
      <c r="OH19" s="121">
        <v>409032</v>
      </c>
      <c r="OI19" s="142">
        <v>3842067</v>
      </c>
      <c r="OJ19" s="119">
        <v>5403261</v>
      </c>
      <c r="OK19" s="141">
        <v>9245328</v>
      </c>
      <c r="OL19" s="118">
        <v>0</v>
      </c>
      <c r="OM19" s="119">
        <v>63346445</v>
      </c>
      <c r="ON19" s="119">
        <v>79943041</v>
      </c>
      <c r="OO19" s="119">
        <v>100840328</v>
      </c>
      <c r="OP19" s="119">
        <v>125058764</v>
      </c>
      <c r="OQ19" s="119">
        <v>101880821</v>
      </c>
      <c r="OR19" s="120">
        <v>471069399</v>
      </c>
      <c r="OS19" s="143">
        <v>480314727</v>
      </c>
    </row>
    <row r="20" spans="2:409" ht="21" customHeight="1" x14ac:dyDescent="0.2">
      <c r="B20" s="62" t="s">
        <v>15</v>
      </c>
      <c r="C20" s="110">
        <v>2519616</v>
      </c>
      <c r="D20" s="114">
        <v>4137886</v>
      </c>
      <c r="E20" s="113">
        <v>6657502</v>
      </c>
      <c r="F20" s="109">
        <v>0</v>
      </c>
      <c r="G20" s="114">
        <v>32451377</v>
      </c>
      <c r="H20" s="114">
        <v>44345570</v>
      </c>
      <c r="I20" s="114">
        <v>38910511</v>
      </c>
      <c r="J20" s="114">
        <v>34421312</v>
      </c>
      <c r="K20" s="114">
        <v>26561574</v>
      </c>
      <c r="L20" s="109">
        <v>176690344</v>
      </c>
      <c r="M20" s="116">
        <v>183347846</v>
      </c>
      <c r="N20" s="110">
        <v>257041</v>
      </c>
      <c r="O20" s="114">
        <v>541669</v>
      </c>
      <c r="P20" s="113">
        <v>798710</v>
      </c>
      <c r="Q20" s="110">
        <v>0</v>
      </c>
      <c r="R20" s="114">
        <v>6917432</v>
      </c>
      <c r="S20" s="114">
        <v>11817604</v>
      </c>
      <c r="T20" s="114">
        <v>10923170</v>
      </c>
      <c r="U20" s="114">
        <v>9300228</v>
      </c>
      <c r="V20" s="114">
        <v>13380933</v>
      </c>
      <c r="W20" s="113">
        <v>52339367</v>
      </c>
      <c r="X20" s="116">
        <v>53138077</v>
      </c>
      <c r="Y20" s="110">
        <v>0</v>
      </c>
      <c r="Z20" s="114">
        <v>0</v>
      </c>
      <c r="AA20" s="113">
        <v>0</v>
      </c>
      <c r="AB20" s="110">
        <v>0</v>
      </c>
      <c r="AC20" s="114">
        <v>3041769</v>
      </c>
      <c r="AD20" s="114">
        <v>6764242</v>
      </c>
      <c r="AE20" s="114">
        <v>6282065</v>
      </c>
      <c r="AF20" s="114">
        <v>4792258</v>
      </c>
      <c r="AG20" s="114">
        <v>8053177</v>
      </c>
      <c r="AH20" s="113">
        <v>28933511</v>
      </c>
      <c r="AI20" s="116">
        <v>28933511</v>
      </c>
      <c r="AJ20" s="110">
        <v>0</v>
      </c>
      <c r="AK20" s="114">
        <v>0</v>
      </c>
      <c r="AL20" s="113">
        <v>0</v>
      </c>
      <c r="AM20" s="110">
        <v>0</v>
      </c>
      <c r="AN20" s="114">
        <v>0</v>
      </c>
      <c r="AO20" s="114">
        <v>39463</v>
      </c>
      <c r="AP20" s="114">
        <v>632105</v>
      </c>
      <c r="AQ20" s="114">
        <v>831975</v>
      </c>
      <c r="AR20" s="114">
        <v>1503562</v>
      </c>
      <c r="AS20" s="113">
        <v>3007105</v>
      </c>
      <c r="AT20" s="116">
        <v>3007105</v>
      </c>
      <c r="AU20" s="110">
        <v>13823</v>
      </c>
      <c r="AV20" s="114">
        <v>400885</v>
      </c>
      <c r="AW20" s="113">
        <v>414708</v>
      </c>
      <c r="AX20" s="110">
        <v>0</v>
      </c>
      <c r="AY20" s="114">
        <v>1825453</v>
      </c>
      <c r="AZ20" s="114">
        <v>2900613</v>
      </c>
      <c r="BA20" s="114">
        <v>2143938</v>
      </c>
      <c r="BB20" s="114">
        <v>1650486</v>
      </c>
      <c r="BC20" s="114">
        <v>2436492</v>
      </c>
      <c r="BD20" s="113">
        <v>10956982</v>
      </c>
      <c r="BE20" s="116">
        <v>11371690</v>
      </c>
      <c r="BF20" s="110">
        <v>0</v>
      </c>
      <c r="BG20" s="114">
        <v>0</v>
      </c>
      <c r="BH20" s="112">
        <v>0</v>
      </c>
      <c r="BI20" s="111">
        <v>0</v>
      </c>
      <c r="BJ20" s="114">
        <v>267603</v>
      </c>
      <c r="BK20" s="114">
        <v>546214</v>
      </c>
      <c r="BL20" s="114">
        <v>167446</v>
      </c>
      <c r="BM20" s="114">
        <v>138604</v>
      </c>
      <c r="BN20" s="114">
        <v>237583</v>
      </c>
      <c r="BO20" s="113">
        <v>1357450</v>
      </c>
      <c r="BP20" s="116">
        <v>1357450</v>
      </c>
      <c r="BQ20" s="110">
        <v>243218</v>
      </c>
      <c r="BR20" s="114">
        <v>140784</v>
      </c>
      <c r="BS20" s="113">
        <v>384002</v>
      </c>
      <c r="BT20" s="110">
        <v>0</v>
      </c>
      <c r="BU20" s="114">
        <v>1782607</v>
      </c>
      <c r="BV20" s="114">
        <v>1567072</v>
      </c>
      <c r="BW20" s="114">
        <v>1697616</v>
      </c>
      <c r="BX20" s="114">
        <v>1886905</v>
      </c>
      <c r="BY20" s="114">
        <v>1150119</v>
      </c>
      <c r="BZ20" s="113">
        <v>8084319</v>
      </c>
      <c r="CA20" s="116">
        <v>8468321</v>
      </c>
      <c r="CB20" s="110">
        <v>0</v>
      </c>
      <c r="CC20" s="114">
        <v>265144</v>
      </c>
      <c r="CD20" s="113">
        <v>265144</v>
      </c>
      <c r="CE20" s="110">
        <v>0</v>
      </c>
      <c r="CF20" s="114">
        <v>7188895</v>
      </c>
      <c r="CG20" s="114">
        <v>11457321</v>
      </c>
      <c r="CH20" s="114">
        <v>7475543</v>
      </c>
      <c r="CI20" s="114">
        <v>3520648</v>
      </c>
      <c r="CJ20" s="114">
        <v>2216520</v>
      </c>
      <c r="CK20" s="113">
        <v>31858927</v>
      </c>
      <c r="CL20" s="116">
        <v>32124071</v>
      </c>
      <c r="CM20" s="110">
        <v>0</v>
      </c>
      <c r="CN20" s="114">
        <v>0</v>
      </c>
      <c r="CO20" s="113">
        <v>0</v>
      </c>
      <c r="CP20" s="111">
        <v>0</v>
      </c>
      <c r="CQ20" s="114">
        <v>5633868</v>
      </c>
      <c r="CR20" s="114">
        <v>9027905</v>
      </c>
      <c r="CS20" s="114">
        <v>5480317</v>
      </c>
      <c r="CT20" s="114">
        <v>2398529</v>
      </c>
      <c r="CU20" s="114">
        <v>1413276</v>
      </c>
      <c r="CV20" s="113">
        <v>23953895</v>
      </c>
      <c r="CW20" s="116">
        <v>23953895</v>
      </c>
      <c r="CX20" s="110">
        <v>0</v>
      </c>
      <c r="CY20" s="114">
        <v>265144</v>
      </c>
      <c r="CZ20" s="113">
        <v>265144</v>
      </c>
      <c r="DA20" s="110">
        <v>0</v>
      </c>
      <c r="DB20" s="114">
        <v>1555027</v>
      </c>
      <c r="DC20" s="114">
        <v>2429416</v>
      </c>
      <c r="DD20" s="114">
        <v>1995226</v>
      </c>
      <c r="DE20" s="114">
        <v>1122119</v>
      </c>
      <c r="DF20" s="114">
        <v>803244</v>
      </c>
      <c r="DG20" s="113">
        <v>7905032</v>
      </c>
      <c r="DH20" s="116">
        <v>8170176</v>
      </c>
      <c r="DI20" s="110">
        <v>0</v>
      </c>
      <c r="DJ20" s="114">
        <v>25175</v>
      </c>
      <c r="DK20" s="112">
        <v>25175</v>
      </c>
      <c r="DL20" s="111">
        <v>0</v>
      </c>
      <c r="DM20" s="114">
        <v>1092412</v>
      </c>
      <c r="DN20" s="114">
        <v>3143211</v>
      </c>
      <c r="DO20" s="114">
        <v>6760082</v>
      </c>
      <c r="DP20" s="114">
        <v>7149213</v>
      </c>
      <c r="DQ20" s="114">
        <v>3224658</v>
      </c>
      <c r="DR20" s="113">
        <v>21369576</v>
      </c>
      <c r="DS20" s="116">
        <v>21394751</v>
      </c>
      <c r="DT20" s="110">
        <v>0</v>
      </c>
      <c r="DU20" s="114">
        <v>25175</v>
      </c>
      <c r="DV20" s="113">
        <v>25175</v>
      </c>
      <c r="DW20" s="110">
        <v>0</v>
      </c>
      <c r="DX20" s="114">
        <v>728005</v>
      </c>
      <c r="DY20" s="114">
        <v>3074931</v>
      </c>
      <c r="DZ20" s="114">
        <v>6677719</v>
      </c>
      <c r="EA20" s="114">
        <v>6880439</v>
      </c>
      <c r="EB20" s="114">
        <v>3093464</v>
      </c>
      <c r="EC20" s="113">
        <v>20454558</v>
      </c>
      <c r="ED20" s="116">
        <v>20479733</v>
      </c>
      <c r="EE20" s="110">
        <v>0</v>
      </c>
      <c r="EF20" s="112">
        <v>0</v>
      </c>
      <c r="EG20" s="113">
        <v>0</v>
      </c>
      <c r="EH20" s="110">
        <v>0</v>
      </c>
      <c r="EI20" s="114">
        <v>364407</v>
      </c>
      <c r="EJ20" s="114">
        <v>68280</v>
      </c>
      <c r="EK20" s="114">
        <v>82363</v>
      </c>
      <c r="EL20" s="114">
        <v>268774</v>
      </c>
      <c r="EM20" s="114">
        <v>131194</v>
      </c>
      <c r="EN20" s="112">
        <v>915018</v>
      </c>
      <c r="EO20" s="116">
        <v>915018</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5"/>
      <c r="FE20" s="114">
        <v>0</v>
      </c>
      <c r="FF20" s="114">
        <v>0</v>
      </c>
      <c r="FG20" s="114">
        <v>0</v>
      </c>
      <c r="FH20" s="114">
        <v>0</v>
      </c>
      <c r="FI20" s="114">
        <v>0</v>
      </c>
      <c r="FJ20" s="113">
        <v>0</v>
      </c>
      <c r="FK20" s="116">
        <v>0</v>
      </c>
      <c r="FL20" s="110">
        <v>655729</v>
      </c>
      <c r="FM20" s="114">
        <v>1183374</v>
      </c>
      <c r="FN20" s="113">
        <v>1839103</v>
      </c>
      <c r="FO20" s="110">
        <v>0</v>
      </c>
      <c r="FP20" s="114">
        <v>1454087</v>
      </c>
      <c r="FQ20" s="114">
        <v>4720231</v>
      </c>
      <c r="FR20" s="114">
        <v>2942633</v>
      </c>
      <c r="FS20" s="114">
        <v>2565864</v>
      </c>
      <c r="FT20" s="114">
        <v>1913320</v>
      </c>
      <c r="FU20" s="113">
        <v>13596135</v>
      </c>
      <c r="FV20" s="116">
        <v>15435238</v>
      </c>
      <c r="FW20" s="115">
        <v>367207</v>
      </c>
      <c r="FX20" s="114">
        <v>796485</v>
      </c>
      <c r="FY20" s="112">
        <v>1163692</v>
      </c>
      <c r="FZ20" s="111">
        <v>0</v>
      </c>
      <c r="GA20" s="114">
        <v>1337973</v>
      </c>
      <c r="GB20" s="114">
        <v>4251045</v>
      </c>
      <c r="GC20" s="114">
        <v>2942633</v>
      </c>
      <c r="GD20" s="114">
        <v>2414250</v>
      </c>
      <c r="GE20" s="114">
        <v>1733320</v>
      </c>
      <c r="GF20" s="113">
        <v>12679221</v>
      </c>
      <c r="GG20" s="316">
        <v>13842913</v>
      </c>
      <c r="GH20" s="115">
        <v>55602</v>
      </c>
      <c r="GI20" s="114">
        <v>35244</v>
      </c>
      <c r="GJ20" s="112">
        <v>90846</v>
      </c>
      <c r="GK20" s="111">
        <v>0</v>
      </c>
      <c r="GL20" s="114">
        <v>59014</v>
      </c>
      <c r="GM20" s="114">
        <v>15840</v>
      </c>
      <c r="GN20" s="114">
        <v>0</v>
      </c>
      <c r="GO20" s="114">
        <v>94014</v>
      </c>
      <c r="GP20" s="114">
        <v>0</v>
      </c>
      <c r="GQ20" s="113">
        <v>168868</v>
      </c>
      <c r="GR20" s="116">
        <v>259714</v>
      </c>
      <c r="GS20" s="110">
        <v>232920</v>
      </c>
      <c r="GT20" s="114">
        <v>351645</v>
      </c>
      <c r="GU20" s="113">
        <v>584565</v>
      </c>
      <c r="GV20" s="110">
        <v>0</v>
      </c>
      <c r="GW20" s="114">
        <v>57100</v>
      </c>
      <c r="GX20" s="114">
        <v>453346</v>
      </c>
      <c r="GY20" s="114">
        <v>0</v>
      </c>
      <c r="GZ20" s="114">
        <v>57600</v>
      </c>
      <c r="HA20" s="114">
        <v>180000</v>
      </c>
      <c r="HB20" s="112">
        <v>748046</v>
      </c>
      <c r="HC20" s="116">
        <v>1332611</v>
      </c>
      <c r="HD20" s="110">
        <v>1276369</v>
      </c>
      <c r="HE20" s="114">
        <v>1382943</v>
      </c>
      <c r="HF20" s="112">
        <v>2659312</v>
      </c>
      <c r="HG20" s="111">
        <v>0</v>
      </c>
      <c r="HH20" s="114">
        <v>9878382</v>
      </c>
      <c r="HI20" s="114">
        <v>5890267</v>
      </c>
      <c r="HJ20" s="114">
        <v>7020362</v>
      </c>
      <c r="HK20" s="114">
        <v>9603994</v>
      </c>
      <c r="HL20" s="114">
        <v>4152800</v>
      </c>
      <c r="HM20" s="113">
        <v>36545805</v>
      </c>
      <c r="HN20" s="109">
        <v>39205117</v>
      </c>
      <c r="HO20" s="115">
        <v>330477</v>
      </c>
      <c r="HP20" s="114">
        <v>739581</v>
      </c>
      <c r="HQ20" s="113">
        <v>1070058</v>
      </c>
      <c r="HR20" s="110">
        <v>0</v>
      </c>
      <c r="HS20" s="114">
        <v>5920169</v>
      </c>
      <c r="HT20" s="114">
        <v>7316936</v>
      </c>
      <c r="HU20" s="114">
        <v>3788721</v>
      </c>
      <c r="HV20" s="114">
        <v>2281365</v>
      </c>
      <c r="HW20" s="114">
        <v>1673343</v>
      </c>
      <c r="HX20" s="112">
        <v>20980534</v>
      </c>
      <c r="HY20" s="116">
        <v>22050592</v>
      </c>
      <c r="HZ20" s="150">
        <v>155350</v>
      </c>
      <c r="IA20" s="135">
        <v>1987798</v>
      </c>
      <c r="IB20" s="150">
        <v>2143148</v>
      </c>
      <c r="IC20" s="134">
        <v>0</v>
      </c>
      <c r="ID20" s="135">
        <v>19181361</v>
      </c>
      <c r="IE20" s="136">
        <v>21495701</v>
      </c>
      <c r="IF20" s="137">
        <v>23175227</v>
      </c>
      <c r="IG20" s="135">
        <v>17191142</v>
      </c>
      <c r="IH20" s="137">
        <v>11637812</v>
      </c>
      <c r="II20" s="138">
        <v>92681243</v>
      </c>
      <c r="IJ20" s="150">
        <v>94824391</v>
      </c>
      <c r="IK20" s="232">
        <v>0</v>
      </c>
      <c r="IL20" s="236">
        <v>0</v>
      </c>
      <c r="IM20" s="237">
        <v>0</v>
      </c>
      <c r="IN20" s="140"/>
      <c r="IO20" s="119">
        <v>252804</v>
      </c>
      <c r="IP20" s="119">
        <v>165277</v>
      </c>
      <c r="IQ20" s="119">
        <v>851811</v>
      </c>
      <c r="IR20" s="119">
        <v>1406228</v>
      </c>
      <c r="IS20" s="119">
        <v>1363878</v>
      </c>
      <c r="IT20" s="141">
        <v>4039998</v>
      </c>
      <c r="IU20" s="318">
        <v>4039998</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6752820</v>
      </c>
      <c r="JL20" s="119">
        <v>9368973</v>
      </c>
      <c r="JM20" s="119">
        <v>6584183</v>
      </c>
      <c r="JN20" s="119">
        <v>3611825</v>
      </c>
      <c r="JO20" s="119">
        <v>1214226</v>
      </c>
      <c r="JP20" s="120">
        <v>27532027</v>
      </c>
      <c r="JQ20" s="318">
        <v>27532027</v>
      </c>
      <c r="JR20" s="142">
        <v>0</v>
      </c>
      <c r="JS20" s="119">
        <v>0</v>
      </c>
      <c r="JT20" s="141">
        <v>0</v>
      </c>
      <c r="JU20" s="118">
        <v>0</v>
      </c>
      <c r="JV20" s="119">
        <v>183260</v>
      </c>
      <c r="JW20" s="119">
        <v>283101</v>
      </c>
      <c r="JX20" s="119">
        <v>434073</v>
      </c>
      <c r="JY20" s="119">
        <v>198235</v>
      </c>
      <c r="JZ20" s="119">
        <v>471021</v>
      </c>
      <c r="KA20" s="120">
        <v>1569690</v>
      </c>
      <c r="KB20" s="318">
        <v>1569690</v>
      </c>
      <c r="KC20" s="234">
        <v>155350</v>
      </c>
      <c r="KD20" s="230">
        <v>1020170</v>
      </c>
      <c r="KE20" s="120">
        <v>1175520</v>
      </c>
      <c r="KF20" s="118">
        <v>0</v>
      </c>
      <c r="KG20" s="119">
        <v>2504670</v>
      </c>
      <c r="KH20" s="119">
        <v>2991651</v>
      </c>
      <c r="KI20" s="119">
        <v>2236674</v>
      </c>
      <c r="KJ20" s="119">
        <v>1841190</v>
      </c>
      <c r="KK20" s="119">
        <v>1194575</v>
      </c>
      <c r="KL20" s="120">
        <v>10768760</v>
      </c>
      <c r="KM20" s="143">
        <v>11944280</v>
      </c>
      <c r="KN20" s="232">
        <v>0</v>
      </c>
      <c r="KO20" s="236">
        <v>967628</v>
      </c>
      <c r="KP20" s="237">
        <v>967628</v>
      </c>
      <c r="KQ20" s="140"/>
      <c r="KR20" s="119">
        <v>9487807</v>
      </c>
      <c r="KS20" s="119">
        <v>8686699</v>
      </c>
      <c r="KT20" s="119">
        <v>11369935</v>
      </c>
      <c r="KU20" s="119">
        <v>6047661</v>
      </c>
      <c r="KV20" s="119">
        <v>3946789</v>
      </c>
      <c r="KW20" s="120">
        <v>39538891</v>
      </c>
      <c r="KX20" s="318">
        <v>40506519</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1698551</v>
      </c>
      <c r="LQ20" s="119">
        <v>4086003</v>
      </c>
      <c r="LR20" s="119">
        <v>3447323</v>
      </c>
      <c r="LS20" s="120">
        <v>9231877</v>
      </c>
      <c r="LT20" s="318">
        <v>9231877</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5047694</v>
      </c>
      <c r="MK20" s="119">
        <v>10126382</v>
      </c>
      <c r="ML20" s="119">
        <v>37072109</v>
      </c>
      <c r="MM20" s="119">
        <v>54883101</v>
      </c>
      <c r="MN20" s="119">
        <v>33675807</v>
      </c>
      <c r="MO20" s="120">
        <v>140805093</v>
      </c>
      <c r="MP20" s="143">
        <v>140805093</v>
      </c>
      <c r="MQ20" s="142">
        <v>0</v>
      </c>
      <c r="MR20" s="119">
        <v>0</v>
      </c>
      <c r="MS20" s="120">
        <v>0</v>
      </c>
      <c r="MT20" s="145"/>
      <c r="MU20" s="119">
        <v>203862</v>
      </c>
      <c r="MV20" s="119">
        <v>208660</v>
      </c>
      <c r="MW20" s="119">
        <v>22152301</v>
      </c>
      <c r="MX20" s="119">
        <v>37652097</v>
      </c>
      <c r="MY20" s="119">
        <v>25670900</v>
      </c>
      <c r="MZ20" s="120">
        <v>85887820</v>
      </c>
      <c r="NA20" s="143">
        <v>85887820</v>
      </c>
      <c r="NB20" s="142">
        <v>0</v>
      </c>
      <c r="NC20" s="119">
        <v>0</v>
      </c>
      <c r="ND20" s="120">
        <v>0</v>
      </c>
      <c r="NE20" s="145"/>
      <c r="NF20" s="119">
        <v>4843832</v>
      </c>
      <c r="NG20" s="119">
        <v>9917722</v>
      </c>
      <c r="NH20" s="119">
        <v>14919808</v>
      </c>
      <c r="NI20" s="119">
        <v>17231004</v>
      </c>
      <c r="NJ20" s="119">
        <v>8004907</v>
      </c>
      <c r="NK20" s="120">
        <v>54917273</v>
      </c>
      <c r="NL20" s="318">
        <v>54917273</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674966</v>
      </c>
      <c r="OJ20" s="119">
        <v>6125684</v>
      </c>
      <c r="OK20" s="141">
        <v>8800650</v>
      </c>
      <c r="OL20" s="118">
        <v>0</v>
      </c>
      <c r="OM20" s="119">
        <v>56680432</v>
      </c>
      <c r="ON20" s="119">
        <v>75967653</v>
      </c>
      <c r="OO20" s="119">
        <v>99157847</v>
      </c>
      <c r="OP20" s="119">
        <v>106495555</v>
      </c>
      <c r="OQ20" s="119">
        <v>71875193</v>
      </c>
      <c r="OR20" s="120">
        <v>410176680</v>
      </c>
      <c r="OS20" s="143">
        <v>418977330</v>
      </c>
    </row>
    <row r="21" spans="2:409" ht="21" customHeight="1" x14ac:dyDescent="0.2">
      <c r="B21" s="62" t="s">
        <v>16</v>
      </c>
      <c r="C21" s="110">
        <v>6047136</v>
      </c>
      <c r="D21" s="114">
        <v>12423172</v>
      </c>
      <c r="E21" s="113">
        <v>18470308</v>
      </c>
      <c r="F21" s="109">
        <v>0</v>
      </c>
      <c r="G21" s="114">
        <v>80668341</v>
      </c>
      <c r="H21" s="114">
        <v>132807631</v>
      </c>
      <c r="I21" s="114">
        <v>102653648</v>
      </c>
      <c r="J21" s="114">
        <v>101419889</v>
      </c>
      <c r="K21" s="114">
        <v>75024407</v>
      </c>
      <c r="L21" s="109">
        <v>492573916</v>
      </c>
      <c r="M21" s="116">
        <v>511044224</v>
      </c>
      <c r="N21" s="110">
        <v>1302157</v>
      </c>
      <c r="O21" s="114">
        <v>1840732</v>
      </c>
      <c r="P21" s="113">
        <v>3142889</v>
      </c>
      <c r="Q21" s="110">
        <v>0</v>
      </c>
      <c r="R21" s="114">
        <v>16083365</v>
      </c>
      <c r="S21" s="114">
        <v>29766564</v>
      </c>
      <c r="T21" s="114">
        <v>25923650</v>
      </c>
      <c r="U21" s="114">
        <v>28126781</v>
      </c>
      <c r="V21" s="114">
        <v>26030395</v>
      </c>
      <c r="W21" s="113">
        <v>125930755</v>
      </c>
      <c r="X21" s="116">
        <v>129073644</v>
      </c>
      <c r="Y21" s="110">
        <v>0</v>
      </c>
      <c r="Z21" s="114">
        <v>0</v>
      </c>
      <c r="AA21" s="113">
        <v>0</v>
      </c>
      <c r="AB21" s="110">
        <v>0</v>
      </c>
      <c r="AC21" s="114">
        <v>6643189</v>
      </c>
      <c r="AD21" s="114">
        <v>11690180</v>
      </c>
      <c r="AE21" s="114">
        <v>13058047</v>
      </c>
      <c r="AF21" s="114">
        <v>14561213</v>
      </c>
      <c r="AG21" s="114">
        <v>14244779</v>
      </c>
      <c r="AH21" s="113">
        <v>60197408</v>
      </c>
      <c r="AI21" s="116">
        <v>60197408</v>
      </c>
      <c r="AJ21" s="110">
        <v>0</v>
      </c>
      <c r="AK21" s="114">
        <v>0</v>
      </c>
      <c r="AL21" s="113">
        <v>0</v>
      </c>
      <c r="AM21" s="110">
        <v>0</v>
      </c>
      <c r="AN21" s="114">
        <v>49252</v>
      </c>
      <c r="AO21" s="114">
        <v>508769</v>
      </c>
      <c r="AP21" s="114">
        <v>701586</v>
      </c>
      <c r="AQ21" s="114">
        <v>1129109</v>
      </c>
      <c r="AR21" s="114">
        <v>2619841</v>
      </c>
      <c r="AS21" s="113">
        <v>5008557</v>
      </c>
      <c r="AT21" s="116">
        <v>5008557</v>
      </c>
      <c r="AU21" s="110">
        <v>656776</v>
      </c>
      <c r="AV21" s="114">
        <v>1238613</v>
      </c>
      <c r="AW21" s="113">
        <v>1895389</v>
      </c>
      <c r="AX21" s="110">
        <v>0</v>
      </c>
      <c r="AY21" s="114">
        <v>6427486</v>
      </c>
      <c r="AZ21" s="114">
        <v>11946465</v>
      </c>
      <c r="BA21" s="114">
        <v>7868473</v>
      </c>
      <c r="BB21" s="114">
        <v>7677229</v>
      </c>
      <c r="BC21" s="114">
        <v>5281691</v>
      </c>
      <c r="BD21" s="113">
        <v>39201344</v>
      </c>
      <c r="BE21" s="116">
        <v>41096733</v>
      </c>
      <c r="BF21" s="110">
        <v>52377</v>
      </c>
      <c r="BG21" s="114">
        <v>104092</v>
      </c>
      <c r="BH21" s="112">
        <v>156469</v>
      </c>
      <c r="BI21" s="111">
        <v>0</v>
      </c>
      <c r="BJ21" s="114">
        <v>132402</v>
      </c>
      <c r="BK21" s="114">
        <v>1505967</v>
      </c>
      <c r="BL21" s="114">
        <v>463278</v>
      </c>
      <c r="BM21" s="114">
        <v>251289</v>
      </c>
      <c r="BN21" s="114">
        <v>535534</v>
      </c>
      <c r="BO21" s="113">
        <v>2888470</v>
      </c>
      <c r="BP21" s="116">
        <v>3044939</v>
      </c>
      <c r="BQ21" s="110">
        <v>593004</v>
      </c>
      <c r="BR21" s="114">
        <v>498027</v>
      </c>
      <c r="BS21" s="113">
        <v>1091031</v>
      </c>
      <c r="BT21" s="110">
        <v>0</v>
      </c>
      <c r="BU21" s="114">
        <v>2831036</v>
      </c>
      <c r="BV21" s="114">
        <v>4115183</v>
      </c>
      <c r="BW21" s="114">
        <v>3832266</v>
      </c>
      <c r="BX21" s="114">
        <v>4507941</v>
      </c>
      <c r="BY21" s="114">
        <v>3348550</v>
      </c>
      <c r="BZ21" s="113">
        <v>18634976</v>
      </c>
      <c r="CA21" s="116">
        <v>19726007</v>
      </c>
      <c r="CB21" s="110">
        <v>1008098</v>
      </c>
      <c r="CC21" s="114">
        <v>3946305</v>
      </c>
      <c r="CD21" s="113">
        <v>4954403</v>
      </c>
      <c r="CE21" s="110">
        <v>0</v>
      </c>
      <c r="CF21" s="114">
        <v>29305818</v>
      </c>
      <c r="CG21" s="114">
        <v>51293797</v>
      </c>
      <c r="CH21" s="114">
        <v>33951162</v>
      </c>
      <c r="CI21" s="114">
        <v>24975600</v>
      </c>
      <c r="CJ21" s="114">
        <v>16467375</v>
      </c>
      <c r="CK21" s="113">
        <v>155993752</v>
      </c>
      <c r="CL21" s="116">
        <v>160948155</v>
      </c>
      <c r="CM21" s="110">
        <v>0</v>
      </c>
      <c r="CN21" s="114">
        <v>0</v>
      </c>
      <c r="CO21" s="113">
        <v>0</v>
      </c>
      <c r="CP21" s="111">
        <v>0</v>
      </c>
      <c r="CQ21" s="114">
        <v>18659524</v>
      </c>
      <c r="CR21" s="114">
        <v>34101648</v>
      </c>
      <c r="CS21" s="114">
        <v>23957688</v>
      </c>
      <c r="CT21" s="114">
        <v>18882462</v>
      </c>
      <c r="CU21" s="114">
        <v>14125240</v>
      </c>
      <c r="CV21" s="113">
        <v>109726562</v>
      </c>
      <c r="CW21" s="116">
        <v>109726562</v>
      </c>
      <c r="CX21" s="110">
        <v>1008098</v>
      </c>
      <c r="CY21" s="114">
        <v>3946305</v>
      </c>
      <c r="CZ21" s="113">
        <v>4954403</v>
      </c>
      <c r="DA21" s="110">
        <v>0</v>
      </c>
      <c r="DB21" s="114">
        <v>10646294</v>
      </c>
      <c r="DC21" s="114">
        <v>17192149</v>
      </c>
      <c r="DD21" s="114">
        <v>9993474</v>
      </c>
      <c r="DE21" s="114">
        <v>6093138</v>
      </c>
      <c r="DF21" s="114">
        <v>2342135</v>
      </c>
      <c r="DG21" s="113">
        <v>46267190</v>
      </c>
      <c r="DH21" s="116">
        <v>51221593</v>
      </c>
      <c r="DI21" s="110">
        <v>0</v>
      </c>
      <c r="DJ21" s="114">
        <v>0</v>
      </c>
      <c r="DK21" s="112">
        <v>0</v>
      </c>
      <c r="DL21" s="111">
        <v>0</v>
      </c>
      <c r="DM21" s="114">
        <v>2194351</v>
      </c>
      <c r="DN21" s="114">
        <v>6166475</v>
      </c>
      <c r="DO21" s="114">
        <v>7882140</v>
      </c>
      <c r="DP21" s="114">
        <v>6622795</v>
      </c>
      <c r="DQ21" s="114">
        <v>2164432</v>
      </c>
      <c r="DR21" s="113">
        <v>25030193</v>
      </c>
      <c r="DS21" s="116">
        <v>25030193</v>
      </c>
      <c r="DT21" s="110">
        <v>0</v>
      </c>
      <c r="DU21" s="114">
        <v>0</v>
      </c>
      <c r="DV21" s="113">
        <v>0</v>
      </c>
      <c r="DW21" s="110">
        <v>0</v>
      </c>
      <c r="DX21" s="114">
        <v>2128604</v>
      </c>
      <c r="DY21" s="114">
        <v>5722792</v>
      </c>
      <c r="DZ21" s="114">
        <v>7491138</v>
      </c>
      <c r="EA21" s="114">
        <v>6259511</v>
      </c>
      <c r="EB21" s="114">
        <v>1828943</v>
      </c>
      <c r="EC21" s="113">
        <v>23430988</v>
      </c>
      <c r="ED21" s="116">
        <v>23430988</v>
      </c>
      <c r="EE21" s="110">
        <v>0</v>
      </c>
      <c r="EF21" s="112">
        <v>0</v>
      </c>
      <c r="EG21" s="113">
        <v>0</v>
      </c>
      <c r="EH21" s="110">
        <v>0</v>
      </c>
      <c r="EI21" s="114">
        <v>65747</v>
      </c>
      <c r="EJ21" s="114">
        <v>443683</v>
      </c>
      <c r="EK21" s="114">
        <v>391002</v>
      </c>
      <c r="EL21" s="114">
        <v>363284</v>
      </c>
      <c r="EM21" s="114">
        <v>335489</v>
      </c>
      <c r="EN21" s="112">
        <v>1599205</v>
      </c>
      <c r="EO21" s="116">
        <v>1599205</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5"/>
      <c r="FE21" s="114">
        <v>0</v>
      </c>
      <c r="FF21" s="114">
        <v>0</v>
      </c>
      <c r="FG21" s="114">
        <v>0</v>
      </c>
      <c r="FH21" s="114">
        <v>0</v>
      </c>
      <c r="FI21" s="114">
        <v>0</v>
      </c>
      <c r="FJ21" s="113">
        <v>0</v>
      </c>
      <c r="FK21" s="116">
        <v>0</v>
      </c>
      <c r="FL21" s="110">
        <v>1262214</v>
      </c>
      <c r="FM21" s="114">
        <v>2382824</v>
      </c>
      <c r="FN21" s="113">
        <v>3645038</v>
      </c>
      <c r="FO21" s="110">
        <v>0</v>
      </c>
      <c r="FP21" s="114">
        <v>3789668</v>
      </c>
      <c r="FQ21" s="114">
        <v>12052462</v>
      </c>
      <c r="FR21" s="114">
        <v>7753198</v>
      </c>
      <c r="FS21" s="114">
        <v>7271172</v>
      </c>
      <c r="FT21" s="114">
        <v>5422556</v>
      </c>
      <c r="FU21" s="113">
        <v>36289056</v>
      </c>
      <c r="FV21" s="116">
        <v>39934094</v>
      </c>
      <c r="FW21" s="115">
        <v>881679</v>
      </c>
      <c r="FX21" s="114">
        <v>2036459</v>
      </c>
      <c r="FY21" s="112">
        <v>2918138</v>
      </c>
      <c r="FZ21" s="111">
        <v>0</v>
      </c>
      <c r="GA21" s="114">
        <v>3020724</v>
      </c>
      <c r="GB21" s="114">
        <v>11480076</v>
      </c>
      <c r="GC21" s="114">
        <v>7334487</v>
      </c>
      <c r="GD21" s="114">
        <v>6768129</v>
      </c>
      <c r="GE21" s="114">
        <v>5170727</v>
      </c>
      <c r="GF21" s="113">
        <v>33774143</v>
      </c>
      <c r="GG21" s="316">
        <v>36692281</v>
      </c>
      <c r="GH21" s="115">
        <v>79750</v>
      </c>
      <c r="GI21" s="114">
        <v>80388</v>
      </c>
      <c r="GJ21" s="112">
        <v>160138</v>
      </c>
      <c r="GK21" s="111">
        <v>0</v>
      </c>
      <c r="GL21" s="114">
        <v>87555</v>
      </c>
      <c r="GM21" s="114">
        <v>287326</v>
      </c>
      <c r="GN21" s="114">
        <v>215541</v>
      </c>
      <c r="GO21" s="114">
        <v>259532</v>
      </c>
      <c r="GP21" s="114">
        <v>145629</v>
      </c>
      <c r="GQ21" s="113">
        <v>995583</v>
      </c>
      <c r="GR21" s="116">
        <v>1155721</v>
      </c>
      <c r="GS21" s="110">
        <v>300785</v>
      </c>
      <c r="GT21" s="114">
        <v>265977</v>
      </c>
      <c r="GU21" s="113">
        <v>566762</v>
      </c>
      <c r="GV21" s="110">
        <v>0</v>
      </c>
      <c r="GW21" s="114">
        <v>681389</v>
      </c>
      <c r="GX21" s="114">
        <v>285060</v>
      </c>
      <c r="GY21" s="114">
        <v>203170</v>
      </c>
      <c r="GZ21" s="114">
        <v>243511</v>
      </c>
      <c r="HA21" s="114">
        <v>106200</v>
      </c>
      <c r="HB21" s="112">
        <v>1519330</v>
      </c>
      <c r="HC21" s="116">
        <v>2086092</v>
      </c>
      <c r="HD21" s="110">
        <v>1454673</v>
      </c>
      <c r="HE21" s="114">
        <v>2355578</v>
      </c>
      <c r="HF21" s="112">
        <v>3810251</v>
      </c>
      <c r="HG21" s="111">
        <v>0</v>
      </c>
      <c r="HH21" s="114">
        <v>16793267</v>
      </c>
      <c r="HI21" s="114">
        <v>16839540</v>
      </c>
      <c r="HJ21" s="114">
        <v>17583443</v>
      </c>
      <c r="HK21" s="114">
        <v>27841389</v>
      </c>
      <c r="HL21" s="114">
        <v>21063751</v>
      </c>
      <c r="HM21" s="113">
        <v>100121390</v>
      </c>
      <c r="HN21" s="109">
        <v>103931641</v>
      </c>
      <c r="HO21" s="115">
        <v>1019994</v>
      </c>
      <c r="HP21" s="114">
        <v>1897733</v>
      </c>
      <c r="HQ21" s="113">
        <v>2917727</v>
      </c>
      <c r="HR21" s="110">
        <v>0</v>
      </c>
      <c r="HS21" s="114">
        <v>12501872</v>
      </c>
      <c r="HT21" s="114">
        <v>16688793</v>
      </c>
      <c r="HU21" s="114">
        <v>9560055</v>
      </c>
      <c r="HV21" s="114">
        <v>6582152</v>
      </c>
      <c r="HW21" s="114">
        <v>3875898</v>
      </c>
      <c r="HX21" s="112">
        <v>49208770</v>
      </c>
      <c r="HY21" s="116">
        <v>52126497</v>
      </c>
      <c r="HZ21" s="131">
        <v>46661</v>
      </c>
      <c r="IA21" s="132">
        <v>83570</v>
      </c>
      <c r="IB21" s="133">
        <v>130231</v>
      </c>
      <c r="IC21" s="146">
        <v>0</v>
      </c>
      <c r="ID21" s="132">
        <v>14158009</v>
      </c>
      <c r="IE21" s="147">
        <v>28899759</v>
      </c>
      <c r="IF21" s="133">
        <v>36880487</v>
      </c>
      <c r="IG21" s="132">
        <v>24098880</v>
      </c>
      <c r="IH21" s="133">
        <v>22726804</v>
      </c>
      <c r="II21" s="148">
        <v>126763939</v>
      </c>
      <c r="IJ21" s="139">
        <v>126894170</v>
      </c>
      <c r="IK21" s="232">
        <v>0</v>
      </c>
      <c r="IL21" s="236">
        <v>0</v>
      </c>
      <c r="IM21" s="237">
        <v>0</v>
      </c>
      <c r="IN21" s="140"/>
      <c r="IO21" s="119">
        <v>855461</v>
      </c>
      <c r="IP21" s="119">
        <v>1417531</v>
      </c>
      <c r="IQ21" s="119">
        <v>2777392</v>
      </c>
      <c r="IR21" s="119">
        <v>1849330</v>
      </c>
      <c r="IS21" s="119">
        <v>1704838</v>
      </c>
      <c r="IT21" s="141">
        <v>8604552</v>
      </c>
      <c r="IU21" s="318">
        <v>8604552</v>
      </c>
      <c r="IV21" s="142">
        <v>0</v>
      </c>
      <c r="IW21" s="119">
        <v>0</v>
      </c>
      <c r="IX21" s="120">
        <v>0</v>
      </c>
      <c r="IY21" s="144"/>
      <c r="IZ21" s="119">
        <v>18446</v>
      </c>
      <c r="JA21" s="119">
        <v>25142</v>
      </c>
      <c r="JB21" s="119">
        <v>50821</v>
      </c>
      <c r="JC21" s="119">
        <v>89032</v>
      </c>
      <c r="JD21" s="119">
        <v>39489</v>
      </c>
      <c r="JE21" s="120">
        <v>222930</v>
      </c>
      <c r="JF21" s="121">
        <v>222930</v>
      </c>
      <c r="JG21" s="142">
        <v>0</v>
      </c>
      <c r="JH21" s="119">
        <v>0</v>
      </c>
      <c r="JI21" s="141">
        <v>0</v>
      </c>
      <c r="JJ21" s="118">
        <v>0</v>
      </c>
      <c r="JK21" s="119">
        <v>7574937</v>
      </c>
      <c r="JL21" s="119">
        <v>9732956</v>
      </c>
      <c r="JM21" s="119">
        <v>9273555</v>
      </c>
      <c r="JN21" s="119">
        <v>4848675</v>
      </c>
      <c r="JO21" s="119">
        <v>3134654</v>
      </c>
      <c r="JP21" s="120">
        <v>34564777</v>
      </c>
      <c r="JQ21" s="318">
        <v>34564777</v>
      </c>
      <c r="JR21" s="142">
        <v>0</v>
      </c>
      <c r="JS21" s="119">
        <v>0</v>
      </c>
      <c r="JT21" s="141">
        <v>0</v>
      </c>
      <c r="JU21" s="118">
        <v>0</v>
      </c>
      <c r="JV21" s="119">
        <v>203806</v>
      </c>
      <c r="JW21" s="119">
        <v>1211020</v>
      </c>
      <c r="JX21" s="119">
        <v>907489</v>
      </c>
      <c r="JY21" s="119">
        <v>394636</v>
      </c>
      <c r="JZ21" s="119">
        <v>760463</v>
      </c>
      <c r="KA21" s="120">
        <v>3477414</v>
      </c>
      <c r="KB21" s="318">
        <v>3477414</v>
      </c>
      <c r="KC21" s="234">
        <v>46661</v>
      </c>
      <c r="KD21" s="230">
        <v>83570</v>
      </c>
      <c r="KE21" s="120">
        <v>130231</v>
      </c>
      <c r="KF21" s="118">
        <v>0</v>
      </c>
      <c r="KG21" s="119">
        <v>1468253</v>
      </c>
      <c r="KH21" s="119">
        <v>4565728</v>
      </c>
      <c r="KI21" s="119">
        <v>3711778</v>
      </c>
      <c r="KJ21" s="119">
        <v>5844859</v>
      </c>
      <c r="KK21" s="119">
        <v>1559633</v>
      </c>
      <c r="KL21" s="120">
        <v>17150251</v>
      </c>
      <c r="KM21" s="143">
        <v>17280482</v>
      </c>
      <c r="KN21" s="232">
        <v>0</v>
      </c>
      <c r="KO21" s="236">
        <v>0</v>
      </c>
      <c r="KP21" s="237">
        <v>0</v>
      </c>
      <c r="KQ21" s="140"/>
      <c r="KR21" s="119">
        <v>3991933</v>
      </c>
      <c r="KS21" s="119">
        <v>9894866</v>
      </c>
      <c r="KT21" s="119">
        <v>16329121</v>
      </c>
      <c r="KU21" s="119">
        <v>8700375</v>
      </c>
      <c r="KV21" s="119">
        <v>10729876</v>
      </c>
      <c r="KW21" s="120">
        <v>49646171</v>
      </c>
      <c r="KX21" s="318">
        <v>49646171</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731379</v>
      </c>
      <c r="LP21" s="119">
        <v>2669490</v>
      </c>
      <c r="LQ21" s="119">
        <v>1784590</v>
      </c>
      <c r="LR21" s="119">
        <v>3118546</v>
      </c>
      <c r="LS21" s="120">
        <v>8304005</v>
      </c>
      <c r="LT21" s="318">
        <v>8304005</v>
      </c>
      <c r="LU21" s="142">
        <v>0</v>
      </c>
      <c r="LV21" s="119">
        <v>0</v>
      </c>
      <c r="LW21" s="120">
        <v>0</v>
      </c>
      <c r="LX21" s="145"/>
      <c r="LY21" s="119">
        <v>45173</v>
      </c>
      <c r="LZ21" s="119">
        <v>1321137</v>
      </c>
      <c r="MA21" s="119">
        <v>1160841</v>
      </c>
      <c r="MB21" s="119">
        <v>587383</v>
      </c>
      <c r="MC21" s="119">
        <v>1679305</v>
      </c>
      <c r="MD21" s="120">
        <v>4793839</v>
      </c>
      <c r="ME21" s="121">
        <v>4793839</v>
      </c>
      <c r="MF21" s="142">
        <v>0</v>
      </c>
      <c r="MG21" s="119">
        <v>0</v>
      </c>
      <c r="MH21" s="120">
        <v>0</v>
      </c>
      <c r="MI21" s="145"/>
      <c r="MJ21" s="119">
        <v>11664799</v>
      </c>
      <c r="MK21" s="119">
        <v>29207637</v>
      </c>
      <c r="ML21" s="119">
        <v>92663727</v>
      </c>
      <c r="MM21" s="119">
        <v>126731068</v>
      </c>
      <c r="MN21" s="119">
        <v>84939215</v>
      </c>
      <c r="MO21" s="120">
        <v>345206446</v>
      </c>
      <c r="MP21" s="143">
        <v>345206446</v>
      </c>
      <c r="MQ21" s="142">
        <v>0</v>
      </c>
      <c r="MR21" s="119">
        <v>0</v>
      </c>
      <c r="MS21" s="120">
        <v>0</v>
      </c>
      <c r="MT21" s="145"/>
      <c r="MU21" s="119">
        <v>1462228</v>
      </c>
      <c r="MV21" s="119">
        <v>4039060</v>
      </c>
      <c r="MW21" s="119">
        <v>50436738</v>
      </c>
      <c r="MX21" s="119">
        <v>83150599</v>
      </c>
      <c r="MY21" s="119">
        <v>56451533</v>
      </c>
      <c r="MZ21" s="120">
        <v>195540158</v>
      </c>
      <c r="NA21" s="143">
        <v>195540158</v>
      </c>
      <c r="NB21" s="142">
        <v>0</v>
      </c>
      <c r="NC21" s="119">
        <v>0</v>
      </c>
      <c r="ND21" s="120">
        <v>0</v>
      </c>
      <c r="NE21" s="145"/>
      <c r="NF21" s="119">
        <v>10202571</v>
      </c>
      <c r="NG21" s="119">
        <v>25168577</v>
      </c>
      <c r="NH21" s="119">
        <v>41224513</v>
      </c>
      <c r="NI21" s="119">
        <v>40018913</v>
      </c>
      <c r="NJ21" s="119">
        <v>19618991</v>
      </c>
      <c r="NK21" s="120">
        <v>136233565</v>
      </c>
      <c r="NL21" s="318">
        <v>136233565</v>
      </c>
      <c r="NM21" s="142">
        <v>0</v>
      </c>
      <c r="NN21" s="119">
        <v>0</v>
      </c>
      <c r="NO21" s="120">
        <v>0</v>
      </c>
      <c r="NP21" s="145"/>
      <c r="NQ21" s="119">
        <v>0</v>
      </c>
      <c r="NR21" s="119">
        <v>0</v>
      </c>
      <c r="NS21" s="119">
        <v>0</v>
      </c>
      <c r="NT21" s="119">
        <v>0</v>
      </c>
      <c r="NU21" s="119">
        <v>353751</v>
      </c>
      <c r="NV21" s="120">
        <v>353751</v>
      </c>
      <c r="NW21" s="121">
        <v>353751</v>
      </c>
      <c r="NX21" s="142">
        <v>0</v>
      </c>
      <c r="NY21" s="119">
        <v>0</v>
      </c>
      <c r="NZ21" s="120">
        <v>0</v>
      </c>
      <c r="OA21" s="145"/>
      <c r="OB21" s="119">
        <v>0</v>
      </c>
      <c r="OC21" s="119">
        <v>0</v>
      </c>
      <c r="OD21" s="119">
        <v>1002476</v>
      </c>
      <c r="OE21" s="119">
        <v>3561556</v>
      </c>
      <c r="OF21" s="119">
        <v>8514940</v>
      </c>
      <c r="OG21" s="120">
        <v>13078972</v>
      </c>
      <c r="OH21" s="121">
        <v>13078972</v>
      </c>
      <c r="OI21" s="142">
        <v>6093797</v>
      </c>
      <c r="OJ21" s="119">
        <v>12506742</v>
      </c>
      <c r="OK21" s="141">
        <v>18600539</v>
      </c>
      <c r="OL21" s="118">
        <v>0</v>
      </c>
      <c r="OM21" s="119">
        <v>106491149</v>
      </c>
      <c r="ON21" s="119">
        <v>190915027</v>
      </c>
      <c r="OO21" s="119">
        <v>232197862</v>
      </c>
      <c r="OP21" s="119">
        <v>252249837</v>
      </c>
      <c r="OQ21" s="119">
        <v>182690426</v>
      </c>
      <c r="OR21" s="120">
        <v>964544301</v>
      </c>
      <c r="OS21" s="143">
        <v>983144840</v>
      </c>
    </row>
    <row r="22" spans="2:409" ht="21" customHeight="1" x14ac:dyDescent="0.2">
      <c r="B22" s="62" t="s">
        <v>17</v>
      </c>
      <c r="C22" s="110">
        <v>6197105</v>
      </c>
      <c r="D22" s="114">
        <v>16784482</v>
      </c>
      <c r="E22" s="113">
        <v>22981587</v>
      </c>
      <c r="F22" s="109">
        <v>0</v>
      </c>
      <c r="G22" s="114">
        <v>79362753</v>
      </c>
      <c r="H22" s="114">
        <v>162021499</v>
      </c>
      <c r="I22" s="114">
        <v>143223066</v>
      </c>
      <c r="J22" s="114">
        <v>132803689</v>
      </c>
      <c r="K22" s="114">
        <v>100418285</v>
      </c>
      <c r="L22" s="109">
        <v>617829292</v>
      </c>
      <c r="M22" s="116">
        <v>640810879</v>
      </c>
      <c r="N22" s="110">
        <v>1294183</v>
      </c>
      <c r="O22" s="114">
        <v>3603759</v>
      </c>
      <c r="P22" s="113">
        <v>4897942</v>
      </c>
      <c r="Q22" s="110">
        <v>0</v>
      </c>
      <c r="R22" s="114">
        <v>18446753</v>
      </c>
      <c r="S22" s="114">
        <v>41984898</v>
      </c>
      <c r="T22" s="114">
        <v>45440170</v>
      </c>
      <c r="U22" s="114">
        <v>50201612</v>
      </c>
      <c r="V22" s="114">
        <v>50634545</v>
      </c>
      <c r="W22" s="113">
        <v>206707978</v>
      </c>
      <c r="X22" s="116">
        <v>211605920</v>
      </c>
      <c r="Y22" s="110">
        <v>0</v>
      </c>
      <c r="Z22" s="114">
        <v>0</v>
      </c>
      <c r="AA22" s="113">
        <v>0</v>
      </c>
      <c r="AB22" s="110">
        <v>0</v>
      </c>
      <c r="AC22" s="114">
        <v>8165005</v>
      </c>
      <c r="AD22" s="114">
        <v>21423175</v>
      </c>
      <c r="AE22" s="114">
        <v>26007538</v>
      </c>
      <c r="AF22" s="114">
        <v>30855322</v>
      </c>
      <c r="AG22" s="114">
        <v>30706586</v>
      </c>
      <c r="AH22" s="113">
        <v>117157626</v>
      </c>
      <c r="AI22" s="116">
        <v>117157626</v>
      </c>
      <c r="AJ22" s="110">
        <v>0</v>
      </c>
      <c r="AK22" s="114">
        <v>27033</v>
      </c>
      <c r="AL22" s="113">
        <v>27033</v>
      </c>
      <c r="AM22" s="110">
        <v>0</v>
      </c>
      <c r="AN22" s="114">
        <v>0</v>
      </c>
      <c r="AO22" s="114">
        <v>360584</v>
      </c>
      <c r="AP22" s="114">
        <v>1240216</v>
      </c>
      <c r="AQ22" s="114">
        <v>2345803</v>
      </c>
      <c r="AR22" s="114">
        <v>4822739</v>
      </c>
      <c r="AS22" s="113">
        <v>8769342</v>
      </c>
      <c r="AT22" s="116">
        <v>8796375</v>
      </c>
      <c r="AU22" s="110">
        <v>728574</v>
      </c>
      <c r="AV22" s="114">
        <v>2474807</v>
      </c>
      <c r="AW22" s="113">
        <v>3203381</v>
      </c>
      <c r="AX22" s="110">
        <v>0</v>
      </c>
      <c r="AY22" s="114">
        <v>6038612</v>
      </c>
      <c r="AZ22" s="114">
        <v>12825539</v>
      </c>
      <c r="BA22" s="114">
        <v>10899636</v>
      </c>
      <c r="BB22" s="114">
        <v>10104876</v>
      </c>
      <c r="BC22" s="114">
        <v>9482650</v>
      </c>
      <c r="BD22" s="113">
        <v>49351313</v>
      </c>
      <c r="BE22" s="116">
        <v>52554694</v>
      </c>
      <c r="BF22" s="110">
        <v>68546</v>
      </c>
      <c r="BG22" s="114">
        <v>410785</v>
      </c>
      <c r="BH22" s="112">
        <v>479331</v>
      </c>
      <c r="BI22" s="111">
        <v>0</v>
      </c>
      <c r="BJ22" s="114">
        <v>384925</v>
      </c>
      <c r="BK22" s="114">
        <v>1062548</v>
      </c>
      <c r="BL22" s="114">
        <v>1128409</v>
      </c>
      <c r="BM22" s="114">
        <v>648004</v>
      </c>
      <c r="BN22" s="114">
        <v>704830</v>
      </c>
      <c r="BO22" s="113">
        <v>3928716</v>
      </c>
      <c r="BP22" s="116">
        <v>4408047</v>
      </c>
      <c r="BQ22" s="110">
        <v>497063</v>
      </c>
      <c r="BR22" s="114">
        <v>691134</v>
      </c>
      <c r="BS22" s="113">
        <v>1188197</v>
      </c>
      <c r="BT22" s="110">
        <v>0</v>
      </c>
      <c r="BU22" s="114">
        <v>3858211</v>
      </c>
      <c r="BV22" s="114">
        <v>6313052</v>
      </c>
      <c r="BW22" s="114">
        <v>6164371</v>
      </c>
      <c r="BX22" s="114">
        <v>6247607</v>
      </c>
      <c r="BY22" s="114">
        <v>4917740</v>
      </c>
      <c r="BZ22" s="113">
        <v>27500981</v>
      </c>
      <c r="CA22" s="116">
        <v>28689178</v>
      </c>
      <c r="CB22" s="110">
        <v>773237</v>
      </c>
      <c r="CC22" s="114">
        <v>3123634</v>
      </c>
      <c r="CD22" s="113">
        <v>3896871</v>
      </c>
      <c r="CE22" s="110">
        <v>0</v>
      </c>
      <c r="CF22" s="114">
        <v>24623509</v>
      </c>
      <c r="CG22" s="114">
        <v>54278564</v>
      </c>
      <c r="CH22" s="114">
        <v>39726062</v>
      </c>
      <c r="CI22" s="114">
        <v>25675333</v>
      </c>
      <c r="CJ22" s="114">
        <v>14122773</v>
      </c>
      <c r="CK22" s="113">
        <v>158426241</v>
      </c>
      <c r="CL22" s="116">
        <v>162323112</v>
      </c>
      <c r="CM22" s="110">
        <v>0</v>
      </c>
      <c r="CN22" s="114">
        <v>0</v>
      </c>
      <c r="CO22" s="113">
        <v>0</v>
      </c>
      <c r="CP22" s="111">
        <v>0</v>
      </c>
      <c r="CQ22" s="114">
        <v>21057140</v>
      </c>
      <c r="CR22" s="114">
        <v>42191517</v>
      </c>
      <c r="CS22" s="114">
        <v>31899480</v>
      </c>
      <c r="CT22" s="114">
        <v>21925621</v>
      </c>
      <c r="CU22" s="114">
        <v>12118635</v>
      </c>
      <c r="CV22" s="113">
        <v>129192393</v>
      </c>
      <c r="CW22" s="116">
        <v>129192393</v>
      </c>
      <c r="CX22" s="110">
        <v>773237</v>
      </c>
      <c r="CY22" s="114">
        <v>3123634</v>
      </c>
      <c r="CZ22" s="113">
        <v>3896871</v>
      </c>
      <c r="DA22" s="110">
        <v>0</v>
      </c>
      <c r="DB22" s="114">
        <v>3566369</v>
      </c>
      <c r="DC22" s="114">
        <v>12087047</v>
      </c>
      <c r="DD22" s="114">
        <v>7826582</v>
      </c>
      <c r="DE22" s="114">
        <v>3749712</v>
      </c>
      <c r="DF22" s="114">
        <v>2004138</v>
      </c>
      <c r="DG22" s="113">
        <v>29233848</v>
      </c>
      <c r="DH22" s="116">
        <v>33130719</v>
      </c>
      <c r="DI22" s="110">
        <v>15350</v>
      </c>
      <c r="DJ22" s="114">
        <v>170470</v>
      </c>
      <c r="DK22" s="112">
        <v>185820</v>
      </c>
      <c r="DL22" s="111">
        <v>0</v>
      </c>
      <c r="DM22" s="114">
        <v>3112392</v>
      </c>
      <c r="DN22" s="114">
        <v>6860356</v>
      </c>
      <c r="DO22" s="114">
        <v>12708151</v>
      </c>
      <c r="DP22" s="114">
        <v>12000154</v>
      </c>
      <c r="DQ22" s="114">
        <v>5638990</v>
      </c>
      <c r="DR22" s="113">
        <v>40320043</v>
      </c>
      <c r="DS22" s="116">
        <v>40505863</v>
      </c>
      <c r="DT22" s="110">
        <v>15350</v>
      </c>
      <c r="DU22" s="114">
        <v>145917</v>
      </c>
      <c r="DV22" s="113">
        <v>161267</v>
      </c>
      <c r="DW22" s="110">
        <v>0</v>
      </c>
      <c r="DX22" s="114">
        <v>2715733</v>
      </c>
      <c r="DY22" s="114">
        <v>5231935</v>
      </c>
      <c r="DZ22" s="114">
        <v>11881202</v>
      </c>
      <c r="EA22" s="114">
        <v>10831547</v>
      </c>
      <c r="EB22" s="114">
        <v>4829443</v>
      </c>
      <c r="EC22" s="113">
        <v>35489860</v>
      </c>
      <c r="ED22" s="116">
        <v>35651127</v>
      </c>
      <c r="EE22" s="110">
        <v>0</v>
      </c>
      <c r="EF22" s="112">
        <v>24553</v>
      </c>
      <c r="EG22" s="113">
        <v>24553</v>
      </c>
      <c r="EH22" s="110">
        <v>0</v>
      </c>
      <c r="EI22" s="114">
        <v>396659</v>
      </c>
      <c r="EJ22" s="114">
        <v>1628421</v>
      </c>
      <c r="EK22" s="114">
        <v>826949</v>
      </c>
      <c r="EL22" s="114">
        <v>1168607</v>
      </c>
      <c r="EM22" s="114">
        <v>809547</v>
      </c>
      <c r="EN22" s="112">
        <v>4830183</v>
      </c>
      <c r="EO22" s="116">
        <v>4854736</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5"/>
      <c r="FE22" s="114">
        <v>0</v>
      </c>
      <c r="FF22" s="114">
        <v>0</v>
      </c>
      <c r="FG22" s="114">
        <v>0</v>
      </c>
      <c r="FH22" s="114">
        <v>0</v>
      </c>
      <c r="FI22" s="114">
        <v>0</v>
      </c>
      <c r="FJ22" s="113">
        <v>0</v>
      </c>
      <c r="FK22" s="116">
        <v>0</v>
      </c>
      <c r="FL22" s="110">
        <v>1270867</v>
      </c>
      <c r="FM22" s="114">
        <v>4290017</v>
      </c>
      <c r="FN22" s="113">
        <v>5560884</v>
      </c>
      <c r="FO22" s="110">
        <v>0</v>
      </c>
      <c r="FP22" s="114">
        <v>4146389</v>
      </c>
      <c r="FQ22" s="114">
        <v>16076363</v>
      </c>
      <c r="FR22" s="114">
        <v>12040649</v>
      </c>
      <c r="FS22" s="114">
        <v>10743958</v>
      </c>
      <c r="FT22" s="114">
        <v>8378642</v>
      </c>
      <c r="FU22" s="113">
        <v>51386001</v>
      </c>
      <c r="FV22" s="116">
        <v>56946885</v>
      </c>
      <c r="FW22" s="115">
        <v>962938</v>
      </c>
      <c r="FX22" s="114">
        <v>3132294</v>
      </c>
      <c r="FY22" s="112">
        <v>4095232</v>
      </c>
      <c r="FZ22" s="111">
        <v>0</v>
      </c>
      <c r="GA22" s="114">
        <v>3231733</v>
      </c>
      <c r="GB22" s="114">
        <v>14958852</v>
      </c>
      <c r="GC22" s="114">
        <v>11030526</v>
      </c>
      <c r="GD22" s="114">
        <v>9959292</v>
      </c>
      <c r="GE22" s="114">
        <v>8115995</v>
      </c>
      <c r="GF22" s="113">
        <v>47296398</v>
      </c>
      <c r="GG22" s="316">
        <v>51391630</v>
      </c>
      <c r="GH22" s="115">
        <v>168348</v>
      </c>
      <c r="GI22" s="114">
        <v>227574</v>
      </c>
      <c r="GJ22" s="112">
        <v>395922</v>
      </c>
      <c r="GK22" s="111">
        <v>0</v>
      </c>
      <c r="GL22" s="114">
        <v>225820</v>
      </c>
      <c r="GM22" s="114">
        <v>462981</v>
      </c>
      <c r="GN22" s="114">
        <v>286023</v>
      </c>
      <c r="GO22" s="114">
        <v>189257</v>
      </c>
      <c r="GP22" s="114">
        <v>70965</v>
      </c>
      <c r="GQ22" s="113">
        <v>1235046</v>
      </c>
      <c r="GR22" s="116">
        <v>1630968</v>
      </c>
      <c r="GS22" s="110">
        <v>139581</v>
      </c>
      <c r="GT22" s="114">
        <v>930149</v>
      </c>
      <c r="GU22" s="113">
        <v>1069730</v>
      </c>
      <c r="GV22" s="110">
        <v>0</v>
      </c>
      <c r="GW22" s="114">
        <v>688836</v>
      </c>
      <c r="GX22" s="114">
        <v>654530</v>
      </c>
      <c r="GY22" s="114">
        <v>724100</v>
      </c>
      <c r="GZ22" s="114">
        <v>595409</v>
      </c>
      <c r="HA22" s="114">
        <v>191682</v>
      </c>
      <c r="HB22" s="112">
        <v>2854557</v>
      </c>
      <c r="HC22" s="116">
        <v>3924287</v>
      </c>
      <c r="HD22" s="110">
        <v>1695253</v>
      </c>
      <c r="HE22" s="114">
        <v>2815874</v>
      </c>
      <c r="HF22" s="112">
        <v>4511127</v>
      </c>
      <c r="HG22" s="111">
        <v>0</v>
      </c>
      <c r="HH22" s="114">
        <v>16019488</v>
      </c>
      <c r="HI22" s="114">
        <v>21912764</v>
      </c>
      <c r="HJ22" s="114">
        <v>18499968</v>
      </c>
      <c r="HK22" s="114">
        <v>24404086</v>
      </c>
      <c r="HL22" s="114">
        <v>15026975</v>
      </c>
      <c r="HM22" s="113">
        <v>95863281</v>
      </c>
      <c r="HN22" s="109">
        <v>100374408</v>
      </c>
      <c r="HO22" s="115">
        <v>1148215</v>
      </c>
      <c r="HP22" s="114">
        <v>2780728</v>
      </c>
      <c r="HQ22" s="113">
        <v>3928943</v>
      </c>
      <c r="HR22" s="110">
        <v>0</v>
      </c>
      <c r="HS22" s="114">
        <v>13014222</v>
      </c>
      <c r="HT22" s="114">
        <v>20908554</v>
      </c>
      <c r="HU22" s="114">
        <v>14808066</v>
      </c>
      <c r="HV22" s="114">
        <v>9778546</v>
      </c>
      <c r="HW22" s="114">
        <v>6616360</v>
      </c>
      <c r="HX22" s="112">
        <v>65125748</v>
      </c>
      <c r="HY22" s="116">
        <v>69054691</v>
      </c>
      <c r="HZ22" s="150">
        <v>33530</v>
      </c>
      <c r="IA22" s="135">
        <v>187196</v>
      </c>
      <c r="IB22" s="150">
        <v>220726</v>
      </c>
      <c r="IC22" s="134">
        <v>0</v>
      </c>
      <c r="ID22" s="135">
        <v>27732432</v>
      </c>
      <c r="IE22" s="136">
        <v>41855552</v>
      </c>
      <c r="IF22" s="137">
        <v>51867224</v>
      </c>
      <c r="IG22" s="135">
        <v>48773933</v>
      </c>
      <c r="IH22" s="137">
        <v>35116582</v>
      </c>
      <c r="II22" s="138">
        <v>205345723</v>
      </c>
      <c r="IJ22" s="150">
        <v>205566449</v>
      </c>
      <c r="IK22" s="232">
        <v>0</v>
      </c>
      <c r="IL22" s="236">
        <v>0</v>
      </c>
      <c r="IM22" s="237">
        <v>0</v>
      </c>
      <c r="IN22" s="140"/>
      <c r="IO22" s="119">
        <v>165045</v>
      </c>
      <c r="IP22" s="119">
        <v>390933</v>
      </c>
      <c r="IQ22" s="119">
        <v>944438</v>
      </c>
      <c r="IR22" s="119">
        <v>1062450</v>
      </c>
      <c r="IS22" s="119">
        <v>242829</v>
      </c>
      <c r="IT22" s="141">
        <v>2805695</v>
      </c>
      <c r="IU22" s="318">
        <v>2805695</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1584226</v>
      </c>
      <c r="JL22" s="119">
        <v>17977642</v>
      </c>
      <c r="JM22" s="119">
        <v>15038213</v>
      </c>
      <c r="JN22" s="119">
        <v>14437793</v>
      </c>
      <c r="JO22" s="119">
        <v>8657667</v>
      </c>
      <c r="JP22" s="120">
        <v>67695541</v>
      </c>
      <c r="JQ22" s="318">
        <v>67695541</v>
      </c>
      <c r="JR22" s="142">
        <v>33530</v>
      </c>
      <c r="JS22" s="119">
        <v>93761</v>
      </c>
      <c r="JT22" s="141">
        <v>127291</v>
      </c>
      <c r="JU22" s="118">
        <v>0</v>
      </c>
      <c r="JV22" s="119">
        <v>1442349</v>
      </c>
      <c r="JW22" s="119">
        <v>2197144</v>
      </c>
      <c r="JX22" s="119">
        <v>1614525</v>
      </c>
      <c r="JY22" s="119">
        <v>1803320</v>
      </c>
      <c r="JZ22" s="119">
        <v>682735</v>
      </c>
      <c r="KA22" s="120">
        <v>7740073</v>
      </c>
      <c r="KB22" s="318">
        <v>7867364</v>
      </c>
      <c r="KC22" s="234">
        <v>0</v>
      </c>
      <c r="KD22" s="230">
        <v>93435</v>
      </c>
      <c r="KE22" s="120">
        <v>93435</v>
      </c>
      <c r="KF22" s="118">
        <v>0</v>
      </c>
      <c r="KG22" s="119">
        <v>2642886</v>
      </c>
      <c r="KH22" s="119">
        <v>4539088</v>
      </c>
      <c r="KI22" s="119">
        <v>9312374</v>
      </c>
      <c r="KJ22" s="119">
        <v>6413518</v>
      </c>
      <c r="KK22" s="119">
        <v>3598964</v>
      </c>
      <c r="KL22" s="120">
        <v>26506830</v>
      </c>
      <c r="KM22" s="143">
        <v>26600265</v>
      </c>
      <c r="KN22" s="232">
        <v>0</v>
      </c>
      <c r="KO22" s="236">
        <v>0</v>
      </c>
      <c r="KP22" s="237">
        <v>0</v>
      </c>
      <c r="KQ22" s="140"/>
      <c r="KR22" s="119">
        <v>11710585</v>
      </c>
      <c r="KS22" s="119">
        <v>15684800</v>
      </c>
      <c r="KT22" s="119">
        <v>17191237</v>
      </c>
      <c r="KU22" s="119">
        <v>13570786</v>
      </c>
      <c r="KV22" s="119">
        <v>6191257</v>
      </c>
      <c r="KW22" s="120">
        <v>64348665</v>
      </c>
      <c r="KX22" s="318">
        <v>64348665</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372618</v>
      </c>
      <c r="LP22" s="119">
        <v>7178062</v>
      </c>
      <c r="LQ22" s="119">
        <v>10193079</v>
      </c>
      <c r="LR22" s="119">
        <v>12742724</v>
      </c>
      <c r="LS22" s="120">
        <v>30486483</v>
      </c>
      <c r="LT22" s="318">
        <v>30486483</v>
      </c>
      <c r="LU22" s="142">
        <v>0</v>
      </c>
      <c r="LV22" s="119">
        <v>0</v>
      </c>
      <c r="LW22" s="120">
        <v>0</v>
      </c>
      <c r="LX22" s="145"/>
      <c r="LY22" s="119">
        <v>187341</v>
      </c>
      <c r="LZ22" s="119">
        <v>693327</v>
      </c>
      <c r="MA22" s="119">
        <v>588375</v>
      </c>
      <c r="MB22" s="119">
        <v>1292987</v>
      </c>
      <c r="MC22" s="119">
        <v>3000406</v>
      </c>
      <c r="MD22" s="120">
        <v>5762436</v>
      </c>
      <c r="ME22" s="121">
        <v>5762436</v>
      </c>
      <c r="MF22" s="142">
        <v>0</v>
      </c>
      <c r="MG22" s="119">
        <v>0</v>
      </c>
      <c r="MH22" s="120">
        <v>0</v>
      </c>
      <c r="MI22" s="145"/>
      <c r="MJ22" s="119">
        <v>11594410</v>
      </c>
      <c r="MK22" s="119">
        <v>33809172</v>
      </c>
      <c r="ML22" s="119">
        <v>93540179</v>
      </c>
      <c r="MM22" s="119">
        <v>119694349</v>
      </c>
      <c r="MN22" s="119">
        <v>96417630</v>
      </c>
      <c r="MO22" s="120">
        <v>355055740</v>
      </c>
      <c r="MP22" s="143">
        <v>355055740</v>
      </c>
      <c r="MQ22" s="142">
        <v>0</v>
      </c>
      <c r="MR22" s="119">
        <v>0</v>
      </c>
      <c r="MS22" s="120">
        <v>0</v>
      </c>
      <c r="MT22" s="145"/>
      <c r="MU22" s="119">
        <v>425018</v>
      </c>
      <c r="MV22" s="119">
        <v>3093819</v>
      </c>
      <c r="MW22" s="119">
        <v>48284574</v>
      </c>
      <c r="MX22" s="119">
        <v>75975051</v>
      </c>
      <c r="MY22" s="119">
        <v>65845029</v>
      </c>
      <c r="MZ22" s="120">
        <v>193623491</v>
      </c>
      <c r="NA22" s="143">
        <v>193623491</v>
      </c>
      <c r="NB22" s="142">
        <v>0</v>
      </c>
      <c r="NC22" s="119">
        <v>0</v>
      </c>
      <c r="ND22" s="120">
        <v>0</v>
      </c>
      <c r="NE22" s="145"/>
      <c r="NF22" s="119">
        <v>11169392</v>
      </c>
      <c r="NG22" s="119">
        <v>30715353</v>
      </c>
      <c r="NH22" s="119">
        <v>44895782</v>
      </c>
      <c r="NI22" s="119">
        <v>42607048</v>
      </c>
      <c r="NJ22" s="119">
        <v>25193162</v>
      </c>
      <c r="NK22" s="120">
        <v>154580737</v>
      </c>
      <c r="NL22" s="318">
        <v>154580737</v>
      </c>
      <c r="NM22" s="142">
        <v>0</v>
      </c>
      <c r="NN22" s="119">
        <v>0</v>
      </c>
      <c r="NO22" s="120">
        <v>0</v>
      </c>
      <c r="NP22" s="145"/>
      <c r="NQ22" s="119">
        <v>0</v>
      </c>
      <c r="NR22" s="119">
        <v>0</v>
      </c>
      <c r="NS22" s="119">
        <v>0</v>
      </c>
      <c r="NT22" s="119">
        <v>0</v>
      </c>
      <c r="NU22" s="119">
        <v>1486904</v>
      </c>
      <c r="NV22" s="120">
        <v>1486904</v>
      </c>
      <c r="NW22" s="121">
        <v>1486904</v>
      </c>
      <c r="NX22" s="142">
        <v>0</v>
      </c>
      <c r="NY22" s="119">
        <v>0</v>
      </c>
      <c r="NZ22" s="120">
        <v>0</v>
      </c>
      <c r="OA22" s="145"/>
      <c r="OB22" s="119">
        <v>0</v>
      </c>
      <c r="OC22" s="119">
        <v>0</v>
      </c>
      <c r="OD22" s="119">
        <v>359823</v>
      </c>
      <c r="OE22" s="119">
        <v>1112250</v>
      </c>
      <c r="OF22" s="119">
        <v>3892535</v>
      </c>
      <c r="OG22" s="120">
        <v>5364608</v>
      </c>
      <c r="OH22" s="121">
        <v>5364608</v>
      </c>
      <c r="OI22" s="142">
        <v>6230635</v>
      </c>
      <c r="OJ22" s="119">
        <v>16971678</v>
      </c>
      <c r="OK22" s="141">
        <v>23202313</v>
      </c>
      <c r="OL22" s="118">
        <v>0</v>
      </c>
      <c r="OM22" s="119">
        <v>118689595</v>
      </c>
      <c r="ON22" s="119">
        <v>237686223</v>
      </c>
      <c r="OO22" s="119">
        <v>288630469</v>
      </c>
      <c r="OP22" s="119">
        <v>301271971</v>
      </c>
      <c r="OQ22" s="119">
        <v>231952497</v>
      </c>
      <c r="OR22" s="120">
        <v>1178230755</v>
      </c>
      <c r="OS22" s="143">
        <v>1201433068</v>
      </c>
    </row>
    <row r="23" spans="2:409" ht="21" customHeight="1" x14ac:dyDescent="0.2">
      <c r="B23" s="62" t="s">
        <v>18</v>
      </c>
      <c r="C23" s="110">
        <v>7747346</v>
      </c>
      <c r="D23" s="114">
        <v>15867182</v>
      </c>
      <c r="E23" s="113">
        <v>23614528</v>
      </c>
      <c r="F23" s="109">
        <v>0</v>
      </c>
      <c r="G23" s="114">
        <v>135932207</v>
      </c>
      <c r="H23" s="114">
        <v>169207514</v>
      </c>
      <c r="I23" s="114">
        <v>159503375</v>
      </c>
      <c r="J23" s="114">
        <v>141532090</v>
      </c>
      <c r="K23" s="114">
        <v>107841857</v>
      </c>
      <c r="L23" s="109">
        <v>714017043</v>
      </c>
      <c r="M23" s="116">
        <v>737631571</v>
      </c>
      <c r="N23" s="110">
        <v>2046376</v>
      </c>
      <c r="O23" s="114">
        <v>4317077</v>
      </c>
      <c r="P23" s="113">
        <v>6363453</v>
      </c>
      <c r="Q23" s="110">
        <v>0</v>
      </c>
      <c r="R23" s="114">
        <v>38501578</v>
      </c>
      <c r="S23" s="114">
        <v>48438046</v>
      </c>
      <c r="T23" s="114">
        <v>51176142</v>
      </c>
      <c r="U23" s="114">
        <v>55751882</v>
      </c>
      <c r="V23" s="114">
        <v>53402774</v>
      </c>
      <c r="W23" s="113">
        <v>247270422</v>
      </c>
      <c r="X23" s="116">
        <v>253633875</v>
      </c>
      <c r="Y23" s="110">
        <v>0</v>
      </c>
      <c r="Z23" s="114">
        <v>0</v>
      </c>
      <c r="AA23" s="113">
        <v>0</v>
      </c>
      <c r="AB23" s="110">
        <v>0</v>
      </c>
      <c r="AC23" s="114">
        <v>18127858</v>
      </c>
      <c r="AD23" s="114">
        <v>23951924</v>
      </c>
      <c r="AE23" s="114">
        <v>31352247</v>
      </c>
      <c r="AF23" s="114">
        <v>35561504</v>
      </c>
      <c r="AG23" s="114">
        <v>33019648</v>
      </c>
      <c r="AH23" s="113">
        <v>142013181</v>
      </c>
      <c r="AI23" s="116">
        <v>142013181</v>
      </c>
      <c r="AJ23" s="110">
        <v>0</v>
      </c>
      <c r="AK23" s="114">
        <v>0</v>
      </c>
      <c r="AL23" s="113">
        <v>0</v>
      </c>
      <c r="AM23" s="110">
        <v>0</v>
      </c>
      <c r="AN23" s="114">
        <v>65566</v>
      </c>
      <c r="AO23" s="114">
        <v>501397</v>
      </c>
      <c r="AP23" s="114">
        <v>948796</v>
      </c>
      <c r="AQ23" s="114">
        <v>2993506</v>
      </c>
      <c r="AR23" s="114">
        <v>5931456</v>
      </c>
      <c r="AS23" s="113">
        <v>10440721</v>
      </c>
      <c r="AT23" s="116">
        <v>10440721</v>
      </c>
      <c r="AU23" s="110">
        <v>1183715</v>
      </c>
      <c r="AV23" s="114">
        <v>3096070</v>
      </c>
      <c r="AW23" s="113">
        <v>4279785</v>
      </c>
      <c r="AX23" s="110">
        <v>0</v>
      </c>
      <c r="AY23" s="114">
        <v>12275868</v>
      </c>
      <c r="AZ23" s="114">
        <v>14006806</v>
      </c>
      <c r="BA23" s="114">
        <v>9999847</v>
      </c>
      <c r="BB23" s="114">
        <v>9003824</v>
      </c>
      <c r="BC23" s="114">
        <v>7800974</v>
      </c>
      <c r="BD23" s="113">
        <v>53087319</v>
      </c>
      <c r="BE23" s="116">
        <v>57367104</v>
      </c>
      <c r="BF23" s="110">
        <v>149142</v>
      </c>
      <c r="BG23" s="114">
        <v>368757</v>
      </c>
      <c r="BH23" s="112">
        <v>517899</v>
      </c>
      <c r="BI23" s="111">
        <v>0</v>
      </c>
      <c r="BJ23" s="114">
        <v>1621044</v>
      </c>
      <c r="BK23" s="114">
        <v>2639699</v>
      </c>
      <c r="BL23" s="114">
        <v>1526618</v>
      </c>
      <c r="BM23" s="114">
        <v>926276</v>
      </c>
      <c r="BN23" s="114">
        <v>633820</v>
      </c>
      <c r="BO23" s="113">
        <v>7347457</v>
      </c>
      <c r="BP23" s="116">
        <v>7865356</v>
      </c>
      <c r="BQ23" s="110">
        <v>713519</v>
      </c>
      <c r="BR23" s="114">
        <v>852250</v>
      </c>
      <c r="BS23" s="113">
        <v>1565769</v>
      </c>
      <c r="BT23" s="110">
        <v>0</v>
      </c>
      <c r="BU23" s="114">
        <v>6411242</v>
      </c>
      <c r="BV23" s="114">
        <v>7338220</v>
      </c>
      <c r="BW23" s="114">
        <v>7348634</v>
      </c>
      <c r="BX23" s="114">
        <v>7266772</v>
      </c>
      <c r="BY23" s="114">
        <v>6016876</v>
      </c>
      <c r="BZ23" s="113">
        <v>34381744</v>
      </c>
      <c r="CA23" s="116">
        <v>35947513</v>
      </c>
      <c r="CB23" s="110">
        <v>1179598</v>
      </c>
      <c r="CC23" s="114">
        <v>3448806</v>
      </c>
      <c r="CD23" s="113">
        <v>4628404</v>
      </c>
      <c r="CE23" s="110">
        <v>0</v>
      </c>
      <c r="CF23" s="114">
        <v>44994126</v>
      </c>
      <c r="CG23" s="114">
        <v>55717811</v>
      </c>
      <c r="CH23" s="114">
        <v>46706136</v>
      </c>
      <c r="CI23" s="114">
        <v>29230566</v>
      </c>
      <c r="CJ23" s="114">
        <v>13659839</v>
      </c>
      <c r="CK23" s="113">
        <v>190308478</v>
      </c>
      <c r="CL23" s="116">
        <v>194936882</v>
      </c>
      <c r="CM23" s="110">
        <v>0</v>
      </c>
      <c r="CN23" s="114">
        <v>0</v>
      </c>
      <c r="CO23" s="113">
        <v>0</v>
      </c>
      <c r="CP23" s="111">
        <v>0</v>
      </c>
      <c r="CQ23" s="114">
        <v>36776812</v>
      </c>
      <c r="CR23" s="114">
        <v>44118976</v>
      </c>
      <c r="CS23" s="114">
        <v>38809854</v>
      </c>
      <c r="CT23" s="114">
        <v>24002310</v>
      </c>
      <c r="CU23" s="114">
        <v>11138848</v>
      </c>
      <c r="CV23" s="113">
        <v>154846800</v>
      </c>
      <c r="CW23" s="116">
        <v>154846800</v>
      </c>
      <c r="CX23" s="110">
        <v>1179598</v>
      </c>
      <c r="CY23" s="114">
        <v>3448806</v>
      </c>
      <c r="CZ23" s="113">
        <v>4628404</v>
      </c>
      <c r="DA23" s="110">
        <v>0</v>
      </c>
      <c r="DB23" s="114">
        <v>8217314</v>
      </c>
      <c r="DC23" s="114">
        <v>11598835</v>
      </c>
      <c r="DD23" s="114">
        <v>7896282</v>
      </c>
      <c r="DE23" s="114">
        <v>5228256</v>
      </c>
      <c r="DF23" s="114">
        <v>2520991</v>
      </c>
      <c r="DG23" s="113">
        <v>35461678</v>
      </c>
      <c r="DH23" s="116">
        <v>40090082</v>
      </c>
      <c r="DI23" s="110">
        <v>14403</v>
      </c>
      <c r="DJ23" s="114">
        <v>154774</v>
      </c>
      <c r="DK23" s="112">
        <v>169177</v>
      </c>
      <c r="DL23" s="111">
        <v>0</v>
      </c>
      <c r="DM23" s="114">
        <v>2880380</v>
      </c>
      <c r="DN23" s="114">
        <v>8523432</v>
      </c>
      <c r="DO23" s="114">
        <v>15345722</v>
      </c>
      <c r="DP23" s="114">
        <v>12605116</v>
      </c>
      <c r="DQ23" s="114">
        <v>8772550</v>
      </c>
      <c r="DR23" s="113">
        <v>48127200</v>
      </c>
      <c r="DS23" s="116">
        <v>48296377</v>
      </c>
      <c r="DT23" s="110">
        <v>14403</v>
      </c>
      <c r="DU23" s="114">
        <v>154774</v>
      </c>
      <c r="DV23" s="113">
        <v>169177</v>
      </c>
      <c r="DW23" s="110">
        <v>0</v>
      </c>
      <c r="DX23" s="114">
        <v>2836188</v>
      </c>
      <c r="DY23" s="114">
        <v>8415409</v>
      </c>
      <c r="DZ23" s="114">
        <v>15080034</v>
      </c>
      <c r="EA23" s="114">
        <v>12237523</v>
      </c>
      <c r="EB23" s="114">
        <v>8730774</v>
      </c>
      <c r="EC23" s="113">
        <v>47299928</v>
      </c>
      <c r="ED23" s="116">
        <v>47469105</v>
      </c>
      <c r="EE23" s="110">
        <v>0</v>
      </c>
      <c r="EF23" s="112">
        <v>0</v>
      </c>
      <c r="EG23" s="113">
        <v>0</v>
      </c>
      <c r="EH23" s="110">
        <v>0</v>
      </c>
      <c r="EI23" s="114">
        <v>44192</v>
      </c>
      <c r="EJ23" s="114">
        <v>50136</v>
      </c>
      <c r="EK23" s="114">
        <v>265688</v>
      </c>
      <c r="EL23" s="114">
        <v>367593</v>
      </c>
      <c r="EM23" s="114">
        <v>41776</v>
      </c>
      <c r="EN23" s="112">
        <v>769385</v>
      </c>
      <c r="EO23" s="116">
        <v>769385</v>
      </c>
      <c r="EP23" s="110">
        <v>0</v>
      </c>
      <c r="EQ23" s="114">
        <v>0</v>
      </c>
      <c r="ER23" s="112">
        <v>0</v>
      </c>
      <c r="ES23" s="111">
        <v>0</v>
      </c>
      <c r="ET23" s="114">
        <v>0</v>
      </c>
      <c r="EU23" s="114">
        <v>57887</v>
      </c>
      <c r="EV23" s="114">
        <v>0</v>
      </c>
      <c r="EW23" s="114">
        <v>0</v>
      </c>
      <c r="EX23" s="114">
        <v>0</v>
      </c>
      <c r="EY23" s="113">
        <v>57887</v>
      </c>
      <c r="EZ23" s="116">
        <v>57887</v>
      </c>
      <c r="FA23" s="110">
        <v>0</v>
      </c>
      <c r="FB23" s="114">
        <v>0</v>
      </c>
      <c r="FC23" s="112">
        <v>0</v>
      </c>
      <c r="FD23" s="345"/>
      <c r="FE23" s="114">
        <v>0</v>
      </c>
      <c r="FF23" s="114">
        <v>0</v>
      </c>
      <c r="FG23" s="114">
        <v>0</v>
      </c>
      <c r="FH23" s="114">
        <v>0</v>
      </c>
      <c r="FI23" s="114">
        <v>0</v>
      </c>
      <c r="FJ23" s="113">
        <v>0</v>
      </c>
      <c r="FK23" s="116">
        <v>0</v>
      </c>
      <c r="FL23" s="110">
        <v>1607302</v>
      </c>
      <c r="FM23" s="114">
        <v>3491942</v>
      </c>
      <c r="FN23" s="113">
        <v>5099244</v>
      </c>
      <c r="FO23" s="110">
        <v>0</v>
      </c>
      <c r="FP23" s="114">
        <v>7381860</v>
      </c>
      <c r="FQ23" s="114">
        <v>14471768</v>
      </c>
      <c r="FR23" s="114">
        <v>11069242</v>
      </c>
      <c r="FS23" s="114">
        <v>10373370</v>
      </c>
      <c r="FT23" s="114">
        <v>7904302</v>
      </c>
      <c r="FU23" s="113">
        <v>51200542</v>
      </c>
      <c r="FV23" s="116">
        <v>56299786</v>
      </c>
      <c r="FW23" s="115">
        <v>1032471</v>
      </c>
      <c r="FX23" s="114">
        <v>2750622</v>
      </c>
      <c r="FY23" s="112">
        <v>3783093</v>
      </c>
      <c r="FZ23" s="111">
        <v>0</v>
      </c>
      <c r="GA23" s="114">
        <v>6062451</v>
      </c>
      <c r="GB23" s="114">
        <v>13576295</v>
      </c>
      <c r="GC23" s="114">
        <v>10474063</v>
      </c>
      <c r="GD23" s="114">
        <v>10027740</v>
      </c>
      <c r="GE23" s="114">
        <v>7762072</v>
      </c>
      <c r="GF23" s="113">
        <v>47902621</v>
      </c>
      <c r="GG23" s="316">
        <v>51685714</v>
      </c>
      <c r="GH23" s="115">
        <v>130716</v>
      </c>
      <c r="GI23" s="114">
        <v>11880</v>
      </c>
      <c r="GJ23" s="112">
        <v>142596</v>
      </c>
      <c r="GK23" s="111">
        <v>0</v>
      </c>
      <c r="GL23" s="114">
        <v>127629</v>
      </c>
      <c r="GM23" s="114">
        <v>199473</v>
      </c>
      <c r="GN23" s="114">
        <v>151459</v>
      </c>
      <c r="GO23" s="114">
        <v>111230</v>
      </c>
      <c r="GP23" s="114">
        <v>142230</v>
      </c>
      <c r="GQ23" s="113">
        <v>732021</v>
      </c>
      <c r="GR23" s="116">
        <v>874617</v>
      </c>
      <c r="GS23" s="110">
        <v>444115</v>
      </c>
      <c r="GT23" s="114">
        <v>729440</v>
      </c>
      <c r="GU23" s="113">
        <v>1173555</v>
      </c>
      <c r="GV23" s="110">
        <v>0</v>
      </c>
      <c r="GW23" s="114">
        <v>1191780</v>
      </c>
      <c r="GX23" s="114">
        <v>696000</v>
      </c>
      <c r="GY23" s="114">
        <v>443720</v>
      </c>
      <c r="GZ23" s="114">
        <v>234400</v>
      </c>
      <c r="HA23" s="114">
        <v>0</v>
      </c>
      <c r="HB23" s="112">
        <v>2565900</v>
      </c>
      <c r="HC23" s="116">
        <v>3739455</v>
      </c>
      <c r="HD23" s="110">
        <v>1461465</v>
      </c>
      <c r="HE23" s="114">
        <v>1515886</v>
      </c>
      <c r="HF23" s="112">
        <v>2977351</v>
      </c>
      <c r="HG23" s="111">
        <v>0</v>
      </c>
      <c r="HH23" s="114">
        <v>19084186</v>
      </c>
      <c r="HI23" s="114">
        <v>20682511</v>
      </c>
      <c r="HJ23" s="114">
        <v>19848651</v>
      </c>
      <c r="HK23" s="114">
        <v>23251116</v>
      </c>
      <c r="HL23" s="114">
        <v>17867670</v>
      </c>
      <c r="HM23" s="113">
        <v>100734134</v>
      </c>
      <c r="HN23" s="109">
        <v>103711485</v>
      </c>
      <c r="HO23" s="115">
        <v>1438202</v>
      </c>
      <c r="HP23" s="114">
        <v>2938697</v>
      </c>
      <c r="HQ23" s="113">
        <v>4376899</v>
      </c>
      <c r="HR23" s="110">
        <v>0</v>
      </c>
      <c r="HS23" s="114">
        <v>23090077</v>
      </c>
      <c r="HT23" s="114">
        <v>21373946</v>
      </c>
      <c r="HU23" s="114">
        <v>15357482</v>
      </c>
      <c r="HV23" s="114">
        <v>10320040</v>
      </c>
      <c r="HW23" s="114">
        <v>6234722</v>
      </c>
      <c r="HX23" s="112">
        <v>76376267</v>
      </c>
      <c r="HY23" s="116">
        <v>80753166</v>
      </c>
      <c r="HZ23" s="131">
        <v>402700</v>
      </c>
      <c r="IA23" s="132">
        <v>2303888</v>
      </c>
      <c r="IB23" s="133">
        <v>2706588</v>
      </c>
      <c r="IC23" s="146">
        <v>0</v>
      </c>
      <c r="ID23" s="132">
        <v>33201368</v>
      </c>
      <c r="IE23" s="147">
        <v>44096952</v>
      </c>
      <c r="IF23" s="133">
        <v>54046011</v>
      </c>
      <c r="IG23" s="132">
        <v>39365724</v>
      </c>
      <c r="IH23" s="133">
        <v>23881967</v>
      </c>
      <c r="II23" s="148">
        <v>194592022</v>
      </c>
      <c r="IJ23" s="139">
        <v>197298610</v>
      </c>
      <c r="IK23" s="232">
        <v>0</v>
      </c>
      <c r="IL23" s="236">
        <v>0</v>
      </c>
      <c r="IM23" s="237">
        <v>0</v>
      </c>
      <c r="IN23" s="140"/>
      <c r="IO23" s="119">
        <v>135352</v>
      </c>
      <c r="IP23" s="119">
        <v>551764</v>
      </c>
      <c r="IQ23" s="119">
        <v>180667</v>
      </c>
      <c r="IR23" s="119">
        <v>0</v>
      </c>
      <c r="IS23" s="119">
        <v>237450</v>
      </c>
      <c r="IT23" s="141">
        <v>1105233</v>
      </c>
      <c r="IU23" s="318">
        <v>1105233</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2189426</v>
      </c>
      <c r="JL23" s="119">
        <v>11021781</v>
      </c>
      <c r="JM23" s="119">
        <v>8170721</v>
      </c>
      <c r="JN23" s="119">
        <v>4070162</v>
      </c>
      <c r="JO23" s="119">
        <v>1589138</v>
      </c>
      <c r="JP23" s="120">
        <v>37041228</v>
      </c>
      <c r="JQ23" s="318">
        <v>37041228</v>
      </c>
      <c r="JR23" s="142">
        <v>0</v>
      </c>
      <c r="JS23" s="119">
        <v>0</v>
      </c>
      <c r="JT23" s="141">
        <v>0</v>
      </c>
      <c r="JU23" s="118">
        <v>0</v>
      </c>
      <c r="JV23" s="119">
        <v>979658</v>
      </c>
      <c r="JW23" s="119">
        <v>631287</v>
      </c>
      <c r="JX23" s="119">
        <v>3456060</v>
      </c>
      <c r="JY23" s="119">
        <v>1915020</v>
      </c>
      <c r="JZ23" s="119">
        <v>1634216</v>
      </c>
      <c r="KA23" s="120">
        <v>8616241</v>
      </c>
      <c r="KB23" s="318">
        <v>8616241</v>
      </c>
      <c r="KC23" s="234">
        <v>402700</v>
      </c>
      <c r="KD23" s="230">
        <v>1320731</v>
      </c>
      <c r="KE23" s="120">
        <v>1723431</v>
      </c>
      <c r="KF23" s="118">
        <v>0</v>
      </c>
      <c r="KG23" s="119">
        <v>5426228</v>
      </c>
      <c r="KH23" s="119">
        <v>10380375</v>
      </c>
      <c r="KI23" s="119">
        <v>11479731</v>
      </c>
      <c r="KJ23" s="119">
        <v>5781488</v>
      </c>
      <c r="KK23" s="119">
        <v>2984077</v>
      </c>
      <c r="KL23" s="120">
        <v>36051899</v>
      </c>
      <c r="KM23" s="143">
        <v>37775330</v>
      </c>
      <c r="KN23" s="232">
        <v>0</v>
      </c>
      <c r="KO23" s="236">
        <v>983157</v>
      </c>
      <c r="KP23" s="237">
        <v>983157</v>
      </c>
      <c r="KQ23" s="140"/>
      <c r="KR23" s="119">
        <v>13597605</v>
      </c>
      <c r="KS23" s="119">
        <v>17979663</v>
      </c>
      <c r="KT23" s="119">
        <v>25417394</v>
      </c>
      <c r="KU23" s="119">
        <v>16714090</v>
      </c>
      <c r="KV23" s="119">
        <v>6990973</v>
      </c>
      <c r="KW23" s="120">
        <v>80699725</v>
      </c>
      <c r="KX23" s="318">
        <v>81682882</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530610</v>
      </c>
      <c r="LP23" s="119">
        <v>1454699</v>
      </c>
      <c r="LQ23" s="119">
        <v>5098209</v>
      </c>
      <c r="LR23" s="119">
        <v>1098471</v>
      </c>
      <c r="LS23" s="120">
        <v>8181989</v>
      </c>
      <c r="LT23" s="318">
        <v>8181989</v>
      </c>
      <c r="LU23" s="142">
        <v>0</v>
      </c>
      <c r="LV23" s="119">
        <v>0</v>
      </c>
      <c r="LW23" s="120">
        <v>0</v>
      </c>
      <c r="LX23" s="145"/>
      <c r="LY23" s="119">
        <v>873099</v>
      </c>
      <c r="LZ23" s="119">
        <v>3001472</v>
      </c>
      <c r="MA23" s="119">
        <v>3886739</v>
      </c>
      <c r="MB23" s="119">
        <v>5786755</v>
      </c>
      <c r="MC23" s="119">
        <v>9347642</v>
      </c>
      <c r="MD23" s="120">
        <v>22895707</v>
      </c>
      <c r="ME23" s="121">
        <v>22895707</v>
      </c>
      <c r="MF23" s="142">
        <v>0</v>
      </c>
      <c r="MG23" s="119">
        <v>0</v>
      </c>
      <c r="MH23" s="120">
        <v>0</v>
      </c>
      <c r="MI23" s="145"/>
      <c r="MJ23" s="119">
        <v>10464680</v>
      </c>
      <c r="MK23" s="119">
        <v>23853298</v>
      </c>
      <c r="ML23" s="119">
        <v>80254069</v>
      </c>
      <c r="MM23" s="119">
        <v>155301014</v>
      </c>
      <c r="MN23" s="119">
        <v>108796103</v>
      </c>
      <c r="MO23" s="120">
        <v>378669164</v>
      </c>
      <c r="MP23" s="143">
        <v>378669164</v>
      </c>
      <c r="MQ23" s="142">
        <v>0</v>
      </c>
      <c r="MR23" s="119">
        <v>0</v>
      </c>
      <c r="MS23" s="120">
        <v>0</v>
      </c>
      <c r="MT23" s="145"/>
      <c r="MU23" s="119">
        <v>1391565</v>
      </c>
      <c r="MV23" s="119">
        <v>2876793</v>
      </c>
      <c r="MW23" s="119">
        <v>46046810</v>
      </c>
      <c r="MX23" s="119">
        <v>110735232</v>
      </c>
      <c r="MY23" s="119">
        <v>77427519</v>
      </c>
      <c r="MZ23" s="120">
        <v>238477919</v>
      </c>
      <c r="NA23" s="143">
        <v>238477919</v>
      </c>
      <c r="NB23" s="142">
        <v>0</v>
      </c>
      <c r="NC23" s="119">
        <v>0</v>
      </c>
      <c r="ND23" s="120">
        <v>0</v>
      </c>
      <c r="NE23" s="145"/>
      <c r="NF23" s="119">
        <v>9073115</v>
      </c>
      <c r="NG23" s="119">
        <v>20976505</v>
      </c>
      <c r="NH23" s="119">
        <v>33811611</v>
      </c>
      <c r="NI23" s="119">
        <v>40191632</v>
      </c>
      <c r="NJ23" s="119">
        <v>22756872</v>
      </c>
      <c r="NK23" s="120">
        <v>126809735</v>
      </c>
      <c r="NL23" s="318">
        <v>126809735</v>
      </c>
      <c r="NM23" s="142">
        <v>0</v>
      </c>
      <c r="NN23" s="119">
        <v>0</v>
      </c>
      <c r="NO23" s="120">
        <v>0</v>
      </c>
      <c r="NP23" s="145"/>
      <c r="NQ23" s="119">
        <v>0</v>
      </c>
      <c r="NR23" s="119">
        <v>0</v>
      </c>
      <c r="NS23" s="119">
        <v>0</v>
      </c>
      <c r="NT23" s="119">
        <v>373240</v>
      </c>
      <c r="NU23" s="119">
        <v>1324271</v>
      </c>
      <c r="NV23" s="120">
        <v>1697511</v>
      </c>
      <c r="NW23" s="121">
        <v>1697511</v>
      </c>
      <c r="NX23" s="142">
        <v>0</v>
      </c>
      <c r="NY23" s="119">
        <v>0</v>
      </c>
      <c r="NZ23" s="120">
        <v>0</v>
      </c>
      <c r="OA23" s="145"/>
      <c r="OB23" s="119">
        <v>0</v>
      </c>
      <c r="OC23" s="119">
        <v>0</v>
      </c>
      <c r="OD23" s="119">
        <v>395648</v>
      </c>
      <c r="OE23" s="119">
        <v>4000910</v>
      </c>
      <c r="OF23" s="119">
        <v>7287441</v>
      </c>
      <c r="OG23" s="120">
        <v>11683999</v>
      </c>
      <c r="OH23" s="121">
        <v>11683999</v>
      </c>
      <c r="OI23" s="142">
        <v>8150046</v>
      </c>
      <c r="OJ23" s="119">
        <v>18171070</v>
      </c>
      <c r="OK23" s="141">
        <v>26321116</v>
      </c>
      <c r="OL23" s="118">
        <v>0</v>
      </c>
      <c r="OM23" s="119">
        <v>179598255</v>
      </c>
      <c r="ON23" s="119">
        <v>237157764</v>
      </c>
      <c r="OO23" s="119">
        <v>293803455</v>
      </c>
      <c r="OP23" s="119">
        <v>336198828</v>
      </c>
      <c r="OQ23" s="119">
        <v>240519927</v>
      </c>
      <c r="OR23" s="120">
        <v>1287278229</v>
      </c>
      <c r="OS23" s="143">
        <v>1313599345</v>
      </c>
    </row>
    <row r="24" spans="2:409" ht="21" customHeight="1" x14ac:dyDescent="0.2">
      <c r="B24" s="62" t="s">
        <v>19</v>
      </c>
      <c r="C24" s="110">
        <v>4685853</v>
      </c>
      <c r="D24" s="114">
        <v>9500886</v>
      </c>
      <c r="E24" s="113">
        <v>14186739</v>
      </c>
      <c r="F24" s="109">
        <v>0</v>
      </c>
      <c r="G24" s="114">
        <v>59456953</v>
      </c>
      <c r="H24" s="114">
        <v>70598509</v>
      </c>
      <c r="I24" s="114">
        <v>61282581</v>
      </c>
      <c r="J24" s="114">
        <v>45636142</v>
      </c>
      <c r="K24" s="114">
        <v>39075661</v>
      </c>
      <c r="L24" s="109">
        <v>276049846</v>
      </c>
      <c r="M24" s="116">
        <v>290236585</v>
      </c>
      <c r="N24" s="110">
        <v>1200446</v>
      </c>
      <c r="O24" s="114">
        <v>1811029</v>
      </c>
      <c r="P24" s="113">
        <v>3011475</v>
      </c>
      <c r="Q24" s="110">
        <v>0</v>
      </c>
      <c r="R24" s="114">
        <v>14578471</v>
      </c>
      <c r="S24" s="114">
        <v>16462755</v>
      </c>
      <c r="T24" s="114">
        <v>17504213</v>
      </c>
      <c r="U24" s="114">
        <v>17366188</v>
      </c>
      <c r="V24" s="114">
        <v>17272936</v>
      </c>
      <c r="W24" s="113">
        <v>83184563</v>
      </c>
      <c r="X24" s="116">
        <v>86196038</v>
      </c>
      <c r="Y24" s="110">
        <v>0</v>
      </c>
      <c r="Z24" s="114">
        <v>0</v>
      </c>
      <c r="AA24" s="113">
        <v>0</v>
      </c>
      <c r="AB24" s="110">
        <v>0</v>
      </c>
      <c r="AC24" s="114">
        <v>5740097</v>
      </c>
      <c r="AD24" s="114">
        <v>7537760</v>
      </c>
      <c r="AE24" s="114">
        <v>9138286</v>
      </c>
      <c r="AF24" s="114">
        <v>10371573</v>
      </c>
      <c r="AG24" s="114">
        <v>9054887</v>
      </c>
      <c r="AH24" s="113">
        <v>41842603</v>
      </c>
      <c r="AI24" s="116">
        <v>41842603</v>
      </c>
      <c r="AJ24" s="110">
        <v>0</v>
      </c>
      <c r="AK24" s="114">
        <v>0</v>
      </c>
      <c r="AL24" s="113">
        <v>0</v>
      </c>
      <c r="AM24" s="110">
        <v>0</v>
      </c>
      <c r="AN24" s="114">
        <v>200175</v>
      </c>
      <c r="AO24" s="114">
        <v>295661</v>
      </c>
      <c r="AP24" s="114">
        <v>857184</v>
      </c>
      <c r="AQ24" s="114">
        <v>943263</v>
      </c>
      <c r="AR24" s="114">
        <v>2188848</v>
      </c>
      <c r="AS24" s="113">
        <v>4485131</v>
      </c>
      <c r="AT24" s="116">
        <v>4485131</v>
      </c>
      <c r="AU24" s="110">
        <v>737697</v>
      </c>
      <c r="AV24" s="114">
        <v>1281455</v>
      </c>
      <c r="AW24" s="113">
        <v>2019152</v>
      </c>
      <c r="AX24" s="110">
        <v>0</v>
      </c>
      <c r="AY24" s="114">
        <v>5690294</v>
      </c>
      <c r="AZ24" s="114">
        <v>5523051</v>
      </c>
      <c r="BA24" s="114">
        <v>4254822</v>
      </c>
      <c r="BB24" s="114">
        <v>3285510</v>
      </c>
      <c r="BC24" s="114">
        <v>4110780</v>
      </c>
      <c r="BD24" s="113">
        <v>22864457</v>
      </c>
      <c r="BE24" s="116">
        <v>24883609</v>
      </c>
      <c r="BF24" s="110">
        <v>50235</v>
      </c>
      <c r="BG24" s="114">
        <v>113745</v>
      </c>
      <c r="BH24" s="112">
        <v>163980</v>
      </c>
      <c r="BI24" s="111">
        <v>0</v>
      </c>
      <c r="BJ24" s="114">
        <v>630641</v>
      </c>
      <c r="BK24" s="114">
        <v>453808</v>
      </c>
      <c r="BL24" s="114">
        <v>396214</v>
      </c>
      <c r="BM24" s="114">
        <v>392207</v>
      </c>
      <c r="BN24" s="114">
        <v>165669</v>
      </c>
      <c r="BO24" s="113">
        <v>2038539</v>
      </c>
      <c r="BP24" s="116">
        <v>2202519</v>
      </c>
      <c r="BQ24" s="110">
        <v>412514</v>
      </c>
      <c r="BR24" s="114">
        <v>415829</v>
      </c>
      <c r="BS24" s="113">
        <v>828343</v>
      </c>
      <c r="BT24" s="110">
        <v>0</v>
      </c>
      <c r="BU24" s="114">
        <v>2317264</v>
      </c>
      <c r="BV24" s="114">
        <v>2652475</v>
      </c>
      <c r="BW24" s="114">
        <v>2857707</v>
      </c>
      <c r="BX24" s="114">
        <v>2373635</v>
      </c>
      <c r="BY24" s="114">
        <v>1752752</v>
      </c>
      <c r="BZ24" s="113">
        <v>11953833</v>
      </c>
      <c r="CA24" s="116">
        <v>12782176</v>
      </c>
      <c r="CB24" s="110">
        <v>808194</v>
      </c>
      <c r="CC24" s="114">
        <v>2430112</v>
      </c>
      <c r="CD24" s="113">
        <v>3238306</v>
      </c>
      <c r="CE24" s="110">
        <v>0</v>
      </c>
      <c r="CF24" s="114">
        <v>18568156</v>
      </c>
      <c r="CG24" s="114">
        <v>25602817</v>
      </c>
      <c r="CH24" s="114">
        <v>17255583</v>
      </c>
      <c r="CI24" s="114">
        <v>8266538</v>
      </c>
      <c r="CJ24" s="114">
        <v>6473563</v>
      </c>
      <c r="CK24" s="113">
        <v>76166657</v>
      </c>
      <c r="CL24" s="116">
        <v>79404963</v>
      </c>
      <c r="CM24" s="110">
        <v>0</v>
      </c>
      <c r="CN24" s="114">
        <v>0</v>
      </c>
      <c r="CO24" s="113">
        <v>0</v>
      </c>
      <c r="CP24" s="111">
        <v>0</v>
      </c>
      <c r="CQ24" s="114">
        <v>13742711</v>
      </c>
      <c r="CR24" s="114">
        <v>18821804</v>
      </c>
      <c r="CS24" s="114">
        <v>11946047</v>
      </c>
      <c r="CT24" s="114">
        <v>5400786</v>
      </c>
      <c r="CU24" s="114">
        <v>4964615</v>
      </c>
      <c r="CV24" s="113">
        <v>54875963</v>
      </c>
      <c r="CW24" s="116">
        <v>54875963</v>
      </c>
      <c r="CX24" s="110">
        <v>808194</v>
      </c>
      <c r="CY24" s="114">
        <v>2430112</v>
      </c>
      <c r="CZ24" s="113">
        <v>3238306</v>
      </c>
      <c r="DA24" s="110">
        <v>0</v>
      </c>
      <c r="DB24" s="114">
        <v>4825445</v>
      </c>
      <c r="DC24" s="114">
        <v>6781013</v>
      </c>
      <c r="DD24" s="114">
        <v>5309536</v>
      </c>
      <c r="DE24" s="114">
        <v>2865752</v>
      </c>
      <c r="DF24" s="114">
        <v>1508948</v>
      </c>
      <c r="DG24" s="113">
        <v>21290694</v>
      </c>
      <c r="DH24" s="116">
        <v>24529000</v>
      </c>
      <c r="DI24" s="110">
        <v>0</v>
      </c>
      <c r="DJ24" s="114">
        <v>54705</v>
      </c>
      <c r="DK24" s="112">
        <v>54705</v>
      </c>
      <c r="DL24" s="111">
        <v>0</v>
      </c>
      <c r="DM24" s="114">
        <v>1024625</v>
      </c>
      <c r="DN24" s="114">
        <v>2740733</v>
      </c>
      <c r="DO24" s="114">
        <v>5074056</v>
      </c>
      <c r="DP24" s="114">
        <v>3580739</v>
      </c>
      <c r="DQ24" s="114">
        <v>2570072</v>
      </c>
      <c r="DR24" s="113">
        <v>14990225</v>
      </c>
      <c r="DS24" s="116">
        <v>15044930</v>
      </c>
      <c r="DT24" s="110">
        <v>0</v>
      </c>
      <c r="DU24" s="114">
        <v>36742</v>
      </c>
      <c r="DV24" s="113">
        <v>36742</v>
      </c>
      <c r="DW24" s="110">
        <v>0</v>
      </c>
      <c r="DX24" s="114">
        <v>931244</v>
      </c>
      <c r="DY24" s="114">
        <v>2142761</v>
      </c>
      <c r="DZ24" s="114">
        <v>4583871</v>
      </c>
      <c r="EA24" s="114">
        <v>2169722</v>
      </c>
      <c r="EB24" s="114">
        <v>1663702</v>
      </c>
      <c r="EC24" s="113">
        <v>11491300</v>
      </c>
      <c r="ED24" s="116">
        <v>11528042</v>
      </c>
      <c r="EE24" s="110">
        <v>0</v>
      </c>
      <c r="EF24" s="112">
        <v>17963</v>
      </c>
      <c r="EG24" s="113">
        <v>17963</v>
      </c>
      <c r="EH24" s="110">
        <v>0</v>
      </c>
      <c r="EI24" s="114">
        <v>93381</v>
      </c>
      <c r="EJ24" s="114">
        <v>597972</v>
      </c>
      <c r="EK24" s="114">
        <v>490185</v>
      </c>
      <c r="EL24" s="114">
        <v>1411017</v>
      </c>
      <c r="EM24" s="114">
        <v>906370</v>
      </c>
      <c r="EN24" s="112">
        <v>3498925</v>
      </c>
      <c r="EO24" s="116">
        <v>3516888</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5"/>
      <c r="FE24" s="114">
        <v>0</v>
      </c>
      <c r="FF24" s="114">
        <v>0</v>
      </c>
      <c r="FG24" s="114">
        <v>0</v>
      </c>
      <c r="FH24" s="114">
        <v>0</v>
      </c>
      <c r="FI24" s="114">
        <v>0</v>
      </c>
      <c r="FJ24" s="113">
        <v>0</v>
      </c>
      <c r="FK24" s="116">
        <v>0</v>
      </c>
      <c r="FL24" s="110">
        <v>1039826</v>
      </c>
      <c r="FM24" s="114">
        <v>2448371</v>
      </c>
      <c r="FN24" s="113">
        <v>3488197</v>
      </c>
      <c r="FO24" s="110">
        <v>0</v>
      </c>
      <c r="FP24" s="114">
        <v>3858070</v>
      </c>
      <c r="FQ24" s="114">
        <v>6344207</v>
      </c>
      <c r="FR24" s="114">
        <v>4435248</v>
      </c>
      <c r="FS24" s="114">
        <v>3563287</v>
      </c>
      <c r="FT24" s="114">
        <v>3534725</v>
      </c>
      <c r="FU24" s="113">
        <v>21735537</v>
      </c>
      <c r="FV24" s="116">
        <v>25223734</v>
      </c>
      <c r="FW24" s="115">
        <v>773130</v>
      </c>
      <c r="FX24" s="114">
        <v>1333111</v>
      </c>
      <c r="FY24" s="112">
        <v>2106241</v>
      </c>
      <c r="FZ24" s="111">
        <v>0</v>
      </c>
      <c r="GA24" s="114">
        <v>3479068</v>
      </c>
      <c r="GB24" s="114">
        <v>5781039</v>
      </c>
      <c r="GC24" s="114">
        <v>4343343</v>
      </c>
      <c r="GD24" s="114">
        <v>3364599</v>
      </c>
      <c r="GE24" s="114">
        <v>3491220</v>
      </c>
      <c r="GF24" s="113">
        <v>20459269</v>
      </c>
      <c r="GG24" s="316">
        <v>22565510</v>
      </c>
      <c r="GH24" s="115">
        <v>19107</v>
      </c>
      <c r="GI24" s="114">
        <v>0</v>
      </c>
      <c r="GJ24" s="112">
        <v>19107</v>
      </c>
      <c r="GK24" s="111">
        <v>0</v>
      </c>
      <c r="GL24" s="114">
        <v>48642</v>
      </c>
      <c r="GM24" s="114">
        <v>86625</v>
      </c>
      <c r="GN24" s="114">
        <v>91905</v>
      </c>
      <c r="GO24" s="114">
        <v>149400</v>
      </c>
      <c r="GP24" s="114">
        <v>43505</v>
      </c>
      <c r="GQ24" s="113">
        <v>420077</v>
      </c>
      <c r="GR24" s="116">
        <v>439184</v>
      </c>
      <c r="GS24" s="110">
        <v>247589</v>
      </c>
      <c r="GT24" s="114">
        <v>1115260</v>
      </c>
      <c r="GU24" s="113">
        <v>1362849</v>
      </c>
      <c r="GV24" s="110">
        <v>0</v>
      </c>
      <c r="GW24" s="114">
        <v>330360</v>
      </c>
      <c r="GX24" s="114">
        <v>476543</v>
      </c>
      <c r="GY24" s="114">
        <v>0</v>
      </c>
      <c r="GZ24" s="114">
        <v>49288</v>
      </c>
      <c r="HA24" s="114">
        <v>0</v>
      </c>
      <c r="HB24" s="112">
        <v>856191</v>
      </c>
      <c r="HC24" s="116">
        <v>2219040</v>
      </c>
      <c r="HD24" s="110">
        <v>783835</v>
      </c>
      <c r="HE24" s="114">
        <v>1450874</v>
      </c>
      <c r="HF24" s="112">
        <v>2234709</v>
      </c>
      <c r="HG24" s="111">
        <v>0</v>
      </c>
      <c r="HH24" s="114">
        <v>11028221</v>
      </c>
      <c r="HI24" s="114">
        <v>11008288</v>
      </c>
      <c r="HJ24" s="114">
        <v>11340512</v>
      </c>
      <c r="HK24" s="114">
        <v>9628615</v>
      </c>
      <c r="HL24" s="114">
        <v>6658680</v>
      </c>
      <c r="HM24" s="113">
        <v>49664316</v>
      </c>
      <c r="HN24" s="109">
        <v>51899025</v>
      </c>
      <c r="HO24" s="115">
        <v>853552</v>
      </c>
      <c r="HP24" s="114">
        <v>1305795</v>
      </c>
      <c r="HQ24" s="113">
        <v>2159347</v>
      </c>
      <c r="HR24" s="110">
        <v>0</v>
      </c>
      <c r="HS24" s="114">
        <v>10399410</v>
      </c>
      <c r="HT24" s="114">
        <v>8439709</v>
      </c>
      <c r="HU24" s="114">
        <v>5672969</v>
      </c>
      <c r="HV24" s="114">
        <v>3230775</v>
      </c>
      <c r="HW24" s="114">
        <v>2565685</v>
      </c>
      <c r="HX24" s="112">
        <v>30308548</v>
      </c>
      <c r="HY24" s="116">
        <v>32467895</v>
      </c>
      <c r="HZ24" s="150">
        <v>0</v>
      </c>
      <c r="IA24" s="135">
        <v>188170</v>
      </c>
      <c r="IB24" s="150">
        <v>188170</v>
      </c>
      <c r="IC24" s="134">
        <v>0</v>
      </c>
      <c r="ID24" s="135">
        <v>14536112</v>
      </c>
      <c r="IE24" s="136">
        <v>21963615</v>
      </c>
      <c r="IF24" s="137">
        <v>25245346</v>
      </c>
      <c r="IG24" s="135">
        <v>13084127</v>
      </c>
      <c r="IH24" s="137">
        <v>15459064</v>
      </c>
      <c r="II24" s="138">
        <v>90288264</v>
      </c>
      <c r="IJ24" s="150">
        <v>90476434</v>
      </c>
      <c r="IK24" s="232">
        <v>0</v>
      </c>
      <c r="IL24" s="236">
        <v>0</v>
      </c>
      <c r="IM24" s="237">
        <v>0</v>
      </c>
      <c r="IN24" s="140"/>
      <c r="IO24" s="119">
        <v>938808</v>
      </c>
      <c r="IP24" s="119">
        <v>1056271</v>
      </c>
      <c r="IQ24" s="119">
        <v>376936</v>
      </c>
      <c r="IR24" s="119">
        <v>758693</v>
      </c>
      <c r="IS24" s="119">
        <v>2205618</v>
      </c>
      <c r="IT24" s="141">
        <v>5336326</v>
      </c>
      <c r="IU24" s="318">
        <v>5336326</v>
      </c>
      <c r="IV24" s="142">
        <v>0</v>
      </c>
      <c r="IW24" s="119">
        <v>0</v>
      </c>
      <c r="IX24" s="120">
        <v>0</v>
      </c>
      <c r="IY24" s="144"/>
      <c r="IZ24" s="119">
        <v>11459</v>
      </c>
      <c r="JA24" s="119">
        <v>34377</v>
      </c>
      <c r="JB24" s="119">
        <v>34377</v>
      </c>
      <c r="JC24" s="119">
        <v>80790</v>
      </c>
      <c r="JD24" s="119">
        <v>63249</v>
      </c>
      <c r="JE24" s="120">
        <v>224252</v>
      </c>
      <c r="JF24" s="121">
        <v>224252</v>
      </c>
      <c r="JG24" s="142">
        <v>0</v>
      </c>
      <c r="JH24" s="119">
        <v>0</v>
      </c>
      <c r="JI24" s="141">
        <v>0</v>
      </c>
      <c r="JJ24" s="118">
        <v>0</v>
      </c>
      <c r="JK24" s="119">
        <v>6040629</v>
      </c>
      <c r="JL24" s="119">
        <v>6711608</v>
      </c>
      <c r="JM24" s="119">
        <v>4844529</v>
      </c>
      <c r="JN24" s="119">
        <v>2912482</v>
      </c>
      <c r="JO24" s="119">
        <v>1426057</v>
      </c>
      <c r="JP24" s="120">
        <v>21935305</v>
      </c>
      <c r="JQ24" s="318">
        <v>21935305</v>
      </c>
      <c r="JR24" s="142">
        <v>0</v>
      </c>
      <c r="JS24" s="119">
        <v>0</v>
      </c>
      <c r="JT24" s="141">
        <v>0</v>
      </c>
      <c r="JU24" s="118">
        <v>0</v>
      </c>
      <c r="JV24" s="119">
        <v>1088838</v>
      </c>
      <c r="JW24" s="119">
        <v>1623348</v>
      </c>
      <c r="JX24" s="119">
        <v>2738492</v>
      </c>
      <c r="JY24" s="119">
        <v>91350</v>
      </c>
      <c r="JZ24" s="119">
        <v>418584</v>
      </c>
      <c r="KA24" s="120">
        <v>5960612</v>
      </c>
      <c r="KB24" s="318">
        <v>5960612</v>
      </c>
      <c r="KC24" s="234">
        <v>0</v>
      </c>
      <c r="KD24" s="230">
        <v>188170</v>
      </c>
      <c r="KE24" s="120">
        <v>188170</v>
      </c>
      <c r="KF24" s="118">
        <v>0</v>
      </c>
      <c r="KG24" s="119">
        <v>2871716</v>
      </c>
      <c r="KH24" s="119">
        <v>5837163</v>
      </c>
      <c r="KI24" s="119">
        <v>7336066</v>
      </c>
      <c r="KJ24" s="119">
        <v>4359432</v>
      </c>
      <c r="KK24" s="119">
        <v>3599236</v>
      </c>
      <c r="KL24" s="120">
        <v>24003613</v>
      </c>
      <c r="KM24" s="143">
        <v>24191783</v>
      </c>
      <c r="KN24" s="232">
        <v>0</v>
      </c>
      <c r="KO24" s="236">
        <v>0</v>
      </c>
      <c r="KP24" s="237">
        <v>0</v>
      </c>
      <c r="KQ24" s="140"/>
      <c r="KR24" s="119">
        <v>3393025</v>
      </c>
      <c r="KS24" s="119">
        <v>6214458</v>
      </c>
      <c r="KT24" s="119">
        <v>8412794</v>
      </c>
      <c r="KU24" s="119">
        <v>4579625</v>
      </c>
      <c r="KV24" s="119">
        <v>4404175</v>
      </c>
      <c r="KW24" s="120">
        <v>27004077</v>
      </c>
      <c r="KX24" s="318">
        <v>27004077</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18">
        <v>0</v>
      </c>
      <c r="LU24" s="142">
        <v>0</v>
      </c>
      <c r="LV24" s="119">
        <v>0</v>
      </c>
      <c r="LW24" s="120">
        <v>0</v>
      </c>
      <c r="LX24" s="145"/>
      <c r="LY24" s="119">
        <v>191637</v>
      </c>
      <c r="LZ24" s="119">
        <v>486390</v>
      </c>
      <c r="MA24" s="119">
        <v>1502152</v>
      </c>
      <c r="MB24" s="119">
        <v>301755</v>
      </c>
      <c r="MC24" s="119">
        <v>3342145</v>
      </c>
      <c r="MD24" s="120">
        <v>5824079</v>
      </c>
      <c r="ME24" s="121">
        <v>5824079</v>
      </c>
      <c r="MF24" s="142">
        <v>0</v>
      </c>
      <c r="MG24" s="119">
        <v>0</v>
      </c>
      <c r="MH24" s="120">
        <v>0</v>
      </c>
      <c r="MI24" s="145"/>
      <c r="MJ24" s="119">
        <v>5378570</v>
      </c>
      <c r="MK24" s="119">
        <v>14404236</v>
      </c>
      <c r="ML24" s="119">
        <v>52660534</v>
      </c>
      <c r="MM24" s="119">
        <v>55089573</v>
      </c>
      <c r="MN24" s="119">
        <v>42703307</v>
      </c>
      <c r="MO24" s="120">
        <v>170236220</v>
      </c>
      <c r="MP24" s="143">
        <v>170236220</v>
      </c>
      <c r="MQ24" s="142">
        <v>0</v>
      </c>
      <c r="MR24" s="119">
        <v>0</v>
      </c>
      <c r="MS24" s="120">
        <v>0</v>
      </c>
      <c r="MT24" s="145"/>
      <c r="MU24" s="119">
        <v>0</v>
      </c>
      <c r="MV24" s="119">
        <v>1640760</v>
      </c>
      <c r="MW24" s="119">
        <v>30602306</v>
      </c>
      <c r="MX24" s="119">
        <v>36057101</v>
      </c>
      <c r="MY24" s="119">
        <v>28781418</v>
      </c>
      <c r="MZ24" s="120">
        <v>97081585</v>
      </c>
      <c r="NA24" s="143">
        <v>97081585</v>
      </c>
      <c r="NB24" s="142">
        <v>0</v>
      </c>
      <c r="NC24" s="119">
        <v>0</v>
      </c>
      <c r="ND24" s="120">
        <v>0</v>
      </c>
      <c r="NE24" s="145"/>
      <c r="NF24" s="119">
        <v>5378570</v>
      </c>
      <c r="NG24" s="119">
        <v>12763476</v>
      </c>
      <c r="NH24" s="119">
        <v>22058228</v>
      </c>
      <c r="NI24" s="119">
        <v>17897829</v>
      </c>
      <c r="NJ24" s="119">
        <v>11013411</v>
      </c>
      <c r="NK24" s="120">
        <v>69111514</v>
      </c>
      <c r="NL24" s="318">
        <v>69111514</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134643</v>
      </c>
      <c r="OF24" s="119">
        <v>2908478</v>
      </c>
      <c r="OG24" s="120">
        <v>4043121</v>
      </c>
      <c r="OH24" s="121">
        <v>4043121</v>
      </c>
      <c r="OI24" s="142">
        <v>4685853</v>
      </c>
      <c r="OJ24" s="119">
        <v>9689056</v>
      </c>
      <c r="OK24" s="141">
        <v>14374909</v>
      </c>
      <c r="OL24" s="118">
        <v>0</v>
      </c>
      <c r="OM24" s="119">
        <v>79371635</v>
      </c>
      <c r="ON24" s="119">
        <v>106966360</v>
      </c>
      <c r="OO24" s="119">
        <v>139188461</v>
      </c>
      <c r="OP24" s="119">
        <v>113809842</v>
      </c>
      <c r="OQ24" s="119">
        <v>97238032</v>
      </c>
      <c r="OR24" s="120">
        <v>536574330</v>
      </c>
      <c r="OS24" s="143">
        <v>550949239</v>
      </c>
    </row>
    <row r="25" spans="2:409" ht="21" customHeight="1" x14ac:dyDescent="0.2">
      <c r="B25" s="62" t="s">
        <v>20</v>
      </c>
      <c r="C25" s="110">
        <v>5381690</v>
      </c>
      <c r="D25" s="114">
        <v>11095963</v>
      </c>
      <c r="E25" s="113">
        <v>16477653</v>
      </c>
      <c r="F25" s="110">
        <v>0</v>
      </c>
      <c r="G25" s="114">
        <v>82180467</v>
      </c>
      <c r="H25" s="114">
        <v>76824964</v>
      </c>
      <c r="I25" s="114">
        <v>82504843</v>
      </c>
      <c r="J25" s="114">
        <v>70488043</v>
      </c>
      <c r="K25" s="114">
        <v>40724215</v>
      </c>
      <c r="L25" s="173">
        <v>352722532</v>
      </c>
      <c r="M25" s="116">
        <v>369200185</v>
      </c>
      <c r="N25" s="110">
        <v>1806842</v>
      </c>
      <c r="O25" s="114">
        <v>3930903</v>
      </c>
      <c r="P25" s="113">
        <v>5737745</v>
      </c>
      <c r="Q25" s="110">
        <v>0</v>
      </c>
      <c r="R25" s="114">
        <v>25091300</v>
      </c>
      <c r="S25" s="114">
        <v>22610955</v>
      </c>
      <c r="T25" s="114">
        <v>27193434</v>
      </c>
      <c r="U25" s="114">
        <v>24657930</v>
      </c>
      <c r="V25" s="114">
        <v>20373134</v>
      </c>
      <c r="W25" s="113">
        <v>119926753</v>
      </c>
      <c r="X25" s="116">
        <v>125664498</v>
      </c>
      <c r="Y25" s="110">
        <v>0</v>
      </c>
      <c r="Z25" s="114">
        <v>0</v>
      </c>
      <c r="AA25" s="113">
        <v>0</v>
      </c>
      <c r="AB25" s="110">
        <v>0</v>
      </c>
      <c r="AC25" s="114">
        <v>10364962</v>
      </c>
      <c r="AD25" s="114">
        <v>8690524</v>
      </c>
      <c r="AE25" s="114">
        <v>15319730</v>
      </c>
      <c r="AF25" s="114">
        <v>13621322</v>
      </c>
      <c r="AG25" s="114">
        <v>10892567</v>
      </c>
      <c r="AH25" s="113">
        <v>58889105</v>
      </c>
      <c r="AI25" s="116">
        <v>58889105</v>
      </c>
      <c r="AJ25" s="110">
        <v>0</v>
      </c>
      <c r="AK25" s="114">
        <v>0</v>
      </c>
      <c r="AL25" s="113">
        <v>0</v>
      </c>
      <c r="AM25" s="110">
        <v>0</v>
      </c>
      <c r="AN25" s="114">
        <v>113798</v>
      </c>
      <c r="AO25" s="114">
        <v>228002</v>
      </c>
      <c r="AP25" s="114">
        <v>1010742</v>
      </c>
      <c r="AQ25" s="114">
        <v>1821868</v>
      </c>
      <c r="AR25" s="114">
        <v>2820253</v>
      </c>
      <c r="AS25" s="113">
        <v>5994663</v>
      </c>
      <c r="AT25" s="116">
        <v>5994663</v>
      </c>
      <c r="AU25" s="110">
        <v>1103397</v>
      </c>
      <c r="AV25" s="114">
        <v>2321019</v>
      </c>
      <c r="AW25" s="113">
        <v>3424416</v>
      </c>
      <c r="AX25" s="110">
        <v>0</v>
      </c>
      <c r="AY25" s="114">
        <v>8736595</v>
      </c>
      <c r="AZ25" s="114">
        <v>8301450</v>
      </c>
      <c r="BA25" s="114">
        <v>5278169</v>
      </c>
      <c r="BB25" s="114">
        <v>4658390</v>
      </c>
      <c r="BC25" s="114">
        <v>3547268</v>
      </c>
      <c r="BD25" s="113">
        <v>30521872</v>
      </c>
      <c r="BE25" s="116">
        <v>33946288</v>
      </c>
      <c r="BF25" s="110">
        <v>326926</v>
      </c>
      <c r="BG25" s="114">
        <v>1213757</v>
      </c>
      <c r="BH25" s="112">
        <v>1540683</v>
      </c>
      <c r="BI25" s="111">
        <v>0</v>
      </c>
      <c r="BJ25" s="114">
        <v>2167857</v>
      </c>
      <c r="BK25" s="114">
        <v>1920674</v>
      </c>
      <c r="BL25" s="114">
        <v>1362792</v>
      </c>
      <c r="BM25" s="114">
        <v>1143540</v>
      </c>
      <c r="BN25" s="114">
        <v>454066</v>
      </c>
      <c r="BO25" s="113">
        <v>7048929</v>
      </c>
      <c r="BP25" s="116">
        <v>8589612</v>
      </c>
      <c r="BQ25" s="110">
        <v>376519</v>
      </c>
      <c r="BR25" s="114">
        <v>396127</v>
      </c>
      <c r="BS25" s="113">
        <v>772646</v>
      </c>
      <c r="BT25" s="110">
        <v>0</v>
      </c>
      <c r="BU25" s="114">
        <v>3708088</v>
      </c>
      <c r="BV25" s="114">
        <v>3470305</v>
      </c>
      <c r="BW25" s="114">
        <v>4222001</v>
      </c>
      <c r="BX25" s="114">
        <v>3412810</v>
      </c>
      <c r="BY25" s="114">
        <v>2658980</v>
      </c>
      <c r="BZ25" s="113">
        <v>17472184</v>
      </c>
      <c r="CA25" s="116">
        <v>18244830</v>
      </c>
      <c r="CB25" s="110">
        <v>325407</v>
      </c>
      <c r="CC25" s="114">
        <v>1121242</v>
      </c>
      <c r="CD25" s="113">
        <v>1446649</v>
      </c>
      <c r="CE25" s="110">
        <v>0</v>
      </c>
      <c r="CF25" s="114">
        <v>23087419</v>
      </c>
      <c r="CG25" s="114">
        <v>22582318</v>
      </c>
      <c r="CH25" s="114">
        <v>17802121</v>
      </c>
      <c r="CI25" s="114">
        <v>11536445</v>
      </c>
      <c r="CJ25" s="114">
        <v>4699368</v>
      </c>
      <c r="CK25" s="113">
        <v>79707671</v>
      </c>
      <c r="CL25" s="116">
        <v>81154320</v>
      </c>
      <c r="CM25" s="110">
        <v>0</v>
      </c>
      <c r="CN25" s="114">
        <v>0</v>
      </c>
      <c r="CO25" s="113">
        <v>0</v>
      </c>
      <c r="CP25" s="111">
        <v>0</v>
      </c>
      <c r="CQ25" s="114">
        <v>18409020</v>
      </c>
      <c r="CR25" s="114">
        <v>17243324</v>
      </c>
      <c r="CS25" s="114">
        <v>14915093</v>
      </c>
      <c r="CT25" s="114">
        <v>8722344</v>
      </c>
      <c r="CU25" s="114">
        <v>3773044</v>
      </c>
      <c r="CV25" s="113">
        <v>63062825</v>
      </c>
      <c r="CW25" s="116">
        <v>63062825</v>
      </c>
      <c r="CX25" s="110">
        <v>325407</v>
      </c>
      <c r="CY25" s="114">
        <v>1121242</v>
      </c>
      <c r="CZ25" s="113">
        <v>1446649</v>
      </c>
      <c r="DA25" s="110">
        <v>0</v>
      </c>
      <c r="DB25" s="114">
        <v>4678399</v>
      </c>
      <c r="DC25" s="114">
        <v>5338994</v>
      </c>
      <c r="DD25" s="114">
        <v>2887028</v>
      </c>
      <c r="DE25" s="114">
        <v>2814101</v>
      </c>
      <c r="DF25" s="114">
        <v>926324</v>
      </c>
      <c r="DG25" s="113">
        <v>16644846</v>
      </c>
      <c r="DH25" s="116">
        <v>18091495</v>
      </c>
      <c r="DI25" s="110">
        <v>23361</v>
      </c>
      <c r="DJ25" s="114">
        <v>178618</v>
      </c>
      <c r="DK25" s="112">
        <v>201979</v>
      </c>
      <c r="DL25" s="111">
        <v>0</v>
      </c>
      <c r="DM25" s="114">
        <v>3034651</v>
      </c>
      <c r="DN25" s="114">
        <v>5945438</v>
      </c>
      <c r="DO25" s="114">
        <v>11546601</v>
      </c>
      <c r="DP25" s="114">
        <v>11169413</v>
      </c>
      <c r="DQ25" s="114">
        <v>2933282</v>
      </c>
      <c r="DR25" s="113">
        <v>34629385</v>
      </c>
      <c r="DS25" s="116">
        <v>34831364</v>
      </c>
      <c r="DT25" s="110">
        <v>23361</v>
      </c>
      <c r="DU25" s="114">
        <v>178618</v>
      </c>
      <c r="DV25" s="113">
        <v>201979</v>
      </c>
      <c r="DW25" s="110">
        <v>0</v>
      </c>
      <c r="DX25" s="114">
        <v>2770317</v>
      </c>
      <c r="DY25" s="114">
        <v>5844442</v>
      </c>
      <c r="DZ25" s="114">
        <v>10938744</v>
      </c>
      <c r="EA25" s="114">
        <v>10406550</v>
      </c>
      <c r="EB25" s="114">
        <v>2571219</v>
      </c>
      <c r="EC25" s="113">
        <v>32531272</v>
      </c>
      <c r="ED25" s="116">
        <v>32733251</v>
      </c>
      <c r="EE25" s="110">
        <v>0</v>
      </c>
      <c r="EF25" s="112">
        <v>0</v>
      </c>
      <c r="EG25" s="113">
        <v>0</v>
      </c>
      <c r="EH25" s="110">
        <v>0</v>
      </c>
      <c r="EI25" s="114">
        <v>264334</v>
      </c>
      <c r="EJ25" s="114">
        <v>100996</v>
      </c>
      <c r="EK25" s="114">
        <v>607857</v>
      </c>
      <c r="EL25" s="114">
        <v>762863</v>
      </c>
      <c r="EM25" s="114">
        <v>362063</v>
      </c>
      <c r="EN25" s="112">
        <v>2098113</v>
      </c>
      <c r="EO25" s="116">
        <v>2098113</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5"/>
      <c r="FE25" s="114">
        <v>0</v>
      </c>
      <c r="FF25" s="114">
        <v>0</v>
      </c>
      <c r="FG25" s="114">
        <v>0</v>
      </c>
      <c r="FH25" s="114">
        <v>0</v>
      </c>
      <c r="FI25" s="114">
        <v>0</v>
      </c>
      <c r="FJ25" s="113">
        <v>0</v>
      </c>
      <c r="FK25" s="116">
        <v>0</v>
      </c>
      <c r="FL25" s="110">
        <v>1392560</v>
      </c>
      <c r="FM25" s="114">
        <v>2784159</v>
      </c>
      <c r="FN25" s="113">
        <v>4176719</v>
      </c>
      <c r="FO25" s="110">
        <v>0</v>
      </c>
      <c r="FP25" s="114">
        <v>5120307</v>
      </c>
      <c r="FQ25" s="114">
        <v>7138282</v>
      </c>
      <c r="FR25" s="114">
        <v>5775732</v>
      </c>
      <c r="FS25" s="114">
        <v>6133461</v>
      </c>
      <c r="FT25" s="114">
        <v>3218204</v>
      </c>
      <c r="FU25" s="113">
        <v>27385986</v>
      </c>
      <c r="FV25" s="116">
        <v>31562705</v>
      </c>
      <c r="FW25" s="115">
        <v>670850</v>
      </c>
      <c r="FX25" s="114">
        <v>2216061</v>
      </c>
      <c r="FY25" s="112">
        <v>2886911</v>
      </c>
      <c r="FZ25" s="111">
        <v>0</v>
      </c>
      <c r="GA25" s="114">
        <v>4596865</v>
      </c>
      <c r="GB25" s="114">
        <v>6614016</v>
      </c>
      <c r="GC25" s="114">
        <v>5394388</v>
      </c>
      <c r="GD25" s="114">
        <v>5705610</v>
      </c>
      <c r="GE25" s="114">
        <v>3034694</v>
      </c>
      <c r="GF25" s="113">
        <v>25345573</v>
      </c>
      <c r="GG25" s="316">
        <v>28232484</v>
      </c>
      <c r="GH25" s="115">
        <v>0</v>
      </c>
      <c r="GI25" s="114">
        <v>54648</v>
      </c>
      <c r="GJ25" s="112">
        <v>54648</v>
      </c>
      <c r="GK25" s="111">
        <v>0</v>
      </c>
      <c r="GL25" s="114">
        <v>100683</v>
      </c>
      <c r="GM25" s="114">
        <v>69066</v>
      </c>
      <c r="GN25" s="114">
        <v>135954</v>
      </c>
      <c r="GO25" s="114">
        <v>145881</v>
      </c>
      <c r="GP25" s="114">
        <v>183510</v>
      </c>
      <c r="GQ25" s="113">
        <v>635094</v>
      </c>
      <c r="GR25" s="116">
        <v>689742</v>
      </c>
      <c r="GS25" s="110">
        <v>721710</v>
      </c>
      <c r="GT25" s="114">
        <v>513450</v>
      </c>
      <c r="GU25" s="113">
        <v>1235160</v>
      </c>
      <c r="GV25" s="110">
        <v>0</v>
      </c>
      <c r="GW25" s="114">
        <v>422759</v>
      </c>
      <c r="GX25" s="114">
        <v>455200</v>
      </c>
      <c r="GY25" s="114">
        <v>245390</v>
      </c>
      <c r="GZ25" s="114">
        <v>281970</v>
      </c>
      <c r="HA25" s="114">
        <v>0</v>
      </c>
      <c r="HB25" s="112">
        <v>1405319</v>
      </c>
      <c r="HC25" s="116">
        <v>2640479</v>
      </c>
      <c r="HD25" s="110">
        <v>878386</v>
      </c>
      <c r="HE25" s="114">
        <v>1068620</v>
      </c>
      <c r="HF25" s="112">
        <v>1947006</v>
      </c>
      <c r="HG25" s="111">
        <v>0</v>
      </c>
      <c r="HH25" s="114">
        <v>12398815</v>
      </c>
      <c r="HI25" s="114">
        <v>9951056</v>
      </c>
      <c r="HJ25" s="114">
        <v>12978264</v>
      </c>
      <c r="HK25" s="114">
        <v>11808937</v>
      </c>
      <c r="HL25" s="114">
        <v>7242536</v>
      </c>
      <c r="HM25" s="113">
        <v>54379608</v>
      </c>
      <c r="HN25" s="109">
        <v>56326614</v>
      </c>
      <c r="HO25" s="115">
        <v>955134</v>
      </c>
      <c r="HP25" s="114">
        <v>2012421</v>
      </c>
      <c r="HQ25" s="113">
        <v>2967555</v>
      </c>
      <c r="HR25" s="110">
        <v>0</v>
      </c>
      <c r="HS25" s="114">
        <v>13447975</v>
      </c>
      <c r="HT25" s="114">
        <v>8596915</v>
      </c>
      <c r="HU25" s="114">
        <v>7208691</v>
      </c>
      <c r="HV25" s="114">
        <v>5181857</v>
      </c>
      <c r="HW25" s="114">
        <v>2257691</v>
      </c>
      <c r="HX25" s="112">
        <v>36693129</v>
      </c>
      <c r="HY25" s="116">
        <v>39660684</v>
      </c>
      <c r="HZ25" s="131">
        <v>0</v>
      </c>
      <c r="IA25" s="132">
        <v>64157</v>
      </c>
      <c r="IB25" s="133">
        <v>64157</v>
      </c>
      <c r="IC25" s="146">
        <v>0</v>
      </c>
      <c r="ID25" s="132">
        <v>15464357</v>
      </c>
      <c r="IE25" s="147">
        <v>12607285</v>
      </c>
      <c r="IF25" s="133">
        <v>21164386</v>
      </c>
      <c r="IG25" s="132">
        <v>9955509</v>
      </c>
      <c r="IH25" s="133">
        <v>7170990</v>
      </c>
      <c r="II25" s="148">
        <v>66362527</v>
      </c>
      <c r="IJ25" s="139">
        <v>66426684</v>
      </c>
      <c r="IK25" s="232">
        <v>0</v>
      </c>
      <c r="IL25" s="236">
        <v>0</v>
      </c>
      <c r="IM25" s="237">
        <v>0</v>
      </c>
      <c r="IN25" s="140"/>
      <c r="IO25" s="119">
        <v>88369</v>
      </c>
      <c r="IP25" s="119">
        <v>0</v>
      </c>
      <c r="IQ25" s="119">
        <v>0</v>
      </c>
      <c r="IR25" s="119">
        <v>0</v>
      </c>
      <c r="IS25" s="119">
        <v>298542</v>
      </c>
      <c r="IT25" s="141">
        <v>386911</v>
      </c>
      <c r="IU25" s="318">
        <v>386911</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8545440</v>
      </c>
      <c r="JL25" s="119">
        <v>4988919</v>
      </c>
      <c r="JM25" s="119">
        <v>6808134</v>
      </c>
      <c r="JN25" s="119">
        <v>2752595</v>
      </c>
      <c r="JO25" s="119">
        <v>269550</v>
      </c>
      <c r="JP25" s="120">
        <v>23364638</v>
      </c>
      <c r="JQ25" s="318">
        <v>23364638</v>
      </c>
      <c r="JR25" s="142">
        <v>0</v>
      </c>
      <c r="JS25" s="119">
        <v>0</v>
      </c>
      <c r="JT25" s="141">
        <v>0</v>
      </c>
      <c r="JU25" s="118">
        <v>0</v>
      </c>
      <c r="JV25" s="119">
        <v>0</v>
      </c>
      <c r="JW25" s="119">
        <v>161379</v>
      </c>
      <c r="JX25" s="119">
        <v>90613</v>
      </c>
      <c r="JY25" s="119">
        <v>84847</v>
      </c>
      <c r="JZ25" s="119">
        <v>464470</v>
      </c>
      <c r="KA25" s="120">
        <v>801309</v>
      </c>
      <c r="KB25" s="318">
        <v>801309</v>
      </c>
      <c r="KC25" s="234">
        <v>0</v>
      </c>
      <c r="KD25" s="230">
        <v>64157</v>
      </c>
      <c r="KE25" s="120">
        <v>64157</v>
      </c>
      <c r="KF25" s="118">
        <v>0</v>
      </c>
      <c r="KG25" s="119">
        <v>2348363</v>
      </c>
      <c r="KH25" s="119">
        <v>1763662</v>
      </c>
      <c r="KI25" s="119">
        <v>2422255</v>
      </c>
      <c r="KJ25" s="119">
        <v>849152</v>
      </c>
      <c r="KK25" s="119">
        <v>310739</v>
      </c>
      <c r="KL25" s="120">
        <v>7694171</v>
      </c>
      <c r="KM25" s="143">
        <v>7758328</v>
      </c>
      <c r="KN25" s="232">
        <v>0</v>
      </c>
      <c r="KO25" s="236">
        <v>0</v>
      </c>
      <c r="KP25" s="237">
        <v>0</v>
      </c>
      <c r="KQ25" s="140"/>
      <c r="KR25" s="119">
        <v>4482185</v>
      </c>
      <c r="KS25" s="119">
        <v>5693325</v>
      </c>
      <c r="KT25" s="119">
        <v>11843384</v>
      </c>
      <c r="KU25" s="119">
        <v>6268915</v>
      </c>
      <c r="KV25" s="119">
        <v>5827689</v>
      </c>
      <c r="KW25" s="120">
        <v>34115498</v>
      </c>
      <c r="KX25" s="318">
        <v>34115498</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18">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5568178</v>
      </c>
      <c r="MK25" s="119">
        <v>18433511</v>
      </c>
      <c r="ML25" s="119">
        <v>45579870</v>
      </c>
      <c r="MM25" s="119">
        <v>74562157</v>
      </c>
      <c r="MN25" s="119">
        <v>40318040</v>
      </c>
      <c r="MO25" s="120">
        <v>184461756</v>
      </c>
      <c r="MP25" s="143">
        <v>184461756</v>
      </c>
      <c r="MQ25" s="142">
        <v>0</v>
      </c>
      <c r="MR25" s="119">
        <v>0</v>
      </c>
      <c r="MS25" s="120">
        <v>0</v>
      </c>
      <c r="MT25" s="145"/>
      <c r="MU25" s="119">
        <v>891080</v>
      </c>
      <c r="MV25" s="119">
        <v>6504089</v>
      </c>
      <c r="MW25" s="119">
        <v>34445650</v>
      </c>
      <c r="MX25" s="119">
        <v>57114889</v>
      </c>
      <c r="MY25" s="119">
        <v>31088000</v>
      </c>
      <c r="MZ25" s="120">
        <v>130043708</v>
      </c>
      <c r="NA25" s="143">
        <v>130043708</v>
      </c>
      <c r="NB25" s="142">
        <v>0</v>
      </c>
      <c r="NC25" s="119">
        <v>0</v>
      </c>
      <c r="ND25" s="120">
        <v>0</v>
      </c>
      <c r="NE25" s="145"/>
      <c r="NF25" s="119">
        <v>4677098</v>
      </c>
      <c r="NG25" s="119">
        <v>11929422</v>
      </c>
      <c r="NH25" s="119">
        <v>11134220</v>
      </c>
      <c r="NI25" s="119">
        <v>16008963</v>
      </c>
      <c r="NJ25" s="119">
        <v>7838989</v>
      </c>
      <c r="NK25" s="120">
        <v>51588692</v>
      </c>
      <c r="NL25" s="318">
        <v>51588692</v>
      </c>
      <c r="NM25" s="142">
        <v>0</v>
      </c>
      <c r="NN25" s="119">
        <v>0</v>
      </c>
      <c r="NO25" s="120">
        <v>0</v>
      </c>
      <c r="NP25" s="145"/>
      <c r="NQ25" s="119">
        <v>0</v>
      </c>
      <c r="NR25" s="119">
        <v>0</v>
      </c>
      <c r="NS25" s="119">
        <v>0</v>
      </c>
      <c r="NT25" s="119">
        <v>315708</v>
      </c>
      <c r="NU25" s="119">
        <v>0</v>
      </c>
      <c r="NV25" s="120">
        <v>315708</v>
      </c>
      <c r="NW25" s="121">
        <v>315708</v>
      </c>
      <c r="NX25" s="142">
        <v>0</v>
      </c>
      <c r="NY25" s="119">
        <v>0</v>
      </c>
      <c r="NZ25" s="120">
        <v>0</v>
      </c>
      <c r="OA25" s="145"/>
      <c r="OB25" s="119">
        <v>0</v>
      </c>
      <c r="OC25" s="119">
        <v>0</v>
      </c>
      <c r="OD25" s="119">
        <v>0</v>
      </c>
      <c r="OE25" s="119">
        <v>1122597</v>
      </c>
      <c r="OF25" s="119">
        <v>1391051</v>
      </c>
      <c r="OG25" s="120">
        <v>2513648</v>
      </c>
      <c r="OH25" s="121">
        <v>2513648</v>
      </c>
      <c r="OI25" s="142">
        <v>5381690</v>
      </c>
      <c r="OJ25" s="119">
        <v>11160120</v>
      </c>
      <c r="OK25" s="141">
        <v>16541810</v>
      </c>
      <c r="OL25" s="118">
        <v>0</v>
      </c>
      <c r="OM25" s="119">
        <v>103213002</v>
      </c>
      <c r="ON25" s="119">
        <v>107865760</v>
      </c>
      <c r="OO25" s="119">
        <v>149249099</v>
      </c>
      <c r="OP25" s="119">
        <v>155005709</v>
      </c>
      <c r="OQ25" s="119">
        <v>88213245</v>
      </c>
      <c r="OR25" s="120">
        <v>603546815</v>
      </c>
      <c r="OS25" s="143">
        <v>620088625</v>
      </c>
    </row>
    <row r="26" spans="2:409" ht="21" customHeight="1" x14ac:dyDescent="0.2">
      <c r="B26" s="62" t="s">
        <v>21</v>
      </c>
      <c r="C26" s="110">
        <v>6150019</v>
      </c>
      <c r="D26" s="114">
        <v>11870729</v>
      </c>
      <c r="E26" s="113">
        <v>18020748</v>
      </c>
      <c r="F26" s="109">
        <v>0</v>
      </c>
      <c r="G26" s="114">
        <v>70020010</v>
      </c>
      <c r="H26" s="114">
        <v>104415082</v>
      </c>
      <c r="I26" s="114">
        <v>88974967</v>
      </c>
      <c r="J26" s="114">
        <v>80006649</v>
      </c>
      <c r="K26" s="114">
        <v>54064342</v>
      </c>
      <c r="L26" s="173">
        <v>397481050</v>
      </c>
      <c r="M26" s="116">
        <v>415501798</v>
      </c>
      <c r="N26" s="110">
        <v>2026298</v>
      </c>
      <c r="O26" s="114">
        <v>3972099</v>
      </c>
      <c r="P26" s="113">
        <v>5998397</v>
      </c>
      <c r="Q26" s="110">
        <v>0</v>
      </c>
      <c r="R26" s="114">
        <v>21753938</v>
      </c>
      <c r="S26" s="114">
        <v>38586665</v>
      </c>
      <c r="T26" s="114">
        <v>30415705</v>
      </c>
      <c r="U26" s="114">
        <v>34021883</v>
      </c>
      <c r="V26" s="114">
        <v>27288853</v>
      </c>
      <c r="W26" s="113">
        <v>152067044</v>
      </c>
      <c r="X26" s="116">
        <v>158065441</v>
      </c>
      <c r="Y26" s="110">
        <v>0</v>
      </c>
      <c r="Z26" s="114">
        <v>0</v>
      </c>
      <c r="AA26" s="113">
        <v>0</v>
      </c>
      <c r="AB26" s="110">
        <v>0</v>
      </c>
      <c r="AC26" s="114">
        <v>9057733</v>
      </c>
      <c r="AD26" s="114">
        <v>20401982</v>
      </c>
      <c r="AE26" s="114">
        <v>18552155</v>
      </c>
      <c r="AF26" s="114">
        <v>21295564</v>
      </c>
      <c r="AG26" s="114">
        <v>16715631</v>
      </c>
      <c r="AH26" s="113">
        <v>86023065</v>
      </c>
      <c r="AI26" s="116">
        <v>86023065</v>
      </c>
      <c r="AJ26" s="110">
        <v>0</v>
      </c>
      <c r="AK26" s="114">
        <v>0</v>
      </c>
      <c r="AL26" s="113">
        <v>0</v>
      </c>
      <c r="AM26" s="110">
        <v>0</v>
      </c>
      <c r="AN26" s="114">
        <v>53388</v>
      </c>
      <c r="AO26" s="114">
        <v>356284</v>
      </c>
      <c r="AP26" s="114">
        <v>531984</v>
      </c>
      <c r="AQ26" s="114">
        <v>2051386</v>
      </c>
      <c r="AR26" s="114">
        <v>2555875</v>
      </c>
      <c r="AS26" s="113">
        <v>5548917</v>
      </c>
      <c r="AT26" s="116">
        <v>5548917</v>
      </c>
      <c r="AU26" s="110">
        <v>977092</v>
      </c>
      <c r="AV26" s="114">
        <v>2567141</v>
      </c>
      <c r="AW26" s="113">
        <v>3544233</v>
      </c>
      <c r="AX26" s="110">
        <v>0</v>
      </c>
      <c r="AY26" s="114">
        <v>8228478</v>
      </c>
      <c r="AZ26" s="114">
        <v>11683247</v>
      </c>
      <c r="BA26" s="114">
        <v>6250363</v>
      </c>
      <c r="BB26" s="114">
        <v>6535935</v>
      </c>
      <c r="BC26" s="114">
        <v>4656397</v>
      </c>
      <c r="BD26" s="113">
        <v>37354420</v>
      </c>
      <c r="BE26" s="116">
        <v>40898653</v>
      </c>
      <c r="BF26" s="110">
        <v>410887</v>
      </c>
      <c r="BG26" s="114">
        <v>931977</v>
      </c>
      <c r="BH26" s="112">
        <v>1342864</v>
      </c>
      <c r="BI26" s="111">
        <v>0</v>
      </c>
      <c r="BJ26" s="114">
        <v>639735</v>
      </c>
      <c r="BK26" s="114">
        <v>1397927</v>
      </c>
      <c r="BL26" s="114">
        <v>614613</v>
      </c>
      <c r="BM26" s="114">
        <v>363526</v>
      </c>
      <c r="BN26" s="114">
        <v>323866</v>
      </c>
      <c r="BO26" s="113">
        <v>3339667</v>
      </c>
      <c r="BP26" s="116">
        <v>4682531</v>
      </c>
      <c r="BQ26" s="110">
        <v>638319</v>
      </c>
      <c r="BR26" s="114">
        <v>472981</v>
      </c>
      <c r="BS26" s="113">
        <v>1111300</v>
      </c>
      <c r="BT26" s="110">
        <v>0</v>
      </c>
      <c r="BU26" s="114">
        <v>3774604</v>
      </c>
      <c r="BV26" s="114">
        <v>4747225</v>
      </c>
      <c r="BW26" s="114">
        <v>4466590</v>
      </c>
      <c r="BX26" s="114">
        <v>3775472</v>
      </c>
      <c r="BY26" s="114">
        <v>3037084</v>
      </c>
      <c r="BZ26" s="113">
        <v>19800975</v>
      </c>
      <c r="CA26" s="116">
        <v>20912275</v>
      </c>
      <c r="CB26" s="110">
        <v>568506</v>
      </c>
      <c r="CC26" s="114">
        <v>1754852</v>
      </c>
      <c r="CD26" s="113">
        <v>2323358</v>
      </c>
      <c r="CE26" s="110">
        <v>0</v>
      </c>
      <c r="CF26" s="114">
        <v>19659519</v>
      </c>
      <c r="CG26" s="114">
        <v>28092932</v>
      </c>
      <c r="CH26" s="114">
        <v>21324436</v>
      </c>
      <c r="CI26" s="114">
        <v>11831850</v>
      </c>
      <c r="CJ26" s="114">
        <v>4076455</v>
      </c>
      <c r="CK26" s="113">
        <v>84985192</v>
      </c>
      <c r="CL26" s="116">
        <v>87308550</v>
      </c>
      <c r="CM26" s="110">
        <v>0</v>
      </c>
      <c r="CN26" s="114">
        <v>0</v>
      </c>
      <c r="CO26" s="113">
        <v>0</v>
      </c>
      <c r="CP26" s="111">
        <v>0</v>
      </c>
      <c r="CQ26" s="114">
        <v>16884305</v>
      </c>
      <c r="CR26" s="114">
        <v>24058173</v>
      </c>
      <c r="CS26" s="114">
        <v>18820459</v>
      </c>
      <c r="CT26" s="114">
        <v>10466780</v>
      </c>
      <c r="CU26" s="114">
        <v>3254784</v>
      </c>
      <c r="CV26" s="113">
        <v>73484501</v>
      </c>
      <c r="CW26" s="116">
        <v>73484501</v>
      </c>
      <c r="CX26" s="110">
        <v>568506</v>
      </c>
      <c r="CY26" s="114">
        <v>1754852</v>
      </c>
      <c r="CZ26" s="113">
        <v>2323358</v>
      </c>
      <c r="DA26" s="110">
        <v>0</v>
      </c>
      <c r="DB26" s="114">
        <v>2775214</v>
      </c>
      <c r="DC26" s="114">
        <v>4034759</v>
      </c>
      <c r="DD26" s="114">
        <v>2503977</v>
      </c>
      <c r="DE26" s="114">
        <v>1365070</v>
      </c>
      <c r="DF26" s="114">
        <v>821671</v>
      </c>
      <c r="DG26" s="113">
        <v>11500691</v>
      </c>
      <c r="DH26" s="116">
        <v>13824049</v>
      </c>
      <c r="DI26" s="110">
        <v>20822</v>
      </c>
      <c r="DJ26" s="114">
        <v>48002</v>
      </c>
      <c r="DK26" s="112">
        <v>68824</v>
      </c>
      <c r="DL26" s="111">
        <v>0</v>
      </c>
      <c r="DM26" s="114">
        <v>1589510</v>
      </c>
      <c r="DN26" s="114">
        <v>3732440</v>
      </c>
      <c r="DO26" s="114">
        <v>8703509</v>
      </c>
      <c r="DP26" s="114">
        <v>10116806</v>
      </c>
      <c r="DQ26" s="114">
        <v>5463091</v>
      </c>
      <c r="DR26" s="113">
        <v>29605356</v>
      </c>
      <c r="DS26" s="116">
        <v>29674180</v>
      </c>
      <c r="DT26" s="110">
        <v>20822</v>
      </c>
      <c r="DU26" s="114">
        <v>48002</v>
      </c>
      <c r="DV26" s="113">
        <v>68824</v>
      </c>
      <c r="DW26" s="110">
        <v>0</v>
      </c>
      <c r="DX26" s="114">
        <v>1495085</v>
      </c>
      <c r="DY26" s="114">
        <v>3661218</v>
      </c>
      <c r="DZ26" s="114">
        <v>8459067</v>
      </c>
      <c r="EA26" s="114">
        <v>9497414</v>
      </c>
      <c r="EB26" s="114">
        <v>5210779</v>
      </c>
      <c r="EC26" s="113">
        <v>28323563</v>
      </c>
      <c r="ED26" s="116">
        <v>28392387</v>
      </c>
      <c r="EE26" s="110">
        <v>0</v>
      </c>
      <c r="EF26" s="112">
        <v>0</v>
      </c>
      <c r="EG26" s="113">
        <v>0</v>
      </c>
      <c r="EH26" s="110">
        <v>0</v>
      </c>
      <c r="EI26" s="114">
        <v>94425</v>
      </c>
      <c r="EJ26" s="114">
        <v>71222</v>
      </c>
      <c r="EK26" s="114">
        <v>244442</v>
      </c>
      <c r="EL26" s="114">
        <v>619392</v>
      </c>
      <c r="EM26" s="114">
        <v>252312</v>
      </c>
      <c r="EN26" s="112">
        <v>1281793</v>
      </c>
      <c r="EO26" s="116">
        <v>1281793</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5"/>
      <c r="FE26" s="114">
        <v>0</v>
      </c>
      <c r="FF26" s="114">
        <v>0</v>
      </c>
      <c r="FG26" s="114">
        <v>0</v>
      </c>
      <c r="FH26" s="114">
        <v>0</v>
      </c>
      <c r="FI26" s="114">
        <v>0</v>
      </c>
      <c r="FJ26" s="113">
        <v>0</v>
      </c>
      <c r="FK26" s="116">
        <v>0</v>
      </c>
      <c r="FL26" s="110">
        <v>1271136</v>
      </c>
      <c r="FM26" s="114">
        <v>2945285</v>
      </c>
      <c r="FN26" s="113">
        <v>4216421</v>
      </c>
      <c r="FO26" s="110">
        <v>0</v>
      </c>
      <c r="FP26" s="114">
        <v>3010892</v>
      </c>
      <c r="FQ26" s="114">
        <v>9608218</v>
      </c>
      <c r="FR26" s="114">
        <v>6415972</v>
      </c>
      <c r="FS26" s="114">
        <v>6025041</v>
      </c>
      <c r="FT26" s="114">
        <v>3508850</v>
      </c>
      <c r="FU26" s="113">
        <v>28568973</v>
      </c>
      <c r="FV26" s="116">
        <v>32785394</v>
      </c>
      <c r="FW26" s="115">
        <v>879141</v>
      </c>
      <c r="FX26" s="114">
        <v>2273620</v>
      </c>
      <c r="FY26" s="112">
        <v>3152761</v>
      </c>
      <c r="FZ26" s="111">
        <v>0</v>
      </c>
      <c r="GA26" s="114">
        <v>2772729</v>
      </c>
      <c r="GB26" s="114">
        <v>8699362</v>
      </c>
      <c r="GC26" s="114">
        <v>6162888</v>
      </c>
      <c r="GD26" s="114">
        <v>5979141</v>
      </c>
      <c r="GE26" s="114">
        <v>3389650</v>
      </c>
      <c r="GF26" s="113">
        <v>27003770</v>
      </c>
      <c r="GG26" s="316">
        <v>30156531</v>
      </c>
      <c r="GH26" s="115">
        <v>18000</v>
      </c>
      <c r="GI26" s="114">
        <v>38475</v>
      </c>
      <c r="GJ26" s="112">
        <v>56475</v>
      </c>
      <c r="GK26" s="111">
        <v>0</v>
      </c>
      <c r="GL26" s="114">
        <v>152154</v>
      </c>
      <c r="GM26" s="114">
        <v>294340</v>
      </c>
      <c r="GN26" s="114">
        <v>181084</v>
      </c>
      <c r="GO26" s="114">
        <v>0</v>
      </c>
      <c r="GP26" s="114">
        <v>0</v>
      </c>
      <c r="GQ26" s="113">
        <v>627578</v>
      </c>
      <c r="GR26" s="116">
        <v>684053</v>
      </c>
      <c r="GS26" s="110">
        <v>373995</v>
      </c>
      <c r="GT26" s="114">
        <v>633190</v>
      </c>
      <c r="GU26" s="113">
        <v>1007185</v>
      </c>
      <c r="GV26" s="110">
        <v>0</v>
      </c>
      <c r="GW26" s="114">
        <v>86009</v>
      </c>
      <c r="GX26" s="114">
        <v>614516</v>
      </c>
      <c r="GY26" s="114">
        <v>72000</v>
      </c>
      <c r="GZ26" s="114">
        <v>45900</v>
      </c>
      <c r="HA26" s="114">
        <v>119200</v>
      </c>
      <c r="HB26" s="112">
        <v>937625</v>
      </c>
      <c r="HC26" s="116">
        <v>1944810</v>
      </c>
      <c r="HD26" s="110">
        <v>1069442</v>
      </c>
      <c r="HE26" s="114">
        <v>1174528</v>
      </c>
      <c r="HF26" s="112">
        <v>2243970</v>
      </c>
      <c r="HG26" s="111">
        <v>0</v>
      </c>
      <c r="HH26" s="114">
        <v>12251254</v>
      </c>
      <c r="HI26" s="114">
        <v>11315484</v>
      </c>
      <c r="HJ26" s="114">
        <v>13963193</v>
      </c>
      <c r="HK26" s="114">
        <v>12397237</v>
      </c>
      <c r="HL26" s="114">
        <v>10874801</v>
      </c>
      <c r="HM26" s="113">
        <v>60801969</v>
      </c>
      <c r="HN26" s="109">
        <v>63045939</v>
      </c>
      <c r="HO26" s="115">
        <v>1193815</v>
      </c>
      <c r="HP26" s="114">
        <v>1975963</v>
      </c>
      <c r="HQ26" s="113">
        <v>3169778</v>
      </c>
      <c r="HR26" s="110">
        <v>0</v>
      </c>
      <c r="HS26" s="114">
        <v>11754897</v>
      </c>
      <c r="HT26" s="114">
        <v>13079343</v>
      </c>
      <c r="HU26" s="114">
        <v>8152152</v>
      </c>
      <c r="HV26" s="114">
        <v>5613832</v>
      </c>
      <c r="HW26" s="114">
        <v>2852292</v>
      </c>
      <c r="HX26" s="112">
        <v>41452516</v>
      </c>
      <c r="HY26" s="116">
        <v>44622294</v>
      </c>
      <c r="HZ26" s="150">
        <v>0</v>
      </c>
      <c r="IA26" s="135">
        <v>0</v>
      </c>
      <c r="IB26" s="150">
        <v>0</v>
      </c>
      <c r="IC26" s="134">
        <v>0</v>
      </c>
      <c r="ID26" s="135">
        <v>14059748</v>
      </c>
      <c r="IE26" s="136">
        <v>21706643</v>
      </c>
      <c r="IF26" s="137">
        <v>19465278</v>
      </c>
      <c r="IG26" s="135">
        <v>10194753</v>
      </c>
      <c r="IH26" s="137">
        <v>6021854</v>
      </c>
      <c r="II26" s="138">
        <v>71448276</v>
      </c>
      <c r="IJ26" s="150">
        <v>71448276</v>
      </c>
      <c r="IK26" s="232">
        <v>0</v>
      </c>
      <c r="IL26" s="236">
        <v>0</v>
      </c>
      <c r="IM26" s="237">
        <v>0</v>
      </c>
      <c r="IN26" s="140"/>
      <c r="IO26" s="119">
        <v>268293</v>
      </c>
      <c r="IP26" s="119">
        <v>914117</v>
      </c>
      <c r="IQ26" s="119">
        <v>202499</v>
      </c>
      <c r="IR26" s="119">
        <v>1319026</v>
      </c>
      <c r="IS26" s="119">
        <v>0</v>
      </c>
      <c r="IT26" s="141">
        <v>2703935</v>
      </c>
      <c r="IU26" s="318">
        <v>2703935</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8395254</v>
      </c>
      <c r="JL26" s="119">
        <v>10562208</v>
      </c>
      <c r="JM26" s="119">
        <v>5972708</v>
      </c>
      <c r="JN26" s="119">
        <v>3225502</v>
      </c>
      <c r="JO26" s="119">
        <v>1224942</v>
      </c>
      <c r="JP26" s="120">
        <v>29380614</v>
      </c>
      <c r="JQ26" s="318">
        <v>29380614</v>
      </c>
      <c r="JR26" s="142">
        <v>0</v>
      </c>
      <c r="JS26" s="119">
        <v>0</v>
      </c>
      <c r="JT26" s="141">
        <v>0</v>
      </c>
      <c r="JU26" s="118">
        <v>0</v>
      </c>
      <c r="JV26" s="119">
        <v>0</v>
      </c>
      <c r="JW26" s="119">
        <v>0</v>
      </c>
      <c r="JX26" s="119">
        <v>0</v>
      </c>
      <c r="JY26" s="119">
        <v>108910</v>
      </c>
      <c r="JZ26" s="119">
        <v>0</v>
      </c>
      <c r="KA26" s="120">
        <v>108910</v>
      </c>
      <c r="KB26" s="318">
        <v>108910</v>
      </c>
      <c r="KC26" s="234">
        <v>0</v>
      </c>
      <c r="KD26" s="230">
        <v>0</v>
      </c>
      <c r="KE26" s="120">
        <v>0</v>
      </c>
      <c r="KF26" s="118">
        <v>0</v>
      </c>
      <c r="KG26" s="119">
        <v>950465</v>
      </c>
      <c r="KH26" s="119">
        <v>872552</v>
      </c>
      <c r="KI26" s="119">
        <v>4711743</v>
      </c>
      <c r="KJ26" s="119">
        <v>1944483</v>
      </c>
      <c r="KK26" s="119">
        <v>740048</v>
      </c>
      <c r="KL26" s="120">
        <v>9219291</v>
      </c>
      <c r="KM26" s="143">
        <v>9219291</v>
      </c>
      <c r="KN26" s="232">
        <v>0</v>
      </c>
      <c r="KO26" s="236">
        <v>0</v>
      </c>
      <c r="KP26" s="237">
        <v>0</v>
      </c>
      <c r="KQ26" s="140"/>
      <c r="KR26" s="119">
        <v>4259085</v>
      </c>
      <c r="KS26" s="119">
        <v>8763601</v>
      </c>
      <c r="KT26" s="119">
        <v>8578328</v>
      </c>
      <c r="KU26" s="119">
        <v>2978576</v>
      </c>
      <c r="KV26" s="119">
        <v>2319482</v>
      </c>
      <c r="KW26" s="120">
        <v>26899072</v>
      </c>
      <c r="KX26" s="318">
        <v>26899072</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18">
        <v>0</v>
      </c>
      <c r="LU26" s="142">
        <v>0</v>
      </c>
      <c r="LV26" s="119">
        <v>0</v>
      </c>
      <c r="LW26" s="120">
        <v>0</v>
      </c>
      <c r="LX26" s="145"/>
      <c r="LY26" s="119">
        <v>186651</v>
      </c>
      <c r="LZ26" s="119">
        <v>594165</v>
      </c>
      <c r="MA26" s="119">
        <v>0</v>
      </c>
      <c r="MB26" s="119">
        <v>618256</v>
      </c>
      <c r="MC26" s="119">
        <v>1737382</v>
      </c>
      <c r="MD26" s="120">
        <v>3136454</v>
      </c>
      <c r="ME26" s="121">
        <v>3136454</v>
      </c>
      <c r="MF26" s="142">
        <v>0</v>
      </c>
      <c r="MG26" s="119">
        <v>0</v>
      </c>
      <c r="MH26" s="120">
        <v>0</v>
      </c>
      <c r="MI26" s="145"/>
      <c r="MJ26" s="119">
        <v>5934069</v>
      </c>
      <c r="MK26" s="119">
        <v>10995461</v>
      </c>
      <c r="ML26" s="119">
        <v>53702431</v>
      </c>
      <c r="MM26" s="119">
        <v>71221606</v>
      </c>
      <c r="MN26" s="119">
        <v>57717334</v>
      </c>
      <c r="MO26" s="120">
        <v>199570901</v>
      </c>
      <c r="MP26" s="143">
        <v>199570901</v>
      </c>
      <c r="MQ26" s="142">
        <v>0</v>
      </c>
      <c r="MR26" s="119">
        <v>0</v>
      </c>
      <c r="MS26" s="120">
        <v>0</v>
      </c>
      <c r="MT26" s="145"/>
      <c r="MU26" s="119">
        <v>1349196</v>
      </c>
      <c r="MV26" s="119">
        <v>3339514</v>
      </c>
      <c r="MW26" s="119">
        <v>42911745</v>
      </c>
      <c r="MX26" s="119">
        <v>52913853</v>
      </c>
      <c r="MY26" s="119">
        <v>43238688</v>
      </c>
      <c r="MZ26" s="120">
        <v>143752996</v>
      </c>
      <c r="NA26" s="143">
        <v>143752996</v>
      </c>
      <c r="NB26" s="142">
        <v>0</v>
      </c>
      <c r="NC26" s="119">
        <v>0</v>
      </c>
      <c r="ND26" s="120">
        <v>0</v>
      </c>
      <c r="NE26" s="145"/>
      <c r="NF26" s="119">
        <v>4584873</v>
      </c>
      <c r="NG26" s="119">
        <v>7655947</v>
      </c>
      <c r="NH26" s="119">
        <v>10071710</v>
      </c>
      <c r="NI26" s="119">
        <v>14249090</v>
      </c>
      <c r="NJ26" s="119">
        <v>8563769</v>
      </c>
      <c r="NK26" s="120">
        <v>45125389</v>
      </c>
      <c r="NL26" s="318">
        <v>45125389</v>
      </c>
      <c r="NM26" s="142">
        <v>0</v>
      </c>
      <c r="NN26" s="119">
        <v>0</v>
      </c>
      <c r="NO26" s="120">
        <v>0</v>
      </c>
      <c r="NP26" s="145"/>
      <c r="NQ26" s="119">
        <v>0</v>
      </c>
      <c r="NR26" s="119">
        <v>0</v>
      </c>
      <c r="NS26" s="119">
        <v>350395</v>
      </c>
      <c r="NT26" s="119">
        <v>526180</v>
      </c>
      <c r="NU26" s="119">
        <v>677803</v>
      </c>
      <c r="NV26" s="120">
        <v>1554378</v>
      </c>
      <c r="NW26" s="121">
        <v>1554378</v>
      </c>
      <c r="NX26" s="142">
        <v>0</v>
      </c>
      <c r="NY26" s="119">
        <v>0</v>
      </c>
      <c r="NZ26" s="120">
        <v>0</v>
      </c>
      <c r="OA26" s="145"/>
      <c r="OB26" s="119">
        <v>0</v>
      </c>
      <c r="OC26" s="119">
        <v>0</v>
      </c>
      <c r="OD26" s="119">
        <v>368581</v>
      </c>
      <c r="OE26" s="119">
        <v>3532483</v>
      </c>
      <c r="OF26" s="119">
        <v>5237074</v>
      </c>
      <c r="OG26" s="120">
        <v>9138138</v>
      </c>
      <c r="OH26" s="121">
        <v>9138138</v>
      </c>
      <c r="OI26" s="142">
        <v>6150019</v>
      </c>
      <c r="OJ26" s="119">
        <v>11870729</v>
      </c>
      <c r="OK26" s="141">
        <v>18020748</v>
      </c>
      <c r="OL26" s="118">
        <v>0</v>
      </c>
      <c r="OM26" s="119">
        <v>90013827</v>
      </c>
      <c r="ON26" s="119">
        <v>137117186</v>
      </c>
      <c r="OO26" s="119">
        <v>162142676</v>
      </c>
      <c r="OP26" s="119">
        <v>161423008</v>
      </c>
      <c r="OQ26" s="119">
        <v>117803530</v>
      </c>
      <c r="OR26" s="120">
        <v>668500227</v>
      </c>
      <c r="OS26" s="143">
        <v>686520975</v>
      </c>
    </row>
    <row r="27" spans="2:409" ht="21" customHeight="1" x14ac:dyDescent="0.2">
      <c r="B27" s="62" t="s">
        <v>22</v>
      </c>
      <c r="C27" s="110">
        <v>1024659</v>
      </c>
      <c r="D27" s="114">
        <v>2823818</v>
      </c>
      <c r="E27" s="113">
        <v>3848477</v>
      </c>
      <c r="F27" s="109">
        <v>0</v>
      </c>
      <c r="G27" s="114">
        <v>23878964</v>
      </c>
      <c r="H27" s="114">
        <v>30063413</v>
      </c>
      <c r="I27" s="114">
        <v>24779004</v>
      </c>
      <c r="J27" s="114">
        <v>22791101</v>
      </c>
      <c r="K27" s="114">
        <v>16881766</v>
      </c>
      <c r="L27" s="173">
        <v>118394248</v>
      </c>
      <c r="M27" s="116">
        <v>122242725</v>
      </c>
      <c r="N27" s="110">
        <v>123007</v>
      </c>
      <c r="O27" s="114">
        <v>299773</v>
      </c>
      <c r="P27" s="113">
        <v>422780</v>
      </c>
      <c r="Q27" s="110">
        <v>0</v>
      </c>
      <c r="R27" s="114">
        <v>4940979</v>
      </c>
      <c r="S27" s="114">
        <v>6587959</v>
      </c>
      <c r="T27" s="114">
        <v>4912247</v>
      </c>
      <c r="U27" s="114">
        <v>6867282</v>
      </c>
      <c r="V27" s="114">
        <v>8463882</v>
      </c>
      <c r="W27" s="113">
        <v>31772349</v>
      </c>
      <c r="X27" s="116">
        <v>32195129</v>
      </c>
      <c r="Y27" s="110">
        <v>0</v>
      </c>
      <c r="Z27" s="114">
        <v>0</v>
      </c>
      <c r="AA27" s="113">
        <v>0</v>
      </c>
      <c r="AB27" s="110">
        <v>0</v>
      </c>
      <c r="AC27" s="114">
        <v>2007217</v>
      </c>
      <c r="AD27" s="114">
        <v>2750087</v>
      </c>
      <c r="AE27" s="114">
        <v>1692230</v>
      </c>
      <c r="AF27" s="114">
        <v>3641809</v>
      </c>
      <c r="AG27" s="114">
        <v>4805884</v>
      </c>
      <c r="AH27" s="113">
        <v>14897227</v>
      </c>
      <c r="AI27" s="116">
        <v>14897227</v>
      </c>
      <c r="AJ27" s="110">
        <v>0</v>
      </c>
      <c r="AK27" s="114">
        <v>0</v>
      </c>
      <c r="AL27" s="113">
        <v>0</v>
      </c>
      <c r="AM27" s="110">
        <v>0</v>
      </c>
      <c r="AN27" s="114">
        <v>57642</v>
      </c>
      <c r="AO27" s="114">
        <v>137160</v>
      </c>
      <c r="AP27" s="114">
        <v>332199</v>
      </c>
      <c r="AQ27" s="114">
        <v>653573</v>
      </c>
      <c r="AR27" s="114">
        <v>1314836</v>
      </c>
      <c r="AS27" s="113">
        <v>2495410</v>
      </c>
      <c r="AT27" s="116">
        <v>2495410</v>
      </c>
      <c r="AU27" s="110">
        <v>81753</v>
      </c>
      <c r="AV27" s="114">
        <v>195836</v>
      </c>
      <c r="AW27" s="113">
        <v>277589</v>
      </c>
      <c r="AX27" s="110">
        <v>0</v>
      </c>
      <c r="AY27" s="114">
        <v>1792298</v>
      </c>
      <c r="AZ27" s="114">
        <v>2175508</v>
      </c>
      <c r="BA27" s="114">
        <v>1795773</v>
      </c>
      <c r="BB27" s="114">
        <v>1530281</v>
      </c>
      <c r="BC27" s="114">
        <v>1665627</v>
      </c>
      <c r="BD27" s="113">
        <v>8959487</v>
      </c>
      <c r="BE27" s="116">
        <v>9237076</v>
      </c>
      <c r="BF27" s="110">
        <v>0</v>
      </c>
      <c r="BG27" s="114">
        <v>0</v>
      </c>
      <c r="BH27" s="112">
        <v>0</v>
      </c>
      <c r="BI27" s="111">
        <v>0</v>
      </c>
      <c r="BJ27" s="114">
        <v>254169</v>
      </c>
      <c r="BK27" s="114">
        <v>462387</v>
      </c>
      <c r="BL27" s="114">
        <v>224609</v>
      </c>
      <c r="BM27" s="114">
        <v>74666</v>
      </c>
      <c r="BN27" s="114">
        <v>129630</v>
      </c>
      <c r="BO27" s="113">
        <v>1145461</v>
      </c>
      <c r="BP27" s="116">
        <v>1145461</v>
      </c>
      <c r="BQ27" s="110">
        <v>41254</v>
      </c>
      <c r="BR27" s="114">
        <v>103937</v>
      </c>
      <c r="BS27" s="113">
        <v>145191</v>
      </c>
      <c r="BT27" s="110">
        <v>0</v>
      </c>
      <c r="BU27" s="114">
        <v>829653</v>
      </c>
      <c r="BV27" s="114">
        <v>1062817</v>
      </c>
      <c r="BW27" s="114">
        <v>867436</v>
      </c>
      <c r="BX27" s="114">
        <v>966953</v>
      </c>
      <c r="BY27" s="114">
        <v>547905</v>
      </c>
      <c r="BZ27" s="113">
        <v>4274764</v>
      </c>
      <c r="CA27" s="116">
        <v>4419955</v>
      </c>
      <c r="CB27" s="110">
        <v>0</v>
      </c>
      <c r="CC27" s="114">
        <v>254636</v>
      </c>
      <c r="CD27" s="113">
        <v>254636</v>
      </c>
      <c r="CE27" s="110">
        <v>0</v>
      </c>
      <c r="CF27" s="114">
        <v>7079411</v>
      </c>
      <c r="CG27" s="114">
        <v>9749680</v>
      </c>
      <c r="CH27" s="114">
        <v>6033188</v>
      </c>
      <c r="CI27" s="114">
        <v>4590123</v>
      </c>
      <c r="CJ27" s="114">
        <v>2109954</v>
      </c>
      <c r="CK27" s="113">
        <v>29562356</v>
      </c>
      <c r="CL27" s="116">
        <v>29816992</v>
      </c>
      <c r="CM27" s="110">
        <v>0</v>
      </c>
      <c r="CN27" s="114">
        <v>0</v>
      </c>
      <c r="CO27" s="113">
        <v>0</v>
      </c>
      <c r="CP27" s="111">
        <v>0</v>
      </c>
      <c r="CQ27" s="114">
        <v>6229338</v>
      </c>
      <c r="CR27" s="114">
        <v>7740246</v>
      </c>
      <c r="CS27" s="114">
        <v>4758901</v>
      </c>
      <c r="CT27" s="114">
        <v>3339953</v>
      </c>
      <c r="CU27" s="114">
        <v>1669957</v>
      </c>
      <c r="CV27" s="113">
        <v>23738395</v>
      </c>
      <c r="CW27" s="116">
        <v>23738395</v>
      </c>
      <c r="CX27" s="110">
        <v>0</v>
      </c>
      <c r="CY27" s="114">
        <v>254636</v>
      </c>
      <c r="CZ27" s="113">
        <v>254636</v>
      </c>
      <c r="DA27" s="110">
        <v>0</v>
      </c>
      <c r="DB27" s="114">
        <v>850073</v>
      </c>
      <c r="DC27" s="114">
        <v>2009434</v>
      </c>
      <c r="DD27" s="114">
        <v>1274287</v>
      </c>
      <c r="DE27" s="114">
        <v>1250170</v>
      </c>
      <c r="DF27" s="114">
        <v>439997</v>
      </c>
      <c r="DG27" s="113">
        <v>5823961</v>
      </c>
      <c r="DH27" s="116">
        <v>6078597</v>
      </c>
      <c r="DI27" s="110">
        <v>0</v>
      </c>
      <c r="DJ27" s="114">
        <v>54473</v>
      </c>
      <c r="DK27" s="112">
        <v>54473</v>
      </c>
      <c r="DL27" s="111">
        <v>0</v>
      </c>
      <c r="DM27" s="114">
        <v>753325</v>
      </c>
      <c r="DN27" s="114">
        <v>1284901</v>
      </c>
      <c r="DO27" s="114">
        <v>3463172</v>
      </c>
      <c r="DP27" s="114">
        <v>1912979</v>
      </c>
      <c r="DQ27" s="114">
        <v>1650052</v>
      </c>
      <c r="DR27" s="113">
        <v>9064429</v>
      </c>
      <c r="DS27" s="116">
        <v>9118902</v>
      </c>
      <c r="DT27" s="110">
        <v>0</v>
      </c>
      <c r="DU27" s="114">
        <v>54473</v>
      </c>
      <c r="DV27" s="113">
        <v>54473</v>
      </c>
      <c r="DW27" s="110">
        <v>0</v>
      </c>
      <c r="DX27" s="114">
        <v>753325</v>
      </c>
      <c r="DY27" s="114">
        <v>1228815</v>
      </c>
      <c r="DZ27" s="114">
        <v>3080636</v>
      </c>
      <c r="EA27" s="114">
        <v>1324558</v>
      </c>
      <c r="EB27" s="114">
        <v>1481600</v>
      </c>
      <c r="EC27" s="113">
        <v>7868934</v>
      </c>
      <c r="ED27" s="116">
        <v>7923407</v>
      </c>
      <c r="EE27" s="110">
        <v>0</v>
      </c>
      <c r="EF27" s="112">
        <v>0</v>
      </c>
      <c r="EG27" s="113">
        <v>0</v>
      </c>
      <c r="EH27" s="110">
        <v>0</v>
      </c>
      <c r="EI27" s="114">
        <v>0</v>
      </c>
      <c r="EJ27" s="114">
        <v>56086</v>
      </c>
      <c r="EK27" s="114">
        <v>382536</v>
      </c>
      <c r="EL27" s="114">
        <v>588421</v>
      </c>
      <c r="EM27" s="114">
        <v>168452</v>
      </c>
      <c r="EN27" s="112">
        <v>1195495</v>
      </c>
      <c r="EO27" s="116">
        <v>1195495</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5"/>
      <c r="FE27" s="114">
        <v>0</v>
      </c>
      <c r="FF27" s="114">
        <v>0</v>
      </c>
      <c r="FG27" s="114">
        <v>0</v>
      </c>
      <c r="FH27" s="114">
        <v>0</v>
      </c>
      <c r="FI27" s="114">
        <v>0</v>
      </c>
      <c r="FJ27" s="113">
        <v>0</v>
      </c>
      <c r="FK27" s="116">
        <v>0</v>
      </c>
      <c r="FL27" s="110">
        <v>330544</v>
      </c>
      <c r="FM27" s="114">
        <v>956776</v>
      </c>
      <c r="FN27" s="113">
        <v>1287320</v>
      </c>
      <c r="FO27" s="110">
        <v>0</v>
      </c>
      <c r="FP27" s="114">
        <v>1637768</v>
      </c>
      <c r="FQ27" s="114">
        <v>3429238</v>
      </c>
      <c r="FR27" s="114">
        <v>2615625</v>
      </c>
      <c r="FS27" s="114">
        <v>1704945</v>
      </c>
      <c r="FT27" s="114">
        <v>1650322</v>
      </c>
      <c r="FU27" s="113">
        <v>11037898</v>
      </c>
      <c r="FV27" s="116">
        <v>12325218</v>
      </c>
      <c r="FW27" s="115">
        <v>213544</v>
      </c>
      <c r="FX27" s="114">
        <v>819832</v>
      </c>
      <c r="FY27" s="112">
        <v>1033376</v>
      </c>
      <c r="FZ27" s="111">
        <v>0</v>
      </c>
      <c r="GA27" s="114">
        <v>1491068</v>
      </c>
      <c r="GB27" s="114">
        <v>3034066</v>
      </c>
      <c r="GC27" s="114">
        <v>2199582</v>
      </c>
      <c r="GD27" s="114">
        <v>1601445</v>
      </c>
      <c r="GE27" s="114">
        <v>1560331</v>
      </c>
      <c r="GF27" s="113">
        <v>9886492</v>
      </c>
      <c r="GG27" s="316">
        <v>10919868</v>
      </c>
      <c r="GH27" s="115">
        <v>0</v>
      </c>
      <c r="GI27" s="114">
        <v>77742</v>
      </c>
      <c r="GJ27" s="112">
        <v>77742</v>
      </c>
      <c r="GK27" s="111">
        <v>0</v>
      </c>
      <c r="GL27" s="114">
        <v>81000</v>
      </c>
      <c r="GM27" s="114">
        <v>140940</v>
      </c>
      <c r="GN27" s="114">
        <v>20988</v>
      </c>
      <c r="GO27" s="114">
        <v>0</v>
      </c>
      <c r="GP27" s="114">
        <v>89991</v>
      </c>
      <c r="GQ27" s="113">
        <v>332919</v>
      </c>
      <c r="GR27" s="116">
        <v>410661</v>
      </c>
      <c r="GS27" s="110">
        <v>117000</v>
      </c>
      <c r="GT27" s="114">
        <v>59202</v>
      </c>
      <c r="GU27" s="113">
        <v>176202</v>
      </c>
      <c r="GV27" s="110">
        <v>0</v>
      </c>
      <c r="GW27" s="114">
        <v>65700</v>
      </c>
      <c r="GX27" s="114">
        <v>254232</v>
      </c>
      <c r="GY27" s="114">
        <v>395055</v>
      </c>
      <c r="GZ27" s="114">
        <v>103500</v>
      </c>
      <c r="HA27" s="114">
        <v>0</v>
      </c>
      <c r="HB27" s="112">
        <v>818487</v>
      </c>
      <c r="HC27" s="116">
        <v>994689</v>
      </c>
      <c r="HD27" s="110">
        <v>341728</v>
      </c>
      <c r="HE27" s="114">
        <v>578174</v>
      </c>
      <c r="HF27" s="112">
        <v>919902</v>
      </c>
      <c r="HG27" s="111">
        <v>0</v>
      </c>
      <c r="HH27" s="114">
        <v>4777366</v>
      </c>
      <c r="HI27" s="114">
        <v>4646276</v>
      </c>
      <c r="HJ27" s="114">
        <v>4966565</v>
      </c>
      <c r="HK27" s="114">
        <v>5999460</v>
      </c>
      <c r="HL27" s="114">
        <v>1731936</v>
      </c>
      <c r="HM27" s="113">
        <v>22121603</v>
      </c>
      <c r="HN27" s="109">
        <v>23041505</v>
      </c>
      <c r="HO27" s="115">
        <v>229380</v>
      </c>
      <c r="HP27" s="114">
        <v>679986</v>
      </c>
      <c r="HQ27" s="113">
        <v>909366</v>
      </c>
      <c r="HR27" s="110">
        <v>0</v>
      </c>
      <c r="HS27" s="114">
        <v>4690115</v>
      </c>
      <c r="HT27" s="114">
        <v>4365359</v>
      </c>
      <c r="HU27" s="114">
        <v>2788207</v>
      </c>
      <c r="HV27" s="114">
        <v>1716312</v>
      </c>
      <c r="HW27" s="114">
        <v>1275620</v>
      </c>
      <c r="HX27" s="112">
        <v>14835613</v>
      </c>
      <c r="HY27" s="116">
        <v>15744979</v>
      </c>
      <c r="HZ27" s="131">
        <v>127422</v>
      </c>
      <c r="IA27" s="132">
        <v>245439</v>
      </c>
      <c r="IB27" s="133">
        <v>372861</v>
      </c>
      <c r="IC27" s="146">
        <v>0</v>
      </c>
      <c r="ID27" s="132">
        <v>12925514</v>
      </c>
      <c r="IE27" s="147">
        <v>14192939</v>
      </c>
      <c r="IF27" s="133">
        <v>12128341</v>
      </c>
      <c r="IG27" s="132">
        <v>14090361</v>
      </c>
      <c r="IH27" s="133">
        <v>5772276</v>
      </c>
      <c r="II27" s="148">
        <v>59109431</v>
      </c>
      <c r="IJ27" s="139">
        <v>59482292</v>
      </c>
      <c r="IK27" s="232">
        <v>0</v>
      </c>
      <c r="IL27" s="236">
        <v>0</v>
      </c>
      <c r="IM27" s="237">
        <v>0</v>
      </c>
      <c r="IN27" s="140"/>
      <c r="IO27" s="119">
        <v>102172</v>
      </c>
      <c r="IP27" s="119">
        <v>551244</v>
      </c>
      <c r="IQ27" s="119">
        <v>766329</v>
      </c>
      <c r="IR27" s="119">
        <v>627471</v>
      </c>
      <c r="IS27" s="119">
        <v>0</v>
      </c>
      <c r="IT27" s="141">
        <v>2047216</v>
      </c>
      <c r="IU27" s="318">
        <v>2047216</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6421417</v>
      </c>
      <c r="JL27" s="119">
        <v>6305309</v>
      </c>
      <c r="JM27" s="119">
        <v>3437412</v>
      </c>
      <c r="JN27" s="119">
        <v>3353172</v>
      </c>
      <c r="JO27" s="119">
        <v>1000188</v>
      </c>
      <c r="JP27" s="120">
        <v>20517498</v>
      </c>
      <c r="JQ27" s="318">
        <v>20517498</v>
      </c>
      <c r="JR27" s="142">
        <v>0</v>
      </c>
      <c r="JS27" s="119">
        <v>0</v>
      </c>
      <c r="JT27" s="141">
        <v>0</v>
      </c>
      <c r="JU27" s="118">
        <v>0</v>
      </c>
      <c r="JV27" s="119">
        <v>188109</v>
      </c>
      <c r="JW27" s="119">
        <v>390627</v>
      </c>
      <c r="JX27" s="119">
        <v>414064</v>
      </c>
      <c r="JY27" s="119">
        <v>442998</v>
      </c>
      <c r="JZ27" s="119">
        <v>329922</v>
      </c>
      <c r="KA27" s="120">
        <v>1765720</v>
      </c>
      <c r="KB27" s="318">
        <v>1765720</v>
      </c>
      <c r="KC27" s="234">
        <v>127422</v>
      </c>
      <c r="KD27" s="230">
        <v>245439</v>
      </c>
      <c r="KE27" s="120">
        <v>372861</v>
      </c>
      <c r="KF27" s="118">
        <v>0</v>
      </c>
      <c r="KG27" s="119">
        <v>2519699</v>
      </c>
      <c r="KH27" s="119">
        <v>2713096</v>
      </c>
      <c r="KI27" s="119">
        <v>3896091</v>
      </c>
      <c r="KJ27" s="119">
        <v>2579638</v>
      </c>
      <c r="KK27" s="119">
        <v>1147248</v>
      </c>
      <c r="KL27" s="120">
        <v>12855772</v>
      </c>
      <c r="KM27" s="143">
        <v>13228633</v>
      </c>
      <c r="KN27" s="232">
        <v>0</v>
      </c>
      <c r="KO27" s="236">
        <v>0</v>
      </c>
      <c r="KP27" s="237">
        <v>0</v>
      </c>
      <c r="KQ27" s="140"/>
      <c r="KR27" s="119">
        <v>3694117</v>
      </c>
      <c r="KS27" s="119">
        <v>4232663</v>
      </c>
      <c r="KT27" s="119">
        <v>3077838</v>
      </c>
      <c r="KU27" s="119">
        <v>1631799</v>
      </c>
      <c r="KV27" s="119">
        <v>1104345</v>
      </c>
      <c r="KW27" s="120">
        <v>13740762</v>
      </c>
      <c r="KX27" s="318">
        <v>13740762</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536607</v>
      </c>
      <c r="LQ27" s="119">
        <v>5455283</v>
      </c>
      <c r="LR27" s="119">
        <v>2190573</v>
      </c>
      <c r="LS27" s="120">
        <v>8182463</v>
      </c>
      <c r="LT27" s="318">
        <v>8182463</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3219461</v>
      </c>
      <c r="MK27" s="119">
        <v>6441099</v>
      </c>
      <c r="ML27" s="119">
        <v>20014954</v>
      </c>
      <c r="MM27" s="119">
        <v>28954975</v>
      </c>
      <c r="MN27" s="119">
        <v>16570403</v>
      </c>
      <c r="MO27" s="120">
        <v>75200892</v>
      </c>
      <c r="MP27" s="143">
        <v>75200892</v>
      </c>
      <c r="MQ27" s="142">
        <v>0</v>
      </c>
      <c r="MR27" s="119">
        <v>0</v>
      </c>
      <c r="MS27" s="120">
        <v>0</v>
      </c>
      <c r="MT27" s="145"/>
      <c r="MU27" s="119">
        <v>429101</v>
      </c>
      <c r="MV27" s="119">
        <v>134505</v>
      </c>
      <c r="MW27" s="119">
        <v>12066546</v>
      </c>
      <c r="MX27" s="119">
        <v>15235772</v>
      </c>
      <c r="MY27" s="119">
        <v>9654752</v>
      </c>
      <c r="MZ27" s="120">
        <v>37520676</v>
      </c>
      <c r="NA27" s="143">
        <v>37520676</v>
      </c>
      <c r="NB27" s="142">
        <v>0</v>
      </c>
      <c r="NC27" s="119">
        <v>0</v>
      </c>
      <c r="ND27" s="120">
        <v>0</v>
      </c>
      <c r="NE27" s="145"/>
      <c r="NF27" s="119">
        <v>2790360</v>
      </c>
      <c r="NG27" s="119">
        <v>6306594</v>
      </c>
      <c r="NH27" s="119">
        <v>7948408</v>
      </c>
      <c r="NI27" s="119">
        <v>10717703</v>
      </c>
      <c r="NJ27" s="119">
        <v>5752113</v>
      </c>
      <c r="NK27" s="120">
        <v>33515178</v>
      </c>
      <c r="NL27" s="318">
        <v>33515178</v>
      </c>
      <c r="NM27" s="142">
        <v>0</v>
      </c>
      <c r="NN27" s="119">
        <v>0</v>
      </c>
      <c r="NO27" s="120">
        <v>0</v>
      </c>
      <c r="NP27" s="145"/>
      <c r="NQ27" s="119">
        <v>0</v>
      </c>
      <c r="NR27" s="119">
        <v>0</v>
      </c>
      <c r="NS27" s="119">
        <v>0</v>
      </c>
      <c r="NT27" s="119">
        <v>0</v>
      </c>
      <c r="NU27" s="119">
        <v>354869</v>
      </c>
      <c r="NV27" s="120">
        <v>354869</v>
      </c>
      <c r="NW27" s="121">
        <v>354869</v>
      </c>
      <c r="NX27" s="142">
        <v>0</v>
      </c>
      <c r="NY27" s="119">
        <v>0</v>
      </c>
      <c r="NZ27" s="120">
        <v>0</v>
      </c>
      <c r="OA27" s="145"/>
      <c r="OB27" s="119">
        <v>0</v>
      </c>
      <c r="OC27" s="119">
        <v>0</v>
      </c>
      <c r="OD27" s="119">
        <v>0</v>
      </c>
      <c r="OE27" s="119">
        <v>3001500</v>
      </c>
      <c r="OF27" s="119">
        <v>808669</v>
      </c>
      <c r="OG27" s="120">
        <v>3810169</v>
      </c>
      <c r="OH27" s="121">
        <v>3810169</v>
      </c>
      <c r="OI27" s="142">
        <v>1152081</v>
      </c>
      <c r="OJ27" s="119">
        <v>3069257</v>
      </c>
      <c r="OK27" s="141">
        <v>4221338</v>
      </c>
      <c r="OL27" s="118">
        <v>0</v>
      </c>
      <c r="OM27" s="119">
        <v>40023939</v>
      </c>
      <c r="ON27" s="119">
        <v>50697451</v>
      </c>
      <c r="OO27" s="119">
        <v>56922299</v>
      </c>
      <c r="OP27" s="119">
        <v>65836437</v>
      </c>
      <c r="OQ27" s="119">
        <v>39224445</v>
      </c>
      <c r="OR27" s="120">
        <v>252704571</v>
      </c>
      <c r="OS27" s="143">
        <v>256925909</v>
      </c>
    </row>
    <row r="28" spans="2:409" ht="21" customHeight="1" x14ac:dyDescent="0.2">
      <c r="B28" s="62" t="s">
        <v>23</v>
      </c>
      <c r="C28" s="110">
        <v>3183331</v>
      </c>
      <c r="D28" s="114">
        <v>6747284</v>
      </c>
      <c r="E28" s="113">
        <v>9930615</v>
      </c>
      <c r="F28" s="109">
        <v>0</v>
      </c>
      <c r="G28" s="114">
        <v>51602293</v>
      </c>
      <c r="H28" s="114">
        <v>61443354</v>
      </c>
      <c r="I28" s="114">
        <v>48000008</v>
      </c>
      <c r="J28" s="114">
        <v>58772940</v>
      </c>
      <c r="K28" s="114">
        <v>34054168</v>
      </c>
      <c r="L28" s="173">
        <v>253872763</v>
      </c>
      <c r="M28" s="116">
        <v>263803378</v>
      </c>
      <c r="N28" s="110">
        <v>1187886</v>
      </c>
      <c r="O28" s="114">
        <v>1960391</v>
      </c>
      <c r="P28" s="113">
        <v>3148277</v>
      </c>
      <c r="Q28" s="110">
        <v>0</v>
      </c>
      <c r="R28" s="114">
        <v>12314161</v>
      </c>
      <c r="S28" s="114">
        <v>16781719</v>
      </c>
      <c r="T28" s="114">
        <v>12417446</v>
      </c>
      <c r="U28" s="114">
        <v>17635381</v>
      </c>
      <c r="V28" s="114">
        <v>13314243</v>
      </c>
      <c r="W28" s="113">
        <v>72462950</v>
      </c>
      <c r="X28" s="116">
        <v>75611227</v>
      </c>
      <c r="Y28" s="110">
        <v>0</v>
      </c>
      <c r="Z28" s="114">
        <v>0</v>
      </c>
      <c r="AA28" s="113">
        <v>0</v>
      </c>
      <c r="AB28" s="110">
        <v>0</v>
      </c>
      <c r="AC28" s="114">
        <v>5420520</v>
      </c>
      <c r="AD28" s="114">
        <v>7156275</v>
      </c>
      <c r="AE28" s="114">
        <v>7062842</v>
      </c>
      <c r="AF28" s="114">
        <v>9753264</v>
      </c>
      <c r="AG28" s="114">
        <v>7075649</v>
      </c>
      <c r="AH28" s="113">
        <v>36468550</v>
      </c>
      <c r="AI28" s="116">
        <v>36468550</v>
      </c>
      <c r="AJ28" s="110">
        <v>0</v>
      </c>
      <c r="AK28" s="114">
        <v>0</v>
      </c>
      <c r="AL28" s="113">
        <v>0</v>
      </c>
      <c r="AM28" s="110">
        <v>0</v>
      </c>
      <c r="AN28" s="114">
        <v>40917</v>
      </c>
      <c r="AO28" s="114">
        <v>193364</v>
      </c>
      <c r="AP28" s="114">
        <v>372753</v>
      </c>
      <c r="AQ28" s="114">
        <v>790600</v>
      </c>
      <c r="AR28" s="114">
        <v>1216296</v>
      </c>
      <c r="AS28" s="113">
        <v>2613930</v>
      </c>
      <c r="AT28" s="116">
        <v>2613930</v>
      </c>
      <c r="AU28" s="110">
        <v>846443</v>
      </c>
      <c r="AV28" s="114">
        <v>1552018</v>
      </c>
      <c r="AW28" s="113">
        <v>2398461</v>
      </c>
      <c r="AX28" s="110">
        <v>0</v>
      </c>
      <c r="AY28" s="114">
        <v>3791146</v>
      </c>
      <c r="AZ28" s="114">
        <v>6365619</v>
      </c>
      <c r="BA28" s="114">
        <v>2688709</v>
      </c>
      <c r="BB28" s="114">
        <v>3737788</v>
      </c>
      <c r="BC28" s="114">
        <v>2560063</v>
      </c>
      <c r="BD28" s="113">
        <v>19143325</v>
      </c>
      <c r="BE28" s="116">
        <v>21541786</v>
      </c>
      <c r="BF28" s="110">
        <v>165421</v>
      </c>
      <c r="BG28" s="114">
        <v>278233</v>
      </c>
      <c r="BH28" s="112">
        <v>443654</v>
      </c>
      <c r="BI28" s="111">
        <v>0</v>
      </c>
      <c r="BJ28" s="114">
        <v>450291</v>
      </c>
      <c r="BK28" s="114">
        <v>921691</v>
      </c>
      <c r="BL28" s="114">
        <v>366652</v>
      </c>
      <c r="BM28" s="114">
        <v>409994</v>
      </c>
      <c r="BN28" s="114">
        <v>424108</v>
      </c>
      <c r="BO28" s="113">
        <v>2572736</v>
      </c>
      <c r="BP28" s="116">
        <v>3016390</v>
      </c>
      <c r="BQ28" s="110">
        <v>176022</v>
      </c>
      <c r="BR28" s="114">
        <v>130140</v>
      </c>
      <c r="BS28" s="113">
        <v>306162</v>
      </c>
      <c r="BT28" s="110">
        <v>0</v>
      </c>
      <c r="BU28" s="114">
        <v>2611287</v>
      </c>
      <c r="BV28" s="114">
        <v>2144770</v>
      </c>
      <c r="BW28" s="114">
        <v>1926490</v>
      </c>
      <c r="BX28" s="114">
        <v>2943735</v>
      </c>
      <c r="BY28" s="114">
        <v>2038127</v>
      </c>
      <c r="BZ28" s="113">
        <v>11664409</v>
      </c>
      <c r="CA28" s="116">
        <v>11970571</v>
      </c>
      <c r="CB28" s="110">
        <v>49057</v>
      </c>
      <c r="CC28" s="114">
        <v>457019</v>
      </c>
      <c r="CD28" s="113">
        <v>506076</v>
      </c>
      <c r="CE28" s="110">
        <v>0</v>
      </c>
      <c r="CF28" s="114">
        <v>18454597</v>
      </c>
      <c r="CG28" s="114">
        <v>20735802</v>
      </c>
      <c r="CH28" s="114">
        <v>16115983</v>
      </c>
      <c r="CI28" s="114">
        <v>12975160</v>
      </c>
      <c r="CJ28" s="114">
        <v>5387426</v>
      </c>
      <c r="CK28" s="113">
        <v>73668968</v>
      </c>
      <c r="CL28" s="116">
        <v>74175044</v>
      </c>
      <c r="CM28" s="110">
        <v>0</v>
      </c>
      <c r="CN28" s="114">
        <v>0</v>
      </c>
      <c r="CO28" s="113">
        <v>0</v>
      </c>
      <c r="CP28" s="111">
        <v>0</v>
      </c>
      <c r="CQ28" s="114">
        <v>15956123</v>
      </c>
      <c r="CR28" s="114">
        <v>17571149</v>
      </c>
      <c r="CS28" s="114">
        <v>12630367</v>
      </c>
      <c r="CT28" s="114">
        <v>10349458</v>
      </c>
      <c r="CU28" s="114">
        <v>5057510</v>
      </c>
      <c r="CV28" s="113">
        <v>61564607</v>
      </c>
      <c r="CW28" s="116">
        <v>61564607</v>
      </c>
      <c r="CX28" s="110">
        <v>49057</v>
      </c>
      <c r="CY28" s="114">
        <v>457019</v>
      </c>
      <c r="CZ28" s="113">
        <v>506076</v>
      </c>
      <c r="DA28" s="110">
        <v>0</v>
      </c>
      <c r="DB28" s="114">
        <v>2498474</v>
      </c>
      <c r="DC28" s="114">
        <v>3164653</v>
      </c>
      <c r="DD28" s="114">
        <v>3485616</v>
      </c>
      <c r="DE28" s="114">
        <v>2625702</v>
      </c>
      <c r="DF28" s="114">
        <v>329916</v>
      </c>
      <c r="DG28" s="113">
        <v>12104361</v>
      </c>
      <c r="DH28" s="116">
        <v>12610437</v>
      </c>
      <c r="DI28" s="110">
        <v>61264</v>
      </c>
      <c r="DJ28" s="114">
        <v>157123</v>
      </c>
      <c r="DK28" s="112">
        <v>218387</v>
      </c>
      <c r="DL28" s="111">
        <v>0</v>
      </c>
      <c r="DM28" s="114">
        <v>1126828</v>
      </c>
      <c r="DN28" s="114">
        <v>3369849</v>
      </c>
      <c r="DO28" s="114">
        <v>4436943</v>
      </c>
      <c r="DP28" s="114">
        <v>4604091</v>
      </c>
      <c r="DQ28" s="114">
        <v>1753814</v>
      </c>
      <c r="DR28" s="113">
        <v>15291525</v>
      </c>
      <c r="DS28" s="116">
        <v>15509912</v>
      </c>
      <c r="DT28" s="110">
        <v>33811</v>
      </c>
      <c r="DU28" s="114">
        <v>157123</v>
      </c>
      <c r="DV28" s="113">
        <v>190934</v>
      </c>
      <c r="DW28" s="110">
        <v>0</v>
      </c>
      <c r="DX28" s="114">
        <v>1047052</v>
      </c>
      <c r="DY28" s="114">
        <v>3160113</v>
      </c>
      <c r="DZ28" s="114">
        <v>4237329</v>
      </c>
      <c r="EA28" s="114">
        <v>4226675</v>
      </c>
      <c r="EB28" s="114">
        <v>1328248</v>
      </c>
      <c r="EC28" s="113">
        <v>13999417</v>
      </c>
      <c r="ED28" s="116">
        <v>14190351</v>
      </c>
      <c r="EE28" s="110">
        <v>27453</v>
      </c>
      <c r="EF28" s="112">
        <v>0</v>
      </c>
      <c r="EG28" s="113">
        <v>27453</v>
      </c>
      <c r="EH28" s="110">
        <v>0</v>
      </c>
      <c r="EI28" s="114">
        <v>79776</v>
      </c>
      <c r="EJ28" s="114">
        <v>209736</v>
      </c>
      <c r="EK28" s="114">
        <v>199614</v>
      </c>
      <c r="EL28" s="114">
        <v>377416</v>
      </c>
      <c r="EM28" s="114">
        <v>425566</v>
      </c>
      <c r="EN28" s="112">
        <v>1292108</v>
      </c>
      <c r="EO28" s="116">
        <v>1319561</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5"/>
      <c r="FE28" s="114">
        <v>0</v>
      </c>
      <c r="FF28" s="114">
        <v>0</v>
      </c>
      <c r="FG28" s="114">
        <v>0</v>
      </c>
      <c r="FH28" s="114">
        <v>0</v>
      </c>
      <c r="FI28" s="114">
        <v>0</v>
      </c>
      <c r="FJ28" s="113">
        <v>0</v>
      </c>
      <c r="FK28" s="116">
        <v>0</v>
      </c>
      <c r="FL28" s="110">
        <v>747535</v>
      </c>
      <c r="FM28" s="114">
        <v>2609051</v>
      </c>
      <c r="FN28" s="113">
        <v>3356586</v>
      </c>
      <c r="FO28" s="110">
        <v>0</v>
      </c>
      <c r="FP28" s="114">
        <v>3401471</v>
      </c>
      <c r="FQ28" s="114">
        <v>6124822</v>
      </c>
      <c r="FR28" s="114">
        <v>3243176</v>
      </c>
      <c r="FS28" s="114">
        <v>3982190</v>
      </c>
      <c r="FT28" s="114">
        <v>1997424</v>
      </c>
      <c r="FU28" s="113">
        <v>18749083</v>
      </c>
      <c r="FV28" s="116">
        <v>22105669</v>
      </c>
      <c r="FW28" s="115">
        <v>420799</v>
      </c>
      <c r="FX28" s="114">
        <v>1505542</v>
      </c>
      <c r="FY28" s="112">
        <v>1926341</v>
      </c>
      <c r="FZ28" s="111">
        <v>0</v>
      </c>
      <c r="GA28" s="114">
        <v>2529096</v>
      </c>
      <c r="GB28" s="114">
        <v>5386584</v>
      </c>
      <c r="GC28" s="114">
        <v>2986586</v>
      </c>
      <c r="GD28" s="114">
        <v>3877754</v>
      </c>
      <c r="GE28" s="114">
        <v>1973664</v>
      </c>
      <c r="GF28" s="113">
        <v>16753684</v>
      </c>
      <c r="GG28" s="316">
        <v>18680025</v>
      </c>
      <c r="GH28" s="115">
        <v>45936</v>
      </c>
      <c r="GI28" s="114">
        <v>137106</v>
      </c>
      <c r="GJ28" s="112">
        <v>183042</v>
      </c>
      <c r="GK28" s="111">
        <v>0</v>
      </c>
      <c r="GL28" s="114">
        <v>45000</v>
      </c>
      <c r="GM28" s="114">
        <v>275120</v>
      </c>
      <c r="GN28" s="114">
        <v>100890</v>
      </c>
      <c r="GO28" s="114">
        <v>36036</v>
      </c>
      <c r="GP28" s="114">
        <v>23760</v>
      </c>
      <c r="GQ28" s="113">
        <v>480806</v>
      </c>
      <c r="GR28" s="116">
        <v>663848</v>
      </c>
      <c r="GS28" s="110">
        <v>280800</v>
      </c>
      <c r="GT28" s="114">
        <v>966403</v>
      </c>
      <c r="GU28" s="113">
        <v>1247203</v>
      </c>
      <c r="GV28" s="110">
        <v>0</v>
      </c>
      <c r="GW28" s="114">
        <v>827375</v>
      </c>
      <c r="GX28" s="114">
        <v>463118</v>
      </c>
      <c r="GY28" s="114">
        <v>155700</v>
      </c>
      <c r="GZ28" s="114">
        <v>68400</v>
      </c>
      <c r="HA28" s="114">
        <v>0</v>
      </c>
      <c r="HB28" s="112">
        <v>1514593</v>
      </c>
      <c r="HC28" s="116">
        <v>2761796</v>
      </c>
      <c r="HD28" s="110">
        <v>529369</v>
      </c>
      <c r="HE28" s="114">
        <v>288273</v>
      </c>
      <c r="HF28" s="112">
        <v>817642</v>
      </c>
      <c r="HG28" s="111">
        <v>0</v>
      </c>
      <c r="HH28" s="114">
        <v>8040426</v>
      </c>
      <c r="HI28" s="114">
        <v>6915470</v>
      </c>
      <c r="HJ28" s="114">
        <v>7208932</v>
      </c>
      <c r="HK28" s="114">
        <v>15757434</v>
      </c>
      <c r="HL28" s="114">
        <v>9730011</v>
      </c>
      <c r="HM28" s="113">
        <v>47652273</v>
      </c>
      <c r="HN28" s="109">
        <v>48469915</v>
      </c>
      <c r="HO28" s="115">
        <v>608220</v>
      </c>
      <c r="HP28" s="114">
        <v>1275427</v>
      </c>
      <c r="HQ28" s="113">
        <v>1883647</v>
      </c>
      <c r="HR28" s="110">
        <v>0</v>
      </c>
      <c r="HS28" s="114">
        <v>8264810</v>
      </c>
      <c r="HT28" s="114">
        <v>7515692</v>
      </c>
      <c r="HU28" s="114">
        <v>4577528</v>
      </c>
      <c r="HV28" s="114">
        <v>3818684</v>
      </c>
      <c r="HW28" s="114">
        <v>1871250</v>
      </c>
      <c r="HX28" s="112">
        <v>26047964</v>
      </c>
      <c r="HY28" s="116">
        <v>27931611</v>
      </c>
      <c r="HZ28" s="150">
        <v>0</v>
      </c>
      <c r="IA28" s="135">
        <v>0</v>
      </c>
      <c r="IB28" s="150">
        <v>0</v>
      </c>
      <c r="IC28" s="134">
        <v>0</v>
      </c>
      <c r="ID28" s="135">
        <v>11220479</v>
      </c>
      <c r="IE28" s="136">
        <v>7464934</v>
      </c>
      <c r="IF28" s="137">
        <v>9385309</v>
      </c>
      <c r="IG28" s="135">
        <v>6944449</v>
      </c>
      <c r="IH28" s="137">
        <v>4684995</v>
      </c>
      <c r="II28" s="138">
        <v>39700166</v>
      </c>
      <c r="IJ28" s="150">
        <v>39700166</v>
      </c>
      <c r="IK28" s="232">
        <v>0</v>
      </c>
      <c r="IL28" s="236">
        <v>0</v>
      </c>
      <c r="IM28" s="237">
        <v>0</v>
      </c>
      <c r="IN28" s="140"/>
      <c r="IO28" s="119">
        <v>0</v>
      </c>
      <c r="IP28" s="119">
        <v>108756</v>
      </c>
      <c r="IQ28" s="119">
        <v>0</v>
      </c>
      <c r="IR28" s="119">
        <v>0</v>
      </c>
      <c r="IS28" s="119">
        <v>505382</v>
      </c>
      <c r="IT28" s="141">
        <v>614138</v>
      </c>
      <c r="IU28" s="318">
        <v>614138</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3034406</v>
      </c>
      <c r="JL28" s="119">
        <v>2290989</v>
      </c>
      <c r="JM28" s="119">
        <v>2826593</v>
      </c>
      <c r="JN28" s="119">
        <v>2289670</v>
      </c>
      <c r="JO28" s="119">
        <v>1143854</v>
      </c>
      <c r="JP28" s="120">
        <v>11585512</v>
      </c>
      <c r="JQ28" s="318">
        <v>11585512</v>
      </c>
      <c r="JR28" s="142">
        <v>0</v>
      </c>
      <c r="JS28" s="119">
        <v>0</v>
      </c>
      <c r="JT28" s="141">
        <v>0</v>
      </c>
      <c r="JU28" s="118">
        <v>0</v>
      </c>
      <c r="JV28" s="119">
        <v>0</v>
      </c>
      <c r="JW28" s="119">
        <v>0</v>
      </c>
      <c r="JX28" s="119">
        <v>397949</v>
      </c>
      <c r="JY28" s="119">
        <v>276987</v>
      </c>
      <c r="JZ28" s="119">
        <v>104046</v>
      </c>
      <c r="KA28" s="120">
        <v>778982</v>
      </c>
      <c r="KB28" s="318">
        <v>778982</v>
      </c>
      <c r="KC28" s="234">
        <v>0</v>
      </c>
      <c r="KD28" s="230">
        <v>0</v>
      </c>
      <c r="KE28" s="120">
        <v>0</v>
      </c>
      <c r="KF28" s="118">
        <v>0</v>
      </c>
      <c r="KG28" s="119">
        <v>779286</v>
      </c>
      <c r="KH28" s="119">
        <v>944169</v>
      </c>
      <c r="KI28" s="119">
        <v>789991</v>
      </c>
      <c r="KJ28" s="119">
        <v>282456</v>
      </c>
      <c r="KK28" s="119">
        <v>9346</v>
      </c>
      <c r="KL28" s="120">
        <v>2805248</v>
      </c>
      <c r="KM28" s="143">
        <v>2805248</v>
      </c>
      <c r="KN28" s="232">
        <v>0</v>
      </c>
      <c r="KO28" s="236">
        <v>0</v>
      </c>
      <c r="KP28" s="237">
        <v>0</v>
      </c>
      <c r="KQ28" s="140"/>
      <c r="KR28" s="119">
        <v>7406787</v>
      </c>
      <c r="KS28" s="119">
        <v>4121020</v>
      </c>
      <c r="KT28" s="119">
        <v>5370776</v>
      </c>
      <c r="KU28" s="119">
        <v>3775469</v>
      </c>
      <c r="KV28" s="119">
        <v>2922367</v>
      </c>
      <c r="KW28" s="120">
        <v>23596419</v>
      </c>
      <c r="KX28" s="318">
        <v>23596419</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18">
        <v>0</v>
      </c>
      <c r="LU28" s="142">
        <v>0</v>
      </c>
      <c r="LV28" s="119">
        <v>0</v>
      </c>
      <c r="LW28" s="120">
        <v>0</v>
      </c>
      <c r="LX28" s="145"/>
      <c r="LY28" s="119">
        <v>0</v>
      </c>
      <c r="LZ28" s="119">
        <v>0</v>
      </c>
      <c r="MA28" s="119">
        <v>0</v>
      </c>
      <c r="MB28" s="119">
        <v>319867</v>
      </c>
      <c r="MC28" s="119">
        <v>0</v>
      </c>
      <c r="MD28" s="120">
        <v>319867</v>
      </c>
      <c r="ME28" s="121">
        <v>319867</v>
      </c>
      <c r="MF28" s="142">
        <v>0</v>
      </c>
      <c r="MG28" s="119">
        <v>0</v>
      </c>
      <c r="MH28" s="120">
        <v>0</v>
      </c>
      <c r="MI28" s="145"/>
      <c r="MJ28" s="119">
        <v>4394660</v>
      </c>
      <c r="MK28" s="119">
        <v>11203610</v>
      </c>
      <c r="ML28" s="119">
        <v>32990972</v>
      </c>
      <c r="MM28" s="119">
        <v>55882686</v>
      </c>
      <c r="MN28" s="119">
        <v>45379239</v>
      </c>
      <c r="MO28" s="120">
        <v>149851167</v>
      </c>
      <c r="MP28" s="143">
        <v>149851167</v>
      </c>
      <c r="MQ28" s="142">
        <v>0</v>
      </c>
      <c r="MR28" s="119">
        <v>0</v>
      </c>
      <c r="MS28" s="120">
        <v>0</v>
      </c>
      <c r="MT28" s="145"/>
      <c r="MU28" s="119">
        <v>436202</v>
      </c>
      <c r="MV28" s="119">
        <v>2305430</v>
      </c>
      <c r="MW28" s="119">
        <v>23002038</v>
      </c>
      <c r="MX28" s="119">
        <v>36133172</v>
      </c>
      <c r="MY28" s="119">
        <v>29542770</v>
      </c>
      <c r="MZ28" s="120">
        <v>91419612</v>
      </c>
      <c r="NA28" s="143">
        <v>91419612</v>
      </c>
      <c r="NB28" s="142">
        <v>0</v>
      </c>
      <c r="NC28" s="119">
        <v>0</v>
      </c>
      <c r="ND28" s="120">
        <v>0</v>
      </c>
      <c r="NE28" s="145"/>
      <c r="NF28" s="119">
        <v>3958458</v>
      </c>
      <c r="NG28" s="119">
        <v>8898180</v>
      </c>
      <c r="NH28" s="119">
        <v>9988934</v>
      </c>
      <c r="NI28" s="119">
        <v>17999631</v>
      </c>
      <c r="NJ28" s="119">
        <v>12270462</v>
      </c>
      <c r="NK28" s="120">
        <v>53115665</v>
      </c>
      <c r="NL28" s="318">
        <v>53115665</v>
      </c>
      <c r="NM28" s="142">
        <v>0</v>
      </c>
      <c r="NN28" s="119">
        <v>0</v>
      </c>
      <c r="NO28" s="120">
        <v>0</v>
      </c>
      <c r="NP28" s="145"/>
      <c r="NQ28" s="119">
        <v>0</v>
      </c>
      <c r="NR28" s="119">
        <v>0</v>
      </c>
      <c r="NS28" s="119">
        <v>0</v>
      </c>
      <c r="NT28" s="119">
        <v>561258</v>
      </c>
      <c r="NU28" s="119">
        <v>338759</v>
      </c>
      <c r="NV28" s="120">
        <v>900017</v>
      </c>
      <c r="NW28" s="121">
        <v>900017</v>
      </c>
      <c r="NX28" s="142">
        <v>0</v>
      </c>
      <c r="NY28" s="119">
        <v>0</v>
      </c>
      <c r="NZ28" s="120">
        <v>0</v>
      </c>
      <c r="OA28" s="145"/>
      <c r="OB28" s="119">
        <v>0</v>
      </c>
      <c r="OC28" s="119">
        <v>0</v>
      </c>
      <c r="OD28" s="119">
        <v>0</v>
      </c>
      <c r="OE28" s="119">
        <v>1188625</v>
      </c>
      <c r="OF28" s="119">
        <v>3227248</v>
      </c>
      <c r="OG28" s="120">
        <v>4415873</v>
      </c>
      <c r="OH28" s="121">
        <v>4415873</v>
      </c>
      <c r="OI28" s="142">
        <v>3183331</v>
      </c>
      <c r="OJ28" s="119">
        <v>6747284</v>
      </c>
      <c r="OK28" s="141">
        <v>9930615</v>
      </c>
      <c r="OL28" s="118">
        <v>0</v>
      </c>
      <c r="OM28" s="119">
        <v>67217432</v>
      </c>
      <c r="ON28" s="119">
        <v>80111898</v>
      </c>
      <c r="OO28" s="119">
        <v>90376289</v>
      </c>
      <c r="OP28" s="119">
        <v>121600075</v>
      </c>
      <c r="OQ28" s="119">
        <v>84118402</v>
      </c>
      <c r="OR28" s="120">
        <v>443424096</v>
      </c>
      <c r="OS28" s="143">
        <v>453354711</v>
      </c>
    </row>
    <row r="29" spans="2:409" ht="21" customHeight="1" x14ac:dyDescent="0.2">
      <c r="B29" s="62" t="s">
        <v>24</v>
      </c>
      <c r="C29" s="110">
        <v>2408628</v>
      </c>
      <c r="D29" s="114">
        <v>3571533</v>
      </c>
      <c r="E29" s="113">
        <v>5980161</v>
      </c>
      <c r="F29" s="109">
        <v>0</v>
      </c>
      <c r="G29" s="114">
        <v>25995037</v>
      </c>
      <c r="H29" s="114">
        <v>27209799</v>
      </c>
      <c r="I29" s="114">
        <v>23670478</v>
      </c>
      <c r="J29" s="114">
        <v>26211813</v>
      </c>
      <c r="K29" s="114">
        <v>19897340</v>
      </c>
      <c r="L29" s="173">
        <v>122984467</v>
      </c>
      <c r="M29" s="116">
        <v>128964628</v>
      </c>
      <c r="N29" s="110">
        <v>545912</v>
      </c>
      <c r="O29" s="114">
        <v>994601</v>
      </c>
      <c r="P29" s="113">
        <v>1540513</v>
      </c>
      <c r="Q29" s="110">
        <v>0</v>
      </c>
      <c r="R29" s="114">
        <v>5664447</v>
      </c>
      <c r="S29" s="114">
        <v>7273806</v>
      </c>
      <c r="T29" s="114">
        <v>7399488</v>
      </c>
      <c r="U29" s="114">
        <v>8570543</v>
      </c>
      <c r="V29" s="114">
        <v>9358421</v>
      </c>
      <c r="W29" s="113">
        <v>38266705</v>
      </c>
      <c r="X29" s="116">
        <v>39807218</v>
      </c>
      <c r="Y29" s="110">
        <v>0</v>
      </c>
      <c r="Z29" s="114">
        <v>0</v>
      </c>
      <c r="AA29" s="113">
        <v>0</v>
      </c>
      <c r="AB29" s="110">
        <v>0</v>
      </c>
      <c r="AC29" s="114">
        <v>2397368</v>
      </c>
      <c r="AD29" s="114">
        <v>3082898</v>
      </c>
      <c r="AE29" s="114">
        <v>4143396</v>
      </c>
      <c r="AF29" s="114">
        <v>5077890</v>
      </c>
      <c r="AG29" s="114">
        <v>5167730</v>
      </c>
      <c r="AH29" s="113">
        <v>19869282</v>
      </c>
      <c r="AI29" s="116">
        <v>19869282</v>
      </c>
      <c r="AJ29" s="110">
        <v>0</v>
      </c>
      <c r="AK29" s="114">
        <v>0</v>
      </c>
      <c r="AL29" s="113">
        <v>0</v>
      </c>
      <c r="AM29" s="110">
        <v>0</v>
      </c>
      <c r="AN29" s="114">
        <v>0</v>
      </c>
      <c r="AO29" s="114">
        <v>121759</v>
      </c>
      <c r="AP29" s="114">
        <v>391341</v>
      </c>
      <c r="AQ29" s="114">
        <v>405739</v>
      </c>
      <c r="AR29" s="114">
        <v>1302069</v>
      </c>
      <c r="AS29" s="113">
        <v>2220908</v>
      </c>
      <c r="AT29" s="116">
        <v>2220908</v>
      </c>
      <c r="AU29" s="110">
        <v>324797</v>
      </c>
      <c r="AV29" s="114">
        <v>821528</v>
      </c>
      <c r="AW29" s="113">
        <v>1146325</v>
      </c>
      <c r="AX29" s="110">
        <v>0</v>
      </c>
      <c r="AY29" s="114">
        <v>1919997</v>
      </c>
      <c r="AZ29" s="114">
        <v>2868984</v>
      </c>
      <c r="BA29" s="114">
        <v>1785951</v>
      </c>
      <c r="BB29" s="114">
        <v>1670705</v>
      </c>
      <c r="BC29" s="114">
        <v>1814757</v>
      </c>
      <c r="BD29" s="113">
        <v>10060394</v>
      </c>
      <c r="BE29" s="116">
        <v>11206719</v>
      </c>
      <c r="BF29" s="110">
        <v>0</v>
      </c>
      <c r="BG29" s="114">
        <v>29244</v>
      </c>
      <c r="BH29" s="112">
        <v>29244</v>
      </c>
      <c r="BI29" s="111">
        <v>0</v>
      </c>
      <c r="BJ29" s="114">
        <v>115236</v>
      </c>
      <c r="BK29" s="114">
        <v>236902</v>
      </c>
      <c r="BL29" s="114">
        <v>62052</v>
      </c>
      <c r="BM29" s="114">
        <v>97681</v>
      </c>
      <c r="BN29" s="114">
        <v>53941</v>
      </c>
      <c r="BO29" s="113">
        <v>565812</v>
      </c>
      <c r="BP29" s="116">
        <v>595056</v>
      </c>
      <c r="BQ29" s="110">
        <v>221115</v>
      </c>
      <c r="BR29" s="114">
        <v>143829</v>
      </c>
      <c r="BS29" s="113">
        <v>364944</v>
      </c>
      <c r="BT29" s="110">
        <v>0</v>
      </c>
      <c r="BU29" s="114">
        <v>1231846</v>
      </c>
      <c r="BV29" s="114">
        <v>963263</v>
      </c>
      <c r="BW29" s="114">
        <v>1016748</v>
      </c>
      <c r="BX29" s="114">
        <v>1318528</v>
      </c>
      <c r="BY29" s="114">
        <v>1019924</v>
      </c>
      <c r="BZ29" s="113">
        <v>5550309</v>
      </c>
      <c r="CA29" s="116">
        <v>5915253</v>
      </c>
      <c r="CB29" s="110">
        <v>152002</v>
      </c>
      <c r="CC29" s="114">
        <v>246306</v>
      </c>
      <c r="CD29" s="113">
        <v>398308</v>
      </c>
      <c r="CE29" s="110">
        <v>0</v>
      </c>
      <c r="CF29" s="114">
        <v>8563595</v>
      </c>
      <c r="CG29" s="114">
        <v>8248182</v>
      </c>
      <c r="CH29" s="114">
        <v>5514546</v>
      </c>
      <c r="CI29" s="114">
        <v>3278120</v>
      </c>
      <c r="CJ29" s="114">
        <v>2184259</v>
      </c>
      <c r="CK29" s="113">
        <v>27788702</v>
      </c>
      <c r="CL29" s="116">
        <v>28187010</v>
      </c>
      <c r="CM29" s="110">
        <v>0</v>
      </c>
      <c r="CN29" s="114">
        <v>0</v>
      </c>
      <c r="CO29" s="113">
        <v>0</v>
      </c>
      <c r="CP29" s="111">
        <v>0</v>
      </c>
      <c r="CQ29" s="114">
        <v>6331487</v>
      </c>
      <c r="CR29" s="114">
        <v>6033394</v>
      </c>
      <c r="CS29" s="114">
        <v>3947166</v>
      </c>
      <c r="CT29" s="114">
        <v>2432211</v>
      </c>
      <c r="CU29" s="114">
        <v>682731</v>
      </c>
      <c r="CV29" s="113">
        <v>19426989</v>
      </c>
      <c r="CW29" s="116">
        <v>19426989</v>
      </c>
      <c r="CX29" s="110">
        <v>152002</v>
      </c>
      <c r="CY29" s="114">
        <v>246306</v>
      </c>
      <c r="CZ29" s="113">
        <v>398308</v>
      </c>
      <c r="DA29" s="110">
        <v>0</v>
      </c>
      <c r="DB29" s="114">
        <v>2232108</v>
      </c>
      <c r="DC29" s="114">
        <v>2214788</v>
      </c>
      <c r="DD29" s="114">
        <v>1567380</v>
      </c>
      <c r="DE29" s="114">
        <v>845909</v>
      </c>
      <c r="DF29" s="114">
        <v>1501528</v>
      </c>
      <c r="DG29" s="113">
        <v>8361713</v>
      </c>
      <c r="DH29" s="116">
        <v>8760021</v>
      </c>
      <c r="DI29" s="110">
        <v>39502</v>
      </c>
      <c r="DJ29" s="114">
        <v>37699</v>
      </c>
      <c r="DK29" s="112">
        <v>77201</v>
      </c>
      <c r="DL29" s="111">
        <v>0</v>
      </c>
      <c r="DM29" s="114">
        <v>1141709</v>
      </c>
      <c r="DN29" s="114">
        <v>1279598</v>
      </c>
      <c r="DO29" s="114">
        <v>2143488</v>
      </c>
      <c r="DP29" s="114">
        <v>1884374</v>
      </c>
      <c r="DQ29" s="114">
        <v>788284</v>
      </c>
      <c r="DR29" s="113">
        <v>7237453</v>
      </c>
      <c r="DS29" s="116">
        <v>7314654</v>
      </c>
      <c r="DT29" s="110">
        <v>39502</v>
      </c>
      <c r="DU29" s="114">
        <v>37699</v>
      </c>
      <c r="DV29" s="113">
        <v>77201</v>
      </c>
      <c r="DW29" s="110">
        <v>0</v>
      </c>
      <c r="DX29" s="114">
        <v>1021516</v>
      </c>
      <c r="DY29" s="114">
        <v>996813</v>
      </c>
      <c r="DZ29" s="114">
        <v>2018796</v>
      </c>
      <c r="EA29" s="114">
        <v>1703685</v>
      </c>
      <c r="EB29" s="114">
        <v>563307</v>
      </c>
      <c r="EC29" s="113">
        <v>6304117</v>
      </c>
      <c r="ED29" s="116">
        <v>6381318</v>
      </c>
      <c r="EE29" s="110">
        <v>0</v>
      </c>
      <c r="EF29" s="112">
        <v>0</v>
      </c>
      <c r="EG29" s="113">
        <v>0</v>
      </c>
      <c r="EH29" s="110">
        <v>0</v>
      </c>
      <c r="EI29" s="114">
        <v>120193</v>
      </c>
      <c r="EJ29" s="114">
        <v>282785</v>
      </c>
      <c r="EK29" s="114">
        <v>124692</v>
      </c>
      <c r="EL29" s="114">
        <v>180689</v>
      </c>
      <c r="EM29" s="114">
        <v>224977</v>
      </c>
      <c r="EN29" s="112">
        <v>933336</v>
      </c>
      <c r="EO29" s="116">
        <v>933336</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5"/>
      <c r="FE29" s="114">
        <v>0</v>
      </c>
      <c r="FF29" s="114">
        <v>0</v>
      </c>
      <c r="FG29" s="114">
        <v>0</v>
      </c>
      <c r="FH29" s="114">
        <v>0</v>
      </c>
      <c r="FI29" s="114">
        <v>0</v>
      </c>
      <c r="FJ29" s="113">
        <v>0</v>
      </c>
      <c r="FK29" s="116">
        <v>0</v>
      </c>
      <c r="FL29" s="110">
        <v>440731</v>
      </c>
      <c r="FM29" s="114">
        <v>778552</v>
      </c>
      <c r="FN29" s="113">
        <v>1219283</v>
      </c>
      <c r="FO29" s="110">
        <v>0</v>
      </c>
      <c r="FP29" s="114">
        <v>1343113</v>
      </c>
      <c r="FQ29" s="114">
        <v>2277178</v>
      </c>
      <c r="FR29" s="114">
        <v>1572819</v>
      </c>
      <c r="FS29" s="114">
        <v>1663299</v>
      </c>
      <c r="FT29" s="114">
        <v>1201222</v>
      </c>
      <c r="FU29" s="113">
        <v>8057631</v>
      </c>
      <c r="FV29" s="116">
        <v>9276914</v>
      </c>
      <c r="FW29" s="115">
        <v>370798</v>
      </c>
      <c r="FX29" s="114">
        <v>386132</v>
      </c>
      <c r="FY29" s="112">
        <v>756930</v>
      </c>
      <c r="FZ29" s="111">
        <v>0</v>
      </c>
      <c r="GA29" s="114">
        <v>925215</v>
      </c>
      <c r="GB29" s="114">
        <v>2102977</v>
      </c>
      <c r="GC29" s="114">
        <v>1525101</v>
      </c>
      <c r="GD29" s="114">
        <v>1357929</v>
      </c>
      <c r="GE29" s="114">
        <v>1201222</v>
      </c>
      <c r="GF29" s="113">
        <v>7112444</v>
      </c>
      <c r="GG29" s="316">
        <v>7869374</v>
      </c>
      <c r="GH29" s="115">
        <v>69933</v>
      </c>
      <c r="GI29" s="114">
        <v>54895</v>
      </c>
      <c r="GJ29" s="112">
        <v>124828</v>
      </c>
      <c r="GK29" s="111">
        <v>0</v>
      </c>
      <c r="GL29" s="114">
        <v>135598</v>
      </c>
      <c r="GM29" s="114">
        <v>64701</v>
      </c>
      <c r="GN29" s="114">
        <v>47718</v>
      </c>
      <c r="GO29" s="114">
        <v>0</v>
      </c>
      <c r="GP29" s="114">
        <v>0</v>
      </c>
      <c r="GQ29" s="113">
        <v>248017</v>
      </c>
      <c r="GR29" s="116">
        <v>372845</v>
      </c>
      <c r="GS29" s="110">
        <v>0</v>
      </c>
      <c r="GT29" s="114">
        <v>337525</v>
      </c>
      <c r="GU29" s="113">
        <v>337525</v>
      </c>
      <c r="GV29" s="110">
        <v>0</v>
      </c>
      <c r="GW29" s="114">
        <v>282300</v>
      </c>
      <c r="GX29" s="114">
        <v>109500</v>
      </c>
      <c r="GY29" s="114">
        <v>0</v>
      </c>
      <c r="GZ29" s="114">
        <v>305370</v>
      </c>
      <c r="HA29" s="114">
        <v>0</v>
      </c>
      <c r="HB29" s="112">
        <v>697170</v>
      </c>
      <c r="HC29" s="116">
        <v>1034695</v>
      </c>
      <c r="HD29" s="110">
        <v>727795</v>
      </c>
      <c r="HE29" s="114">
        <v>1058984</v>
      </c>
      <c r="HF29" s="112">
        <v>1786779</v>
      </c>
      <c r="HG29" s="111">
        <v>0</v>
      </c>
      <c r="HH29" s="114">
        <v>5338955</v>
      </c>
      <c r="HI29" s="114">
        <v>5202775</v>
      </c>
      <c r="HJ29" s="114">
        <v>4823663</v>
      </c>
      <c r="HK29" s="114">
        <v>9502006</v>
      </c>
      <c r="HL29" s="114">
        <v>5379807</v>
      </c>
      <c r="HM29" s="113">
        <v>30247206</v>
      </c>
      <c r="HN29" s="109">
        <v>32033985</v>
      </c>
      <c r="HO29" s="115">
        <v>502686</v>
      </c>
      <c r="HP29" s="114">
        <v>455391</v>
      </c>
      <c r="HQ29" s="113">
        <v>958077</v>
      </c>
      <c r="HR29" s="110">
        <v>0</v>
      </c>
      <c r="HS29" s="114">
        <v>3943218</v>
      </c>
      <c r="HT29" s="114">
        <v>2928260</v>
      </c>
      <c r="HU29" s="114">
        <v>2216474</v>
      </c>
      <c r="HV29" s="114">
        <v>1313471</v>
      </c>
      <c r="HW29" s="114">
        <v>985347</v>
      </c>
      <c r="HX29" s="112">
        <v>11386770</v>
      </c>
      <c r="HY29" s="116">
        <v>12344847</v>
      </c>
      <c r="HZ29" s="131">
        <v>92727</v>
      </c>
      <c r="IA29" s="132">
        <v>245950</v>
      </c>
      <c r="IB29" s="133">
        <v>338677</v>
      </c>
      <c r="IC29" s="146">
        <v>0</v>
      </c>
      <c r="ID29" s="132">
        <v>5036965</v>
      </c>
      <c r="IE29" s="147">
        <v>3874746</v>
      </c>
      <c r="IF29" s="133">
        <v>6583753</v>
      </c>
      <c r="IG29" s="132">
        <v>4316971</v>
      </c>
      <c r="IH29" s="133">
        <v>1930699</v>
      </c>
      <c r="II29" s="148">
        <v>21743134</v>
      </c>
      <c r="IJ29" s="139">
        <v>22081811</v>
      </c>
      <c r="IK29" s="232">
        <v>0</v>
      </c>
      <c r="IL29" s="236">
        <v>0</v>
      </c>
      <c r="IM29" s="237">
        <v>0</v>
      </c>
      <c r="IN29" s="140"/>
      <c r="IO29" s="119">
        <v>147968</v>
      </c>
      <c r="IP29" s="119">
        <v>341785</v>
      </c>
      <c r="IQ29" s="119">
        <v>415773</v>
      </c>
      <c r="IR29" s="119">
        <v>189329</v>
      </c>
      <c r="IS29" s="119">
        <v>0</v>
      </c>
      <c r="IT29" s="141">
        <v>1094855</v>
      </c>
      <c r="IU29" s="318">
        <v>1094855</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484656</v>
      </c>
      <c r="JL29" s="119">
        <v>1012965</v>
      </c>
      <c r="JM29" s="119">
        <v>1362858</v>
      </c>
      <c r="JN29" s="119">
        <v>406842</v>
      </c>
      <c r="JO29" s="119">
        <v>178009</v>
      </c>
      <c r="JP29" s="120">
        <v>4445330</v>
      </c>
      <c r="JQ29" s="318">
        <v>4445330</v>
      </c>
      <c r="JR29" s="142">
        <v>0</v>
      </c>
      <c r="JS29" s="119">
        <v>0</v>
      </c>
      <c r="JT29" s="141">
        <v>0</v>
      </c>
      <c r="JU29" s="118">
        <v>0</v>
      </c>
      <c r="JV29" s="119">
        <v>649336</v>
      </c>
      <c r="JW29" s="119">
        <v>225672</v>
      </c>
      <c r="JX29" s="119">
        <v>660201</v>
      </c>
      <c r="JY29" s="119">
        <v>175990</v>
      </c>
      <c r="JZ29" s="119">
        <v>113280</v>
      </c>
      <c r="KA29" s="120">
        <v>1824479</v>
      </c>
      <c r="KB29" s="318">
        <v>1824479</v>
      </c>
      <c r="KC29" s="234">
        <v>92727</v>
      </c>
      <c r="KD29" s="230">
        <v>245950</v>
      </c>
      <c r="KE29" s="120">
        <v>338677</v>
      </c>
      <c r="KF29" s="118">
        <v>0</v>
      </c>
      <c r="KG29" s="119">
        <v>2261264</v>
      </c>
      <c r="KH29" s="119">
        <v>1267044</v>
      </c>
      <c r="KI29" s="119">
        <v>2146822</v>
      </c>
      <c r="KJ29" s="119">
        <v>1391106</v>
      </c>
      <c r="KK29" s="119">
        <v>512375</v>
      </c>
      <c r="KL29" s="120">
        <v>7578611</v>
      </c>
      <c r="KM29" s="143">
        <v>7917288</v>
      </c>
      <c r="KN29" s="232">
        <v>0</v>
      </c>
      <c r="KO29" s="236">
        <v>0</v>
      </c>
      <c r="KP29" s="237">
        <v>0</v>
      </c>
      <c r="KQ29" s="140"/>
      <c r="KR29" s="119">
        <v>493741</v>
      </c>
      <c r="KS29" s="119">
        <v>1027280</v>
      </c>
      <c r="KT29" s="119">
        <v>1998099</v>
      </c>
      <c r="KU29" s="119">
        <v>2153704</v>
      </c>
      <c r="KV29" s="119">
        <v>1127035</v>
      </c>
      <c r="KW29" s="120">
        <v>6799859</v>
      </c>
      <c r="KX29" s="318">
        <v>6799859</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18">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552676</v>
      </c>
      <c r="MK29" s="119">
        <v>2971655</v>
      </c>
      <c r="ML29" s="119">
        <v>14778865</v>
      </c>
      <c r="MM29" s="119">
        <v>29973299</v>
      </c>
      <c r="MN29" s="119">
        <v>19952127</v>
      </c>
      <c r="MO29" s="120">
        <v>70228622</v>
      </c>
      <c r="MP29" s="143">
        <v>70228622</v>
      </c>
      <c r="MQ29" s="142">
        <v>0</v>
      </c>
      <c r="MR29" s="119">
        <v>0</v>
      </c>
      <c r="MS29" s="120">
        <v>0</v>
      </c>
      <c r="MT29" s="145"/>
      <c r="MU29" s="119">
        <v>0</v>
      </c>
      <c r="MV29" s="119">
        <v>0</v>
      </c>
      <c r="MW29" s="119">
        <v>8007000</v>
      </c>
      <c r="MX29" s="119">
        <v>19323012</v>
      </c>
      <c r="MY29" s="119">
        <v>16311002</v>
      </c>
      <c r="MZ29" s="120">
        <v>43641014</v>
      </c>
      <c r="NA29" s="143">
        <v>43641014</v>
      </c>
      <c r="NB29" s="142">
        <v>0</v>
      </c>
      <c r="NC29" s="119">
        <v>0</v>
      </c>
      <c r="ND29" s="120">
        <v>0</v>
      </c>
      <c r="NE29" s="145"/>
      <c r="NF29" s="119">
        <v>2552676</v>
      </c>
      <c r="NG29" s="119">
        <v>2971655</v>
      </c>
      <c r="NH29" s="119">
        <v>6771865</v>
      </c>
      <c r="NI29" s="119">
        <v>10650287</v>
      </c>
      <c r="NJ29" s="119">
        <v>3641125</v>
      </c>
      <c r="NK29" s="120">
        <v>26587608</v>
      </c>
      <c r="NL29" s="318">
        <v>26587608</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501355</v>
      </c>
      <c r="OJ29" s="119">
        <v>3817483</v>
      </c>
      <c r="OK29" s="141">
        <v>6318838</v>
      </c>
      <c r="OL29" s="118">
        <v>0</v>
      </c>
      <c r="OM29" s="119">
        <v>33584678</v>
      </c>
      <c r="ON29" s="119">
        <v>34056200</v>
      </c>
      <c r="OO29" s="119">
        <v>45033096</v>
      </c>
      <c r="OP29" s="119">
        <v>60502083</v>
      </c>
      <c r="OQ29" s="119">
        <v>41780166</v>
      </c>
      <c r="OR29" s="120">
        <v>214956223</v>
      </c>
      <c r="OS29" s="143">
        <v>221275061</v>
      </c>
    </row>
    <row r="30" spans="2:409" ht="21" customHeight="1" x14ac:dyDescent="0.2">
      <c r="B30" s="62" t="s">
        <v>25</v>
      </c>
      <c r="C30" s="110">
        <v>2444769</v>
      </c>
      <c r="D30" s="114">
        <v>4532708</v>
      </c>
      <c r="E30" s="113">
        <v>6977477</v>
      </c>
      <c r="F30" s="109">
        <v>0</v>
      </c>
      <c r="G30" s="114">
        <v>26538570</v>
      </c>
      <c r="H30" s="114">
        <v>31228490</v>
      </c>
      <c r="I30" s="114">
        <v>25757392</v>
      </c>
      <c r="J30" s="114">
        <v>28747826</v>
      </c>
      <c r="K30" s="114">
        <v>17344388</v>
      </c>
      <c r="L30" s="173">
        <v>129616666</v>
      </c>
      <c r="M30" s="116">
        <v>136594143</v>
      </c>
      <c r="N30" s="110">
        <v>621745</v>
      </c>
      <c r="O30" s="114">
        <v>1463483</v>
      </c>
      <c r="P30" s="113">
        <v>2085228</v>
      </c>
      <c r="Q30" s="110">
        <v>0</v>
      </c>
      <c r="R30" s="114">
        <v>7735677</v>
      </c>
      <c r="S30" s="114">
        <v>9672589</v>
      </c>
      <c r="T30" s="114">
        <v>8236483</v>
      </c>
      <c r="U30" s="114">
        <v>9669680</v>
      </c>
      <c r="V30" s="114">
        <v>10757806</v>
      </c>
      <c r="W30" s="113">
        <v>46072235</v>
      </c>
      <c r="X30" s="116">
        <v>48157463</v>
      </c>
      <c r="Y30" s="110">
        <v>0</v>
      </c>
      <c r="Z30" s="114">
        <v>0</v>
      </c>
      <c r="AA30" s="113">
        <v>0</v>
      </c>
      <c r="AB30" s="110">
        <v>0</v>
      </c>
      <c r="AC30" s="114">
        <v>3872051</v>
      </c>
      <c r="AD30" s="114">
        <v>4475636</v>
      </c>
      <c r="AE30" s="114">
        <v>4691779</v>
      </c>
      <c r="AF30" s="114">
        <v>5941726</v>
      </c>
      <c r="AG30" s="114">
        <v>6780504</v>
      </c>
      <c r="AH30" s="113">
        <v>25761696</v>
      </c>
      <c r="AI30" s="116">
        <v>25761696</v>
      </c>
      <c r="AJ30" s="110">
        <v>0</v>
      </c>
      <c r="AK30" s="114">
        <v>0</v>
      </c>
      <c r="AL30" s="113">
        <v>0</v>
      </c>
      <c r="AM30" s="110">
        <v>0</v>
      </c>
      <c r="AN30" s="114">
        <v>178451</v>
      </c>
      <c r="AO30" s="114">
        <v>494842</v>
      </c>
      <c r="AP30" s="114">
        <v>650318</v>
      </c>
      <c r="AQ30" s="114">
        <v>1274766</v>
      </c>
      <c r="AR30" s="114">
        <v>1482544</v>
      </c>
      <c r="AS30" s="113">
        <v>4080921</v>
      </c>
      <c r="AT30" s="116">
        <v>4080921</v>
      </c>
      <c r="AU30" s="110">
        <v>474926</v>
      </c>
      <c r="AV30" s="114">
        <v>1137773</v>
      </c>
      <c r="AW30" s="113">
        <v>1612699</v>
      </c>
      <c r="AX30" s="110">
        <v>0</v>
      </c>
      <c r="AY30" s="114">
        <v>2811177</v>
      </c>
      <c r="AZ30" s="114">
        <v>3120543</v>
      </c>
      <c r="BA30" s="114">
        <v>1660760</v>
      </c>
      <c r="BB30" s="114">
        <v>1345890</v>
      </c>
      <c r="BC30" s="114">
        <v>1529766</v>
      </c>
      <c r="BD30" s="113">
        <v>10468136</v>
      </c>
      <c r="BE30" s="116">
        <v>12080835</v>
      </c>
      <c r="BF30" s="110">
        <v>11697</v>
      </c>
      <c r="BG30" s="114">
        <v>192702</v>
      </c>
      <c r="BH30" s="112">
        <v>204399</v>
      </c>
      <c r="BI30" s="111">
        <v>0</v>
      </c>
      <c r="BJ30" s="114">
        <v>64034</v>
      </c>
      <c r="BK30" s="114">
        <v>472113</v>
      </c>
      <c r="BL30" s="114">
        <v>419033</v>
      </c>
      <c r="BM30" s="114">
        <v>103492</v>
      </c>
      <c r="BN30" s="114">
        <v>170184</v>
      </c>
      <c r="BO30" s="113">
        <v>1228856</v>
      </c>
      <c r="BP30" s="116">
        <v>1433255</v>
      </c>
      <c r="BQ30" s="110">
        <v>135122</v>
      </c>
      <c r="BR30" s="114">
        <v>133008</v>
      </c>
      <c r="BS30" s="113">
        <v>268130</v>
      </c>
      <c r="BT30" s="110">
        <v>0</v>
      </c>
      <c r="BU30" s="114">
        <v>809964</v>
      </c>
      <c r="BV30" s="114">
        <v>1109455</v>
      </c>
      <c r="BW30" s="114">
        <v>814593</v>
      </c>
      <c r="BX30" s="114">
        <v>1003806</v>
      </c>
      <c r="BY30" s="114">
        <v>794808</v>
      </c>
      <c r="BZ30" s="113">
        <v>4532626</v>
      </c>
      <c r="CA30" s="116">
        <v>4800756</v>
      </c>
      <c r="CB30" s="110">
        <v>254398</v>
      </c>
      <c r="CC30" s="114">
        <v>684147</v>
      </c>
      <c r="CD30" s="113">
        <v>938545</v>
      </c>
      <c r="CE30" s="110">
        <v>0</v>
      </c>
      <c r="CF30" s="114">
        <v>9524557</v>
      </c>
      <c r="CG30" s="114">
        <v>10348797</v>
      </c>
      <c r="CH30" s="114">
        <v>7368415</v>
      </c>
      <c r="CI30" s="114">
        <v>6833123</v>
      </c>
      <c r="CJ30" s="114">
        <v>955899</v>
      </c>
      <c r="CK30" s="113">
        <v>35030791</v>
      </c>
      <c r="CL30" s="116">
        <v>35969336</v>
      </c>
      <c r="CM30" s="110">
        <v>0</v>
      </c>
      <c r="CN30" s="114">
        <v>0</v>
      </c>
      <c r="CO30" s="113">
        <v>0</v>
      </c>
      <c r="CP30" s="111">
        <v>0</v>
      </c>
      <c r="CQ30" s="114">
        <v>7416773</v>
      </c>
      <c r="CR30" s="114">
        <v>6455044</v>
      </c>
      <c r="CS30" s="114">
        <v>5662123</v>
      </c>
      <c r="CT30" s="114">
        <v>5415859</v>
      </c>
      <c r="CU30" s="114">
        <v>580074</v>
      </c>
      <c r="CV30" s="113">
        <v>25529873</v>
      </c>
      <c r="CW30" s="116">
        <v>25529873</v>
      </c>
      <c r="CX30" s="110">
        <v>254398</v>
      </c>
      <c r="CY30" s="114">
        <v>684147</v>
      </c>
      <c r="CZ30" s="113">
        <v>938545</v>
      </c>
      <c r="DA30" s="110">
        <v>0</v>
      </c>
      <c r="DB30" s="114">
        <v>2107784</v>
      </c>
      <c r="DC30" s="114">
        <v>3893753</v>
      </c>
      <c r="DD30" s="114">
        <v>1706292</v>
      </c>
      <c r="DE30" s="114">
        <v>1417264</v>
      </c>
      <c r="DF30" s="114">
        <v>375825</v>
      </c>
      <c r="DG30" s="113">
        <v>9500918</v>
      </c>
      <c r="DH30" s="116">
        <v>10439463</v>
      </c>
      <c r="DI30" s="110">
        <v>0</v>
      </c>
      <c r="DJ30" s="114">
        <v>78938</v>
      </c>
      <c r="DK30" s="112">
        <v>78938</v>
      </c>
      <c r="DL30" s="111">
        <v>0</v>
      </c>
      <c r="DM30" s="114">
        <v>1104883</v>
      </c>
      <c r="DN30" s="114">
        <v>1837811</v>
      </c>
      <c r="DO30" s="114">
        <v>2309380</v>
      </c>
      <c r="DP30" s="114">
        <v>2551910</v>
      </c>
      <c r="DQ30" s="114">
        <v>547072</v>
      </c>
      <c r="DR30" s="113">
        <v>8351056</v>
      </c>
      <c r="DS30" s="116">
        <v>8429994</v>
      </c>
      <c r="DT30" s="110">
        <v>0</v>
      </c>
      <c r="DU30" s="114">
        <v>78938</v>
      </c>
      <c r="DV30" s="113">
        <v>78938</v>
      </c>
      <c r="DW30" s="110">
        <v>0</v>
      </c>
      <c r="DX30" s="114">
        <v>694232</v>
      </c>
      <c r="DY30" s="114">
        <v>1234641</v>
      </c>
      <c r="DZ30" s="114">
        <v>2179460</v>
      </c>
      <c r="EA30" s="114">
        <v>1369294</v>
      </c>
      <c r="EB30" s="114">
        <v>317917</v>
      </c>
      <c r="EC30" s="113">
        <v>5795544</v>
      </c>
      <c r="ED30" s="116">
        <v>5874482</v>
      </c>
      <c r="EE30" s="110">
        <v>0</v>
      </c>
      <c r="EF30" s="112">
        <v>0</v>
      </c>
      <c r="EG30" s="113">
        <v>0</v>
      </c>
      <c r="EH30" s="110">
        <v>0</v>
      </c>
      <c r="EI30" s="114">
        <v>410651</v>
      </c>
      <c r="EJ30" s="114">
        <v>603170</v>
      </c>
      <c r="EK30" s="114">
        <v>129920</v>
      </c>
      <c r="EL30" s="114">
        <v>1182616</v>
      </c>
      <c r="EM30" s="114">
        <v>229155</v>
      </c>
      <c r="EN30" s="112">
        <v>2555512</v>
      </c>
      <c r="EO30" s="116">
        <v>2555512</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5"/>
      <c r="FE30" s="114">
        <v>0</v>
      </c>
      <c r="FF30" s="114">
        <v>0</v>
      </c>
      <c r="FG30" s="114">
        <v>0</v>
      </c>
      <c r="FH30" s="114">
        <v>0</v>
      </c>
      <c r="FI30" s="114">
        <v>0</v>
      </c>
      <c r="FJ30" s="113">
        <v>0</v>
      </c>
      <c r="FK30" s="116">
        <v>0</v>
      </c>
      <c r="FL30" s="110">
        <v>812045</v>
      </c>
      <c r="FM30" s="114">
        <v>1209224</v>
      </c>
      <c r="FN30" s="113">
        <v>2021269</v>
      </c>
      <c r="FO30" s="110">
        <v>0</v>
      </c>
      <c r="FP30" s="114">
        <v>1037521</v>
      </c>
      <c r="FQ30" s="114">
        <v>3246009</v>
      </c>
      <c r="FR30" s="114">
        <v>2296383</v>
      </c>
      <c r="FS30" s="114">
        <v>2508064</v>
      </c>
      <c r="FT30" s="114">
        <v>1096687</v>
      </c>
      <c r="FU30" s="113">
        <v>10184664</v>
      </c>
      <c r="FV30" s="116">
        <v>12205933</v>
      </c>
      <c r="FW30" s="115">
        <v>467165</v>
      </c>
      <c r="FX30" s="114">
        <v>836845</v>
      </c>
      <c r="FY30" s="112">
        <v>1304010</v>
      </c>
      <c r="FZ30" s="111">
        <v>0</v>
      </c>
      <c r="GA30" s="114">
        <v>825841</v>
      </c>
      <c r="GB30" s="114">
        <v>2968582</v>
      </c>
      <c r="GC30" s="114">
        <v>2067978</v>
      </c>
      <c r="GD30" s="114">
        <v>2266504</v>
      </c>
      <c r="GE30" s="114">
        <v>1076887</v>
      </c>
      <c r="GF30" s="113">
        <v>9205792</v>
      </c>
      <c r="GG30" s="316">
        <v>10509802</v>
      </c>
      <c r="GH30" s="115">
        <v>51480</v>
      </c>
      <c r="GI30" s="114">
        <v>192379</v>
      </c>
      <c r="GJ30" s="112">
        <v>243859</v>
      </c>
      <c r="GK30" s="111">
        <v>0</v>
      </c>
      <c r="GL30" s="114">
        <v>31680</v>
      </c>
      <c r="GM30" s="114">
        <v>51777</v>
      </c>
      <c r="GN30" s="114">
        <v>0</v>
      </c>
      <c r="GO30" s="114">
        <v>213660</v>
      </c>
      <c r="GP30" s="114">
        <v>19800</v>
      </c>
      <c r="GQ30" s="113">
        <v>316917</v>
      </c>
      <c r="GR30" s="116">
        <v>560776</v>
      </c>
      <c r="GS30" s="110">
        <v>293400</v>
      </c>
      <c r="GT30" s="114">
        <v>180000</v>
      </c>
      <c r="GU30" s="113">
        <v>473400</v>
      </c>
      <c r="GV30" s="110">
        <v>0</v>
      </c>
      <c r="GW30" s="114">
        <v>180000</v>
      </c>
      <c r="GX30" s="114">
        <v>225650</v>
      </c>
      <c r="GY30" s="114">
        <v>228405</v>
      </c>
      <c r="GZ30" s="114">
        <v>27900</v>
      </c>
      <c r="HA30" s="114">
        <v>0</v>
      </c>
      <c r="HB30" s="112">
        <v>661955</v>
      </c>
      <c r="HC30" s="116">
        <v>1135355</v>
      </c>
      <c r="HD30" s="110">
        <v>243557</v>
      </c>
      <c r="HE30" s="114">
        <v>288674</v>
      </c>
      <c r="HF30" s="112">
        <v>532231</v>
      </c>
      <c r="HG30" s="111">
        <v>0</v>
      </c>
      <c r="HH30" s="114">
        <v>2345277</v>
      </c>
      <c r="HI30" s="114">
        <v>2296481</v>
      </c>
      <c r="HJ30" s="114">
        <v>2849449</v>
      </c>
      <c r="HK30" s="114">
        <v>5107021</v>
      </c>
      <c r="HL30" s="114">
        <v>2956278</v>
      </c>
      <c r="HM30" s="113">
        <v>15554506</v>
      </c>
      <c r="HN30" s="109">
        <v>16086737</v>
      </c>
      <c r="HO30" s="115">
        <v>513024</v>
      </c>
      <c r="HP30" s="114">
        <v>808242</v>
      </c>
      <c r="HQ30" s="113">
        <v>1321266</v>
      </c>
      <c r="HR30" s="110">
        <v>0</v>
      </c>
      <c r="HS30" s="114">
        <v>4790655</v>
      </c>
      <c r="HT30" s="114">
        <v>3826803</v>
      </c>
      <c r="HU30" s="114">
        <v>2697282</v>
      </c>
      <c r="HV30" s="114">
        <v>2078028</v>
      </c>
      <c r="HW30" s="114">
        <v>1030646</v>
      </c>
      <c r="HX30" s="112">
        <v>14423414</v>
      </c>
      <c r="HY30" s="116">
        <v>15744680</v>
      </c>
      <c r="HZ30" s="150">
        <v>87720</v>
      </c>
      <c r="IA30" s="135">
        <v>0</v>
      </c>
      <c r="IB30" s="150">
        <v>87720</v>
      </c>
      <c r="IC30" s="134">
        <v>0</v>
      </c>
      <c r="ID30" s="135">
        <v>6387283</v>
      </c>
      <c r="IE30" s="136">
        <v>4911736</v>
      </c>
      <c r="IF30" s="137">
        <v>4280437</v>
      </c>
      <c r="IG30" s="135">
        <v>2615908</v>
      </c>
      <c r="IH30" s="137">
        <v>54539</v>
      </c>
      <c r="II30" s="138">
        <v>18249903</v>
      </c>
      <c r="IJ30" s="150">
        <v>18337623</v>
      </c>
      <c r="IK30" s="232">
        <v>0</v>
      </c>
      <c r="IL30" s="236">
        <v>0</v>
      </c>
      <c r="IM30" s="237">
        <v>0</v>
      </c>
      <c r="IN30" s="140"/>
      <c r="IO30" s="119">
        <v>0</v>
      </c>
      <c r="IP30" s="119">
        <v>0</v>
      </c>
      <c r="IQ30" s="119">
        <v>0</v>
      </c>
      <c r="IR30" s="119">
        <v>0</v>
      </c>
      <c r="IS30" s="119">
        <v>0</v>
      </c>
      <c r="IT30" s="141">
        <v>0</v>
      </c>
      <c r="IU30" s="318">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304475</v>
      </c>
      <c r="JL30" s="119">
        <v>1730810</v>
      </c>
      <c r="JM30" s="119">
        <v>1581468</v>
      </c>
      <c r="JN30" s="119">
        <v>428884</v>
      </c>
      <c r="JO30" s="119">
        <v>54539</v>
      </c>
      <c r="JP30" s="120">
        <v>8100176</v>
      </c>
      <c r="JQ30" s="318">
        <v>8100176</v>
      </c>
      <c r="JR30" s="142">
        <v>0</v>
      </c>
      <c r="JS30" s="119">
        <v>0</v>
      </c>
      <c r="JT30" s="141">
        <v>0</v>
      </c>
      <c r="JU30" s="118">
        <v>0</v>
      </c>
      <c r="JV30" s="119">
        <v>0</v>
      </c>
      <c r="JW30" s="119">
        <v>0</v>
      </c>
      <c r="JX30" s="119">
        <v>0</v>
      </c>
      <c r="JY30" s="119">
        <v>0</v>
      </c>
      <c r="JZ30" s="119">
        <v>0</v>
      </c>
      <c r="KA30" s="120">
        <v>0</v>
      </c>
      <c r="KB30" s="318">
        <v>0</v>
      </c>
      <c r="KC30" s="234">
        <v>87720</v>
      </c>
      <c r="KD30" s="230">
        <v>0</v>
      </c>
      <c r="KE30" s="120">
        <v>87720</v>
      </c>
      <c r="KF30" s="118">
        <v>0</v>
      </c>
      <c r="KG30" s="119">
        <v>358566</v>
      </c>
      <c r="KH30" s="119">
        <v>1053732</v>
      </c>
      <c r="KI30" s="119">
        <v>243621</v>
      </c>
      <c r="KJ30" s="119">
        <v>523248</v>
      </c>
      <c r="KK30" s="119">
        <v>0</v>
      </c>
      <c r="KL30" s="120">
        <v>2179167</v>
      </c>
      <c r="KM30" s="143">
        <v>2266887</v>
      </c>
      <c r="KN30" s="232">
        <v>0</v>
      </c>
      <c r="KO30" s="236">
        <v>0</v>
      </c>
      <c r="KP30" s="237">
        <v>0</v>
      </c>
      <c r="KQ30" s="140"/>
      <c r="KR30" s="119">
        <v>1724242</v>
      </c>
      <c r="KS30" s="119">
        <v>2127194</v>
      </c>
      <c r="KT30" s="119">
        <v>2455348</v>
      </c>
      <c r="KU30" s="119">
        <v>1663776</v>
      </c>
      <c r="KV30" s="119">
        <v>0</v>
      </c>
      <c r="KW30" s="120">
        <v>7970560</v>
      </c>
      <c r="KX30" s="318">
        <v>797056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18">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3353988</v>
      </c>
      <c r="MK30" s="119">
        <v>5839602</v>
      </c>
      <c r="ML30" s="119">
        <v>19275987</v>
      </c>
      <c r="MM30" s="119">
        <v>37080338</v>
      </c>
      <c r="MN30" s="119">
        <v>20955255</v>
      </c>
      <c r="MO30" s="120">
        <v>86505170</v>
      </c>
      <c r="MP30" s="143">
        <v>86505170</v>
      </c>
      <c r="MQ30" s="142">
        <v>0</v>
      </c>
      <c r="MR30" s="119">
        <v>0</v>
      </c>
      <c r="MS30" s="120">
        <v>0</v>
      </c>
      <c r="MT30" s="145"/>
      <c r="MU30" s="119">
        <v>212454</v>
      </c>
      <c r="MV30" s="119">
        <v>1629415</v>
      </c>
      <c r="MW30" s="119">
        <v>14847741</v>
      </c>
      <c r="MX30" s="119">
        <v>19618934</v>
      </c>
      <c r="MY30" s="119">
        <v>15426554</v>
      </c>
      <c r="MZ30" s="120">
        <v>51735098</v>
      </c>
      <c r="NA30" s="143">
        <v>51735098</v>
      </c>
      <c r="NB30" s="142">
        <v>0</v>
      </c>
      <c r="NC30" s="119">
        <v>0</v>
      </c>
      <c r="ND30" s="120">
        <v>0</v>
      </c>
      <c r="NE30" s="145"/>
      <c r="NF30" s="119">
        <v>3141534</v>
      </c>
      <c r="NG30" s="119">
        <v>4210187</v>
      </c>
      <c r="NH30" s="119">
        <v>4428246</v>
      </c>
      <c r="NI30" s="119">
        <v>16771859</v>
      </c>
      <c r="NJ30" s="119">
        <v>4698653</v>
      </c>
      <c r="NK30" s="120">
        <v>33250479</v>
      </c>
      <c r="NL30" s="318">
        <v>33250479</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689545</v>
      </c>
      <c r="OF30" s="119">
        <v>830048</v>
      </c>
      <c r="OG30" s="120">
        <v>1519593</v>
      </c>
      <c r="OH30" s="121">
        <v>1519593</v>
      </c>
      <c r="OI30" s="142">
        <v>2532489</v>
      </c>
      <c r="OJ30" s="119">
        <v>4532708</v>
      </c>
      <c r="OK30" s="141">
        <v>7065197</v>
      </c>
      <c r="OL30" s="118">
        <v>0</v>
      </c>
      <c r="OM30" s="119">
        <v>36279841</v>
      </c>
      <c r="ON30" s="119">
        <v>41979828</v>
      </c>
      <c r="OO30" s="119">
        <v>49313816</v>
      </c>
      <c r="OP30" s="119">
        <v>68444072</v>
      </c>
      <c r="OQ30" s="119">
        <v>38354182</v>
      </c>
      <c r="OR30" s="120">
        <v>234371739</v>
      </c>
      <c r="OS30" s="143">
        <v>241436936</v>
      </c>
    </row>
    <row r="31" spans="2:409" ht="21" customHeight="1" x14ac:dyDescent="0.2">
      <c r="B31" s="62" t="s">
        <v>26</v>
      </c>
      <c r="C31" s="110">
        <v>1697331</v>
      </c>
      <c r="D31" s="114">
        <v>2553207</v>
      </c>
      <c r="E31" s="113">
        <v>4250538</v>
      </c>
      <c r="F31" s="109">
        <v>0</v>
      </c>
      <c r="G31" s="114">
        <v>23679493</v>
      </c>
      <c r="H31" s="114">
        <v>26027934</v>
      </c>
      <c r="I31" s="114">
        <v>23188895</v>
      </c>
      <c r="J31" s="114">
        <v>19305842</v>
      </c>
      <c r="K31" s="114">
        <v>17245841</v>
      </c>
      <c r="L31" s="173">
        <v>109448005</v>
      </c>
      <c r="M31" s="116">
        <v>113698543</v>
      </c>
      <c r="N31" s="110">
        <v>460179</v>
      </c>
      <c r="O31" s="114">
        <v>565364</v>
      </c>
      <c r="P31" s="113">
        <v>1025543</v>
      </c>
      <c r="Q31" s="110">
        <v>0</v>
      </c>
      <c r="R31" s="114">
        <v>5994047</v>
      </c>
      <c r="S31" s="114">
        <v>7558191</v>
      </c>
      <c r="T31" s="114">
        <v>7604000</v>
      </c>
      <c r="U31" s="114">
        <v>7698602</v>
      </c>
      <c r="V31" s="114">
        <v>9417676</v>
      </c>
      <c r="W31" s="113">
        <v>38272516</v>
      </c>
      <c r="X31" s="116">
        <v>39298059</v>
      </c>
      <c r="Y31" s="110">
        <v>0</v>
      </c>
      <c r="Z31" s="114">
        <v>0</v>
      </c>
      <c r="AA31" s="113">
        <v>0</v>
      </c>
      <c r="AB31" s="110">
        <v>0</v>
      </c>
      <c r="AC31" s="114">
        <v>2982464</v>
      </c>
      <c r="AD31" s="114">
        <v>4093409</v>
      </c>
      <c r="AE31" s="114">
        <v>4491952</v>
      </c>
      <c r="AF31" s="114">
        <v>4371275</v>
      </c>
      <c r="AG31" s="114">
        <v>6006948</v>
      </c>
      <c r="AH31" s="113">
        <v>21946048</v>
      </c>
      <c r="AI31" s="116">
        <v>21946048</v>
      </c>
      <c r="AJ31" s="110">
        <v>0</v>
      </c>
      <c r="AK31" s="114">
        <v>0</v>
      </c>
      <c r="AL31" s="113">
        <v>0</v>
      </c>
      <c r="AM31" s="110">
        <v>0</v>
      </c>
      <c r="AN31" s="114">
        <v>0</v>
      </c>
      <c r="AO31" s="114">
        <v>26308</v>
      </c>
      <c r="AP31" s="114">
        <v>105216</v>
      </c>
      <c r="AQ31" s="114">
        <v>597303</v>
      </c>
      <c r="AR31" s="114">
        <v>867246</v>
      </c>
      <c r="AS31" s="113">
        <v>1596073</v>
      </c>
      <c r="AT31" s="116">
        <v>1596073</v>
      </c>
      <c r="AU31" s="110">
        <v>313683</v>
      </c>
      <c r="AV31" s="114">
        <v>470090</v>
      </c>
      <c r="AW31" s="113">
        <v>783773</v>
      </c>
      <c r="AX31" s="110">
        <v>0</v>
      </c>
      <c r="AY31" s="114">
        <v>2001990</v>
      </c>
      <c r="AZ31" s="114">
        <v>2420201</v>
      </c>
      <c r="BA31" s="114">
        <v>1597978</v>
      </c>
      <c r="BB31" s="114">
        <v>1871617</v>
      </c>
      <c r="BC31" s="114">
        <v>1776208</v>
      </c>
      <c r="BD31" s="113">
        <v>9667994</v>
      </c>
      <c r="BE31" s="116">
        <v>10451767</v>
      </c>
      <c r="BF31" s="110">
        <v>0</v>
      </c>
      <c r="BG31" s="114">
        <v>0</v>
      </c>
      <c r="BH31" s="112">
        <v>0</v>
      </c>
      <c r="BI31" s="111">
        <v>0</v>
      </c>
      <c r="BJ31" s="114">
        <v>26505</v>
      </c>
      <c r="BK31" s="114">
        <v>191193</v>
      </c>
      <c r="BL31" s="114">
        <v>287597</v>
      </c>
      <c r="BM31" s="114">
        <v>114569</v>
      </c>
      <c r="BN31" s="114">
        <v>108585</v>
      </c>
      <c r="BO31" s="113">
        <v>728449</v>
      </c>
      <c r="BP31" s="116">
        <v>728449</v>
      </c>
      <c r="BQ31" s="110">
        <v>146496</v>
      </c>
      <c r="BR31" s="114">
        <v>95274</v>
      </c>
      <c r="BS31" s="113">
        <v>241770</v>
      </c>
      <c r="BT31" s="110">
        <v>0</v>
      </c>
      <c r="BU31" s="114">
        <v>983088</v>
      </c>
      <c r="BV31" s="114">
        <v>827080</v>
      </c>
      <c r="BW31" s="114">
        <v>1121257</v>
      </c>
      <c r="BX31" s="114">
        <v>743838</v>
      </c>
      <c r="BY31" s="114">
        <v>658689</v>
      </c>
      <c r="BZ31" s="113">
        <v>4333952</v>
      </c>
      <c r="CA31" s="116">
        <v>4575722</v>
      </c>
      <c r="CB31" s="110">
        <v>132774</v>
      </c>
      <c r="CC31" s="114">
        <v>202705</v>
      </c>
      <c r="CD31" s="113">
        <v>335479</v>
      </c>
      <c r="CE31" s="110">
        <v>0</v>
      </c>
      <c r="CF31" s="114">
        <v>6875191</v>
      </c>
      <c r="CG31" s="114">
        <v>7837364</v>
      </c>
      <c r="CH31" s="114">
        <v>4961074</v>
      </c>
      <c r="CI31" s="114">
        <v>3229118</v>
      </c>
      <c r="CJ31" s="114">
        <v>2166057</v>
      </c>
      <c r="CK31" s="113">
        <v>25068804</v>
      </c>
      <c r="CL31" s="116">
        <v>25404283</v>
      </c>
      <c r="CM31" s="110">
        <v>0</v>
      </c>
      <c r="CN31" s="114">
        <v>0</v>
      </c>
      <c r="CO31" s="113">
        <v>0</v>
      </c>
      <c r="CP31" s="111">
        <v>0</v>
      </c>
      <c r="CQ31" s="114">
        <v>5980536</v>
      </c>
      <c r="CR31" s="114">
        <v>5943825</v>
      </c>
      <c r="CS31" s="114">
        <v>3834632</v>
      </c>
      <c r="CT31" s="114">
        <v>2520650</v>
      </c>
      <c r="CU31" s="114">
        <v>1702057</v>
      </c>
      <c r="CV31" s="113">
        <v>19981700</v>
      </c>
      <c r="CW31" s="116">
        <v>19981700</v>
      </c>
      <c r="CX31" s="110">
        <v>132774</v>
      </c>
      <c r="CY31" s="114">
        <v>202705</v>
      </c>
      <c r="CZ31" s="113">
        <v>335479</v>
      </c>
      <c r="DA31" s="110">
        <v>0</v>
      </c>
      <c r="DB31" s="114">
        <v>894655</v>
      </c>
      <c r="DC31" s="114">
        <v>1893539</v>
      </c>
      <c r="DD31" s="114">
        <v>1126442</v>
      </c>
      <c r="DE31" s="114">
        <v>708468</v>
      </c>
      <c r="DF31" s="114">
        <v>464000</v>
      </c>
      <c r="DG31" s="113">
        <v>5087104</v>
      </c>
      <c r="DH31" s="116">
        <v>5422583</v>
      </c>
      <c r="DI31" s="110">
        <v>20349</v>
      </c>
      <c r="DJ31" s="114">
        <v>118022</v>
      </c>
      <c r="DK31" s="112">
        <v>138371</v>
      </c>
      <c r="DL31" s="111">
        <v>0</v>
      </c>
      <c r="DM31" s="114">
        <v>1124210</v>
      </c>
      <c r="DN31" s="114">
        <v>1308407</v>
      </c>
      <c r="DO31" s="114">
        <v>1428028</v>
      </c>
      <c r="DP31" s="114">
        <v>2555394</v>
      </c>
      <c r="DQ31" s="114">
        <v>885095</v>
      </c>
      <c r="DR31" s="113">
        <v>7301134</v>
      </c>
      <c r="DS31" s="116">
        <v>7439505</v>
      </c>
      <c r="DT31" s="110">
        <v>20349</v>
      </c>
      <c r="DU31" s="114">
        <v>118022</v>
      </c>
      <c r="DV31" s="113">
        <v>138371</v>
      </c>
      <c r="DW31" s="110">
        <v>0</v>
      </c>
      <c r="DX31" s="114">
        <v>1050452</v>
      </c>
      <c r="DY31" s="114">
        <v>1198140</v>
      </c>
      <c r="DZ31" s="114">
        <v>1274013</v>
      </c>
      <c r="EA31" s="114">
        <v>2351136</v>
      </c>
      <c r="EB31" s="114">
        <v>885095</v>
      </c>
      <c r="EC31" s="113">
        <v>6758836</v>
      </c>
      <c r="ED31" s="116">
        <v>6897207</v>
      </c>
      <c r="EE31" s="110">
        <v>0</v>
      </c>
      <c r="EF31" s="112">
        <v>0</v>
      </c>
      <c r="EG31" s="113">
        <v>0</v>
      </c>
      <c r="EH31" s="110">
        <v>0</v>
      </c>
      <c r="EI31" s="114">
        <v>73758</v>
      </c>
      <c r="EJ31" s="114">
        <v>110267</v>
      </c>
      <c r="EK31" s="114">
        <v>154015</v>
      </c>
      <c r="EL31" s="114">
        <v>204258</v>
      </c>
      <c r="EM31" s="114">
        <v>0</v>
      </c>
      <c r="EN31" s="112">
        <v>542298</v>
      </c>
      <c r="EO31" s="116">
        <v>542298</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5"/>
      <c r="FE31" s="114">
        <v>0</v>
      </c>
      <c r="FF31" s="114">
        <v>0</v>
      </c>
      <c r="FG31" s="114">
        <v>0</v>
      </c>
      <c r="FH31" s="114">
        <v>0</v>
      </c>
      <c r="FI31" s="114">
        <v>0</v>
      </c>
      <c r="FJ31" s="113">
        <v>0</v>
      </c>
      <c r="FK31" s="116">
        <v>0</v>
      </c>
      <c r="FL31" s="110">
        <v>245240</v>
      </c>
      <c r="FM31" s="114">
        <v>717505</v>
      </c>
      <c r="FN31" s="113">
        <v>962745</v>
      </c>
      <c r="FO31" s="110">
        <v>0</v>
      </c>
      <c r="FP31" s="114">
        <v>1143705</v>
      </c>
      <c r="FQ31" s="114">
        <v>2662476</v>
      </c>
      <c r="FR31" s="114">
        <v>1814859</v>
      </c>
      <c r="FS31" s="114">
        <v>1768405</v>
      </c>
      <c r="FT31" s="114">
        <v>1561943</v>
      </c>
      <c r="FU31" s="113">
        <v>8951388</v>
      </c>
      <c r="FV31" s="116">
        <v>9914133</v>
      </c>
      <c r="FW31" s="115">
        <v>245240</v>
      </c>
      <c r="FX31" s="114">
        <v>486349</v>
      </c>
      <c r="FY31" s="112">
        <v>731589</v>
      </c>
      <c r="FZ31" s="111">
        <v>0</v>
      </c>
      <c r="GA31" s="114">
        <v>1062550</v>
      </c>
      <c r="GB31" s="114">
        <v>2337528</v>
      </c>
      <c r="GC31" s="114">
        <v>1645026</v>
      </c>
      <c r="GD31" s="114">
        <v>1652773</v>
      </c>
      <c r="GE31" s="114">
        <v>1561943</v>
      </c>
      <c r="GF31" s="113">
        <v>8259820</v>
      </c>
      <c r="GG31" s="316">
        <v>8991409</v>
      </c>
      <c r="GH31" s="115">
        <v>0</v>
      </c>
      <c r="GI31" s="114">
        <v>20592</v>
      </c>
      <c r="GJ31" s="112">
        <v>20592</v>
      </c>
      <c r="GK31" s="111">
        <v>0</v>
      </c>
      <c r="GL31" s="114">
        <v>81155</v>
      </c>
      <c r="GM31" s="114">
        <v>89408</v>
      </c>
      <c r="GN31" s="114">
        <v>23601</v>
      </c>
      <c r="GO31" s="114">
        <v>12672</v>
      </c>
      <c r="GP31" s="114">
        <v>0</v>
      </c>
      <c r="GQ31" s="113">
        <v>206836</v>
      </c>
      <c r="GR31" s="116">
        <v>227428</v>
      </c>
      <c r="GS31" s="110">
        <v>0</v>
      </c>
      <c r="GT31" s="114">
        <v>210564</v>
      </c>
      <c r="GU31" s="113">
        <v>210564</v>
      </c>
      <c r="GV31" s="110">
        <v>0</v>
      </c>
      <c r="GW31" s="114">
        <v>0</v>
      </c>
      <c r="GX31" s="114">
        <v>235540</v>
      </c>
      <c r="GY31" s="114">
        <v>146232</v>
      </c>
      <c r="GZ31" s="114">
        <v>102960</v>
      </c>
      <c r="HA31" s="114">
        <v>0</v>
      </c>
      <c r="HB31" s="112">
        <v>484732</v>
      </c>
      <c r="HC31" s="116">
        <v>695296</v>
      </c>
      <c r="HD31" s="110">
        <v>506875</v>
      </c>
      <c r="HE31" s="114">
        <v>470936</v>
      </c>
      <c r="HF31" s="112">
        <v>977811</v>
      </c>
      <c r="HG31" s="111">
        <v>0</v>
      </c>
      <c r="HH31" s="114">
        <v>4313648</v>
      </c>
      <c r="HI31" s="114">
        <v>3100576</v>
      </c>
      <c r="HJ31" s="114">
        <v>4853169</v>
      </c>
      <c r="HK31" s="114">
        <v>2353546</v>
      </c>
      <c r="HL31" s="114">
        <v>2003047</v>
      </c>
      <c r="HM31" s="113">
        <v>16623986</v>
      </c>
      <c r="HN31" s="109">
        <v>17601797</v>
      </c>
      <c r="HO31" s="115">
        <v>331914</v>
      </c>
      <c r="HP31" s="114">
        <v>478675</v>
      </c>
      <c r="HQ31" s="113">
        <v>810589</v>
      </c>
      <c r="HR31" s="110">
        <v>0</v>
      </c>
      <c r="HS31" s="114">
        <v>4228692</v>
      </c>
      <c r="HT31" s="114">
        <v>3560920</v>
      </c>
      <c r="HU31" s="114">
        <v>2527765</v>
      </c>
      <c r="HV31" s="114">
        <v>1700777</v>
      </c>
      <c r="HW31" s="114">
        <v>1212023</v>
      </c>
      <c r="HX31" s="112">
        <v>13230177</v>
      </c>
      <c r="HY31" s="116">
        <v>14040766</v>
      </c>
      <c r="HZ31" s="131">
        <v>54693</v>
      </c>
      <c r="IA31" s="132">
        <v>0</v>
      </c>
      <c r="IB31" s="133">
        <v>54693</v>
      </c>
      <c r="IC31" s="146">
        <v>0</v>
      </c>
      <c r="ID31" s="132">
        <v>5870751</v>
      </c>
      <c r="IE31" s="147">
        <v>6943968</v>
      </c>
      <c r="IF31" s="133">
        <v>9059395</v>
      </c>
      <c r="IG31" s="132">
        <v>3493637</v>
      </c>
      <c r="IH31" s="133">
        <v>1892411</v>
      </c>
      <c r="II31" s="148">
        <v>27260162</v>
      </c>
      <c r="IJ31" s="139">
        <v>27314855</v>
      </c>
      <c r="IK31" s="232">
        <v>0</v>
      </c>
      <c r="IL31" s="236">
        <v>0</v>
      </c>
      <c r="IM31" s="237">
        <v>0</v>
      </c>
      <c r="IN31" s="140"/>
      <c r="IO31" s="119">
        <v>0</v>
      </c>
      <c r="IP31" s="119">
        <v>0</v>
      </c>
      <c r="IQ31" s="119">
        <v>0</v>
      </c>
      <c r="IR31" s="119">
        <v>0</v>
      </c>
      <c r="IS31" s="119">
        <v>0</v>
      </c>
      <c r="IT31" s="141">
        <v>0</v>
      </c>
      <c r="IU31" s="318">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150994</v>
      </c>
      <c r="JL31" s="119">
        <v>2695701</v>
      </c>
      <c r="JM31" s="119">
        <v>2631180</v>
      </c>
      <c r="JN31" s="119">
        <v>426894</v>
      </c>
      <c r="JO31" s="119">
        <v>1132699</v>
      </c>
      <c r="JP31" s="120">
        <v>9037468</v>
      </c>
      <c r="JQ31" s="318">
        <v>9037468</v>
      </c>
      <c r="JR31" s="142">
        <v>0</v>
      </c>
      <c r="JS31" s="119">
        <v>0</v>
      </c>
      <c r="JT31" s="141">
        <v>0</v>
      </c>
      <c r="JU31" s="118">
        <v>0</v>
      </c>
      <c r="JV31" s="119">
        <v>160436</v>
      </c>
      <c r="JW31" s="119">
        <v>190250</v>
      </c>
      <c r="JX31" s="119">
        <v>494848</v>
      </c>
      <c r="JY31" s="119">
        <v>464523</v>
      </c>
      <c r="JZ31" s="119">
        <v>113088</v>
      </c>
      <c r="KA31" s="120">
        <v>1423145</v>
      </c>
      <c r="KB31" s="318">
        <v>1423145</v>
      </c>
      <c r="KC31" s="234">
        <v>54693</v>
      </c>
      <c r="KD31" s="230">
        <v>0</v>
      </c>
      <c r="KE31" s="120">
        <v>54693</v>
      </c>
      <c r="KF31" s="118">
        <v>0</v>
      </c>
      <c r="KG31" s="119">
        <v>781157</v>
      </c>
      <c r="KH31" s="119">
        <v>785156</v>
      </c>
      <c r="KI31" s="119">
        <v>1059123</v>
      </c>
      <c r="KJ31" s="119">
        <v>0</v>
      </c>
      <c r="KK31" s="119">
        <v>646624</v>
      </c>
      <c r="KL31" s="120">
        <v>3272060</v>
      </c>
      <c r="KM31" s="143">
        <v>3326753</v>
      </c>
      <c r="KN31" s="232">
        <v>0</v>
      </c>
      <c r="KO31" s="236">
        <v>0</v>
      </c>
      <c r="KP31" s="237">
        <v>0</v>
      </c>
      <c r="KQ31" s="140"/>
      <c r="KR31" s="119">
        <v>2778164</v>
      </c>
      <c r="KS31" s="119">
        <v>3272861</v>
      </c>
      <c r="KT31" s="119">
        <v>4874244</v>
      </c>
      <c r="KU31" s="119">
        <v>2602220</v>
      </c>
      <c r="KV31" s="119">
        <v>0</v>
      </c>
      <c r="KW31" s="120">
        <v>13527489</v>
      </c>
      <c r="KX31" s="318">
        <v>13527489</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18">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2468236</v>
      </c>
      <c r="MK31" s="119">
        <v>8837166</v>
      </c>
      <c r="ML31" s="119">
        <v>15608929</v>
      </c>
      <c r="MM31" s="119">
        <v>24449144</v>
      </c>
      <c r="MN31" s="119">
        <v>17868453</v>
      </c>
      <c r="MO31" s="120">
        <v>69231928</v>
      </c>
      <c r="MP31" s="143">
        <v>69231928</v>
      </c>
      <c r="MQ31" s="142">
        <v>0</v>
      </c>
      <c r="MR31" s="119">
        <v>0</v>
      </c>
      <c r="MS31" s="120">
        <v>0</v>
      </c>
      <c r="MT31" s="145"/>
      <c r="MU31" s="119">
        <v>0</v>
      </c>
      <c r="MV31" s="119">
        <v>2438070</v>
      </c>
      <c r="MW31" s="119">
        <v>9206105</v>
      </c>
      <c r="MX31" s="119">
        <v>19493539</v>
      </c>
      <c r="MY31" s="119">
        <v>12199278</v>
      </c>
      <c r="MZ31" s="120">
        <v>43336992</v>
      </c>
      <c r="NA31" s="143">
        <v>43336992</v>
      </c>
      <c r="NB31" s="142">
        <v>0</v>
      </c>
      <c r="NC31" s="119">
        <v>0</v>
      </c>
      <c r="ND31" s="120">
        <v>0</v>
      </c>
      <c r="NE31" s="145"/>
      <c r="NF31" s="119">
        <v>2468236</v>
      </c>
      <c r="NG31" s="119">
        <v>6399096</v>
      </c>
      <c r="NH31" s="119">
        <v>6052858</v>
      </c>
      <c r="NI31" s="119">
        <v>4955605</v>
      </c>
      <c r="NJ31" s="119">
        <v>4824479</v>
      </c>
      <c r="NK31" s="120">
        <v>24700274</v>
      </c>
      <c r="NL31" s="318">
        <v>24700274</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349966</v>
      </c>
      <c r="OE31" s="119">
        <v>0</v>
      </c>
      <c r="OF31" s="119">
        <v>844696</v>
      </c>
      <c r="OG31" s="120">
        <v>1194662</v>
      </c>
      <c r="OH31" s="121">
        <v>1194662</v>
      </c>
      <c r="OI31" s="142">
        <v>1752024</v>
      </c>
      <c r="OJ31" s="119">
        <v>2553207</v>
      </c>
      <c r="OK31" s="141">
        <v>4305231</v>
      </c>
      <c r="OL31" s="118">
        <v>0</v>
      </c>
      <c r="OM31" s="119">
        <v>32018480</v>
      </c>
      <c r="ON31" s="119">
        <v>41809068</v>
      </c>
      <c r="OO31" s="119">
        <v>47857219</v>
      </c>
      <c r="OP31" s="119">
        <v>47248623</v>
      </c>
      <c r="OQ31" s="119">
        <v>37006705</v>
      </c>
      <c r="OR31" s="120">
        <v>205940095</v>
      </c>
      <c r="OS31" s="143">
        <v>210245326</v>
      </c>
    </row>
    <row r="32" spans="2:409" ht="21" customHeight="1" x14ac:dyDescent="0.2">
      <c r="B32" s="62" t="s">
        <v>27</v>
      </c>
      <c r="C32" s="110">
        <v>2321865</v>
      </c>
      <c r="D32" s="114">
        <v>6120143</v>
      </c>
      <c r="E32" s="113">
        <v>8442008</v>
      </c>
      <c r="F32" s="109">
        <v>0</v>
      </c>
      <c r="G32" s="114">
        <v>22776944</v>
      </c>
      <c r="H32" s="114">
        <v>22617904</v>
      </c>
      <c r="I32" s="114">
        <v>23786742</v>
      </c>
      <c r="J32" s="114">
        <v>21392017</v>
      </c>
      <c r="K32" s="114">
        <v>15351339</v>
      </c>
      <c r="L32" s="173">
        <v>105924946</v>
      </c>
      <c r="M32" s="116">
        <v>114366954</v>
      </c>
      <c r="N32" s="110">
        <v>638052</v>
      </c>
      <c r="O32" s="114">
        <v>1255117</v>
      </c>
      <c r="P32" s="113">
        <v>1893169</v>
      </c>
      <c r="Q32" s="110">
        <v>0</v>
      </c>
      <c r="R32" s="114">
        <v>4320292</v>
      </c>
      <c r="S32" s="114">
        <v>5145358</v>
      </c>
      <c r="T32" s="114">
        <v>5776864</v>
      </c>
      <c r="U32" s="114">
        <v>5649914</v>
      </c>
      <c r="V32" s="114">
        <v>7430807</v>
      </c>
      <c r="W32" s="113">
        <v>28323235</v>
      </c>
      <c r="X32" s="116">
        <v>30216404</v>
      </c>
      <c r="Y32" s="110">
        <v>0</v>
      </c>
      <c r="Z32" s="114">
        <v>0</v>
      </c>
      <c r="AA32" s="113">
        <v>0</v>
      </c>
      <c r="AB32" s="110">
        <v>0</v>
      </c>
      <c r="AC32" s="114">
        <v>2151403</v>
      </c>
      <c r="AD32" s="114">
        <v>2646768</v>
      </c>
      <c r="AE32" s="114">
        <v>3124522</v>
      </c>
      <c r="AF32" s="114">
        <v>2942869</v>
      </c>
      <c r="AG32" s="114">
        <v>4081426</v>
      </c>
      <c r="AH32" s="113">
        <v>14946988</v>
      </c>
      <c r="AI32" s="116">
        <v>14946988</v>
      </c>
      <c r="AJ32" s="110">
        <v>0</v>
      </c>
      <c r="AK32" s="114">
        <v>0</v>
      </c>
      <c r="AL32" s="113">
        <v>0</v>
      </c>
      <c r="AM32" s="110">
        <v>0</v>
      </c>
      <c r="AN32" s="114">
        <v>51876</v>
      </c>
      <c r="AO32" s="114">
        <v>361444</v>
      </c>
      <c r="AP32" s="114">
        <v>216430</v>
      </c>
      <c r="AQ32" s="114">
        <v>545765</v>
      </c>
      <c r="AR32" s="114">
        <v>1013938</v>
      </c>
      <c r="AS32" s="113">
        <v>2189453</v>
      </c>
      <c r="AT32" s="116">
        <v>2189453</v>
      </c>
      <c r="AU32" s="110">
        <v>568294</v>
      </c>
      <c r="AV32" s="114">
        <v>1038470</v>
      </c>
      <c r="AW32" s="113">
        <v>1606764</v>
      </c>
      <c r="AX32" s="110">
        <v>0</v>
      </c>
      <c r="AY32" s="114">
        <v>1422190</v>
      </c>
      <c r="AZ32" s="114">
        <v>1299067</v>
      </c>
      <c r="BA32" s="114">
        <v>1478733</v>
      </c>
      <c r="BB32" s="114">
        <v>1288643</v>
      </c>
      <c r="BC32" s="114">
        <v>1675446</v>
      </c>
      <c r="BD32" s="113">
        <v>7164079</v>
      </c>
      <c r="BE32" s="116">
        <v>8770843</v>
      </c>
      <c r="BF32" s="110">
        <v>0</v>
      </c>
      <c r="BG32" s="114">
        <v>22833</v>
      </c>
      <c r="BH32" s="112">
        <v>22833</v>
      </c>
      <c r="BI32" s="111">
        <v>0</v>
      </c>
      <c r="BJ32" s="114">
        <v>0</v>
      </c>
      <c r="BK32" s="114">
        <v>31600</v>
      </c>
      <c r="BL32" s="114">
        <v>0</v>
      </c>
      <c r="BM32" s="114">
        <v>0</v>
      </c>
      <c r="BN32" s="114">
        <v>26663</v>
      </c>
      <c r="BO32" s="113">
        <v>58263</v>
      </c>
      <c r="BP32" s="116">
        <v>81096</v>
      </c>
      <c r="BQ32" s="110">
        <v>69758</v>
      </c>
      <c r="BR32" s="114">
        <v>193814</v>
      </c>
      <c r="BS32" s="113">
        <v>263572</v>
      </c>
      <c r="BT32" s="110">
        <v>0</v>
      </c>
      <c r="BU32" s="114">
        <v>694823</v>
      </c>
      <c r="BV32" s="114">
        <v>806479</v>
      </c>
      <c r="BW32" s="114">
        <v>957179</v>
      </c>
      <c r="BX32" s="114">
        <v>872637</v>
      </c>
      <c r="BY32" s="114">
        <v>633334</v>
      </c>
      <c r="BZ32" s="113">
        <v>3964452</v>
      </c>
      <c r="CA32" s="116">
        <v>4228024</v>
      </c>
      <c r="CB32" s="110">
        <v>210156</v>
      </c>
      <c r="CC32" s="114">
        <v>1302967</v>
      </c>
      <c r="CD32" s="113">
        <v>1513123</v>
      </c>
      <c r="CE32" s="110">
        <v>0</v>
      </c>
      <c r="CF32" s="114">
        <v>7718944</v>
      </c>
      <c r="CG32" s="114">
        <v>6851060</v>
      </c>
      <c r="CH32" s="114">
        <v>5141102</v>
      </c>
      <c r="CI32" s="114">
        <v>3869294</v>
      </c>
      <c r="CJ32" s="114">
        <v>1758905</v>
      </c>
      <c r="CK32" s="113">
        <v>25339305</v>
      </c>
      <c r="CL32" s="116">
        <v>26852428</v>
      </c>
      <c r="CM32" s="110">
        <v>0</v>
      </c>
      <c r="CN32" s="114">
        <v>0</v>
      </c>
      <c r="CO32" s="113">
        <v>0</v>
      </c>
      <c r="CP32" s="111">
        <v>0</v>
      </c>
      <c r="CQ32" s="114">
        <v>6727141</v>
      </c>
      <c r="CR32" s="114">
        <v>5232894</v>
      </c>
      <c r="CS32" s="114">
        <v>4371803</v>
      </c>
      <c r="CT32" s="114">
        <v>3341311</v>
      </c>
      <c r="CU32" s="114">
        <v>1392606</v>
      </c>
      <c r="CV32" s="113">
        <v>21065755</v>
      </c>
      <c r="CW32" s="116">
        <v>21065755</v>
      </c>
      <c r="CX32" s="110">
        <v>210156</v>
      </c>
      <c r="CY32" s="114">
        <v>1302967</v>
      </c>
      <c r="CZ32" s="113">
        <v>1513123</v>
      </c>
      <c r="DA32" s="110">
        <v>0</v>
      </c>
      <c r="DB32" s="114">
        <v>991803</v>
      </c>
      <c r="DC32" s="114">
        <v>1618166</v>
      </c>
      <c r="DD32" s="114">
        <v>769299</v>
      </c>
      <c r="DE32" s="114">
        <v>527983</v>
      </c>
      <c r="DF32" s="114">
        <v>366299</v>
      </c>
      <c r="DG32" s="113">
        <v>4273550</v>
      </c>
      <c r="DH32" s="116">
        <v>5786673</v>
      </c>
      <c r="DI32" s="110">
        <v>29792</v>
      </c>
      <c r="DJ32" s="114">
        <v>39600</v>
      </c>
      <c r="DK32" s="112">
        <v>69392</v>
      </c>
      <c r="DL32" s="111">
        <v>0</v>
      </c>
      <c r="DM32" s="114">
        <v>670287</v>
      </c>
      <c r="DN32" s="114">
        <v>921606</v>
      </c>
      <c r="DO32" s="114">
        <v>1402107</v>
      </c>
      <c r="DP32" s="114">
        <v>1129717</v>
      </c>
      <c r="DQ32" s="114">
        <v>610093</v>
      </c>
      <c r="DR32" s="113">
        <v>4733810</v>
      </c>
      <c r="DS32" s="116">
        <v>4803202</v>
      </c>
      <c r="DT32" s="110">
        <v>29792</v>
      </c>
      <c r="DU32" s="114">
        <v>39600</v>
      </c>
      <c r="DV32" s="113">
        <v>69392</v>
      </c>
      <c r="DW32" s="110">
        <v>0</v>
      </c>
      <c r="DX32" s="114">
        <v>538477</v>
      </c>
      <c r="DY32" s="114">
        <v>899250</v>
      </c>
      <c r="DZ32" s="114">
        <v>1335385</v>
      </c>
      <c r="EA32" s="114">
        <v>1084132</v>
      </c>
      <c r="EB32" s="114">
        <v>610093</v>
      </c>
      <c r="EC32" s="113">
        <v>4467337</v>
      </c>
      <c r="ED32" s="116">
        <v>4536729</v>
      </c>
      <c r="EE32" s="110">
        <v>0</v>
      </c>
      <c r="EF32" s="112">
        <v>0</v>
      </c>
      <c r="EG32" s="113">
        <v>0</v>
      </c>
      <c r="EH32" s="110">
        <v>0</v>
      </c>
      <c r="EI32" s="114">
        <v>131810</v>
      </c>
      <c r="EJ32" s="114">
        <v>22356</v>
      </c>
      <c r="EK32" s="114">
        <v>66722</v>
      </c>
      <c r="EL32" s="114">
        <v>45585</v>
      </c>
      <c r="EM32" s="114">
        <v>0</v>
      </c>
      <c r="EN32" s="112">
        <v>266473</v>
      </c>
      <c r="EO32" s="116">
        <v>266473</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5"/>
      <c r="FE32" s="114">
        <v>0</v>
      </c>
      <c r="FF32" s="114">
        <v>0</v>
      </c>
      <c r="FG32" s="114">
        <v>0</v>
      </c>
      <c r="FH32" s="114">
        <v>0</v>
      </c>
      <c r="FI32" s="114">
        <v>0</v>
      </c>
      <c r="FJ32" s="113">
        <v>0</v>
      </c>
      <c r="FK32" s="116">
        <v>0</v>
      </c>
      <c r="FL32" s="110">
        <v>387465</v>
      </c>
      <c r="FM32" s="114">
        <v>1368294</v>
      </c>
      <c r="FN32" s="113">
        <v>1755759</v>
      </c>
      <c r="FO32" s="110">
        <v>0</v>
      </c>
      <c r="FP32" s="114">
        <v>747365</v>
      </c>
      <c r="FQ32" s="114">
        <v>1846092</v>
      </c>
      <c r="FR32" s="114">
        <v>1915206</v>
      </c>
      <c r="FS32" s="114">
        <v>1081006</v>
      </c>
      <c r="FT32" s="114">
        <v>1154623</v>
      </c>
      <c r="FU32" s="113">
        <v>6744292</v>
      </c>
      <c r="FV32" s="116">
        <v>8500051</v>
      </c>
      <c r="FW32" s="115">
        <v>387465</v>
      </c>
      <c r="FX32" s="114">
        <v>1051214</v>
      </c>
      <c r="FY32" s="112">
        <v>1438679</v>
      </c>
      <c r="FZ32" s="111">
        <v>0</v>
      </c>
      <c r="GA32" s="114">
        <v>546536</v>
      </c>
      <c r="GB32" s="114">
        <v>1675992</v>
      </c>
      <c r="GC32" s="114">
        <v>1708486</v>
      </c>
      <c r="GD32" s="114">
        <v>1054499</v>
      </c>
      <c r="GE32" s="114">
        <v>1154623</v>
      </c>
      <c r="GF32" s="113">
        <v>6140136</v>
      </c>
      <c r="GG32" s="316">
        <v>7578815</v>
      </c>
      <c r="GH32" s="115">
        <v>0</v>
      </c>
      <c r="GI32" s="114">
        <v>18480</v>
      </c>
      <c r="GJ32" s="112">
        <v>18480</v>
      </c>
      <c r="GK32" s="111">
        <v>0</v>
      </c>
      <c r="GL32" s="114">
        <v>40629</v>
      </c>
      <c r="GM32" s="114">
        <v>0</v>
      </c>
      <c r="GN32" s="114">
        <v>57340</v>
      </c>
      <c r="GO32" s="114">
        <v>26507</v>
      </c>
      <c r="GP32" s="114">
        <v>0</v>
      </c>
      <c r="GQ32" s="113">
        <v>124476</v>
      </c>
      <c r="GR32" s="116">
        <v>142956</v>
      </c>
      <c r="GS32" s="110">
        <v>0</v>
      </c>
      <c r="GT32" s="114">
        <v>298600</v>
      </c>
      <c r="GU32" s="113">
        <v>298600</v>
      </c>
      <c r="GV32" s="110">
        <v>0</v>
      </c>
      <c r="GW32" s="114">
        <v>160200</v>
      </c>
      <c r="GX32" s="114">
        <v>170100</v>
      </c>
      <c r="GY32" s="114">
        <v>149380</v>
      </c>
      <c r="GZ32" s="114">
        <v>0</v>
      </c>
      <c r="HA32" s="114">
        <v>0</v>
      </c>
      <c r="HB32" s="112">
        <v>479680</v>
      </c>
      <c r="HC32" s="116">
        <v>778280</v>
      </c>
      <c r="HD32" s="110">
        <v>532840</v>
      </c>
      <c r="HE32" s="114">
        <v>1344632</v>
      </c>
      <c r="HF32" s="112">
        <v>1877472</v>
      </c>
      <c r="HG32" s="111">
        <v>0</v>
      </c>
      <c r="HH32" s="114">
        <v>6107366</v>
      </c>
      <c r="HI32" s="114">
        <v>5489515</v>
      </c>
      <c r="HJ32" s="114">
        <v>7445390</v>
      </c>
      <c r="HK32" s="114">
        <v>8471605</v>
      </c>
      <c r="HL32" s="114">
        <v>3511369</v>
      </c>
      <c r="HM32" s="113">
        <v>31025245</v>
      </c>
      <c r="HN32" s="109">
        <v>32902717</v>
      </c>
      <c r="HO32" s="115">
        <v>523560</v>
      </c>
      <c r="HP32" s="114">
        <v>809533</v>
      </c>
      <c r="HQ32" s="113">
        <v>1333093</v>
      </c>
      <c r="HR32" s="110">
        <v>0</v>
      </c>
      <c r="HS32" s="114">
        <v>3212690</v>
      </c>
      <c r="HT32" s="114">
        <v>2364273</v>
      </c>
      <c r="HU32" s="114">
        <v>2106073</v>
      </c>
      <c r="HV32" s="114">
        <v>1190481</v>
      </c>
      <c r="HW32" s="114">
        <v>885542</v>
      </c>
      <c r="HX32" s="112">
        <v>9759059</v>
      </c>
      <c r="HY32" s="116">
        <v>11092152</v>
      </c>
      <c r="HZ32" s="150">
        <v>0</v>
      </c>
      <c r="IA32" s="135">
        <v>0</v>
      </c>
      <c r="IB32" s="150">
        <v>0</v>
      </c>
      <c r="IC32" s="134">
        <v>0</v>
      </c>
      <c r="ID32" s="135">
        <v>4399158</v>
      </c>
      <c r="IE32" s="136">
        <v>2446382</v>
      </c>
      <c r="IF32" s="137">
        <v>5497414</v>
      </c>
      <c r="IG32" s="135">
        <v>5698510</v>
      </c>
      <c r="IH32" s="137">
        <v>2606923</v>
      </c>
      <c r="II32" s="138">
        <v>20648387</v>
      </c>
      <c r="IJ32" s="150">
        <v>20648387</v>
      </c>
      <c r="IK32" s="232">
        <v>0</v>
      </c>
      <c r="IL32" s="236">
        <v>0</v>
      </c>
      <c r="IM32" s="237">
        <v>0</v>
      </c>
      <c r="IN32" s="140"/>
      <c r="IO32" s="119">
        <v>0</v>
      </c>
      <c r="IP32" s="119">
        <v>0</v>
      </c>
      <c r="IQ32" s="119">
        <v>175496</v>
      </c>
      <c r="IR32" s="119">
        <v>0</v>
      </c>
      <c r="IS32" s="119">
        <v>0</v>
      </c>
      <c r="IT32" s="141">
        <v>175496</v>
      </c>
      <c r="IU32" s="318">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789864</v>
      </c>
      <c r="JL32" s="119">
        <v>856447</v>
      </c>
      <c r="JM32" s="119">
        <v>575167</v>
      </c>
      <c r="JN32" s="119">
        <v>228273</v>
      </c>
      <c r="JO32" s="119">
        <v>0</v>
      </c>
      <c r="JP32" s="120">
        <v>3449751</v>
      </c>
      <c r="JQ32" s="318">
        <v>3449751</v>
      </c>
      <c r="JR32" s="142">
        <v>0</v>
      </c>
      <c r="JS32" s="119">
        <v>0</v>
      </c>
      <c r="JT32" s="141">
        <v>0</v>
      </c>
      <c r="JU32" s="118">
        <v>0</v>
      </c>
      <c r="JV32" s="119">
        <v>275830</v>
      </c>
      <c r="JW32" s="119">
        <v>0</v>
      </c>
      <c r="JX32" s="119">
        <v>176213</v>
      </c>
      <c r="JY32" s="119">
        <v>307895</v>
      </c>
      <c r="JZ32" s="119">
        <v>321687</v>
      </c>
      <c r="KA32" s="120">
        <v>1081625</v>
      </c>
      <c r="KB32" s="318">
        <v>1081625</v>
      </c>
      <c r="KC32" s="234">
        <v>0</v>
      </c>
      <c r="KD32" s="230">
        <v>0</v>
      </c>
      <c r="KE32" s="120">
        <v>0</v>
      </c>
      <c r="KF32" s="118">
        <v>0</v>
      </c>
      <c r="KG32" s="119">
        <v>223321</v>
      </c>
      <c r="KH32" s="119">
        <v>147672</v>
      </c>
      <c r="KI32" s="119">
        <v>458982</v>
      </c>
      <c r="KJ32" s="119">
        <v>0</v>
      </c>
      <c r="KK32" s="119">
        <v>0</v>
      </c>
      <c r="KL32" s="120">
        <v>829975</v>
      </c>
      <c r="KM32" s="143">
        <v>829975</v>
      </c>
      <c r="KN32" s="232">
        <v>0</v>
      </c>
      <c r="KO32" s="236">
        <v>0</v>
      </c>
      <c r="KP32" s="237">
        <v>0</v>
      </c>
      <c r="KQ32" s="140"/>
      <c r="KR32" s="119">
        <v>2110143</v>
      </c>
      <c r="KS32" s="119">
        <v>1442263</v>
      </c>
      <c r="KT32" s="119">
        <v>1886018</v>
      </c>
      <c r="KU32" s="119">
        <v>1745542</v>
      </c>
      <c r="KV32" s="119">
        <v>1241063</v>
      </c>
      <c r="KW32" s="120">
        <v>8425029</v>
      </c>
      <c r="KX32" s="318">
        <v>8425029</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225538</v>
      </c>
      <c r="LQ32" s="119">
        <v>3099940</v>
      </c>
      <c r="LR32" s="119">
        <v>1044173</v>
      </c>
      <c r="LS32" s="120">
        <v>6369651</v>
      </c>
      <c r="LT32" s="318">
        <v>6369651</v>
      </c>
      <c r="LU32" s="142">
        <v>0</v>
      </c>
      <c r="LV32" s="119">
        <v>0</v>
      </c>
      <c r="LW32" s="120">
        <v>0</v>
      </c>
      <c r="LX32" s="145"/>
      <c r="LY32" s="119">
        <v>0</v>
      </c>
      <c r="LZ32" s="119">
        <v>0</v>
      </c>
      <c r="MA32" s="119">
        <v>0</v>
      </c>
      <c r="MB32" s="119">
        <v>316860</v>
      </c>
      <c r="MC32" s="119">
        <v>0</v>
      </c>
      <c r="MD32" s="120">
        <v>316860</v>
      </c>
      <c r="ME32" s="121">
        <v>316860</v>
      </c>
      <c r="MF32" s="142">
        <v>0</v>
      </c>
      <c r="MG32" s="119">
        <v>0</v>
      </c>
      <c r="MH32" s="120">
        <v>0</v>
      </c>
      <c r="MI32" s="145"/>
      <c r="MJ32" s="119">
        <v>2842865</v>
      </c>
      <c r="MK32" s="119">
        <v>5188555</v>
      </c>
      <c r="ML32" s="119">
        <v>12910952</v>
      </c>
      <c r="MM32" s="119">
        <v>23029777</v>
      </c>
      <c r="MN32" s="119">
        <v>17391815</v>
      </c>
      <c r="MO32" s="120">
        <v>61363964</v>
      </c>
      <c r="MP32" s="143">
        <v>61363964</v>
      </c>
      <c r="MQ32" s="142">
        <v>0</v>
      </c>
      <c r="MR32" s="119">
        <v>0</v>
      </c>
      <c r="MS32" s="120">
        <v>0</v>
      </c>
      <c r="MT32" s="145"/>
      <c r="MU32" s="119">
        <v>665921</v>
      </c>
      <c r="MV32" s="119">
        <v>451883</v>
      </c>
      <c r="MW32" s="119">
        <v>8314577</v>
      </c>
      <c r="MX32" s="119">
        <v>16509496</v>
      </c>
      <c r="MY32" s="119">
        <v>12063721</v>
      </c>
      <c r="MZ32" s="120">
        <v>38005598</v>
      </c>
      <c r="NA32" s="143">
        <v>38005598</v>
      </c>
      <c r="NB32" s="142">
        <v>0</v>
      </c>
      <c r="NC32" s="119">
        <v>0</v>
      </c>
      <c r="ND32" s="120">
        <v>0</v>
      </c>
      <c r="NE32" s="145"/>
      <c r="NF32" s="119">
        <v>2176944</v>
      </c>
      <c r="NG32" s="119">
        <v>4736672</v>
      </c>
      <c r="NH32" s="119">
        <v>4596375</v>
      </c>
      <c r="NI32" s="119">
        <v>5034878</v>
      </c>
      <c r="NJ32" s="119">
        <v>4472261</v>
      </c>
      <c r="NK32" s="120">
        <v>21017130</v>
      </c>
      <c r="NL32" s="318">
        <v>21017130</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1485403</v>
      </c>
      <c r="OF32" s="119">
        <v>855833</v>
      </c>
      <c r="OG32" s="120">
        <v>2341236</v>
      </c>
      <c r="OH32" s="121">
        <v>2341236</v>
      </c>
      <c r="OI32" s="142">
        <v>2321865</v>
      </c>
      <c r="OJ32" s="119">
        <v>6120143</v>
      </c>
      <c r="OK32" s="141">
        <v>8442008</v>
      </c>
      <c r="OL32" s="118">
        <v>0</v>
      </c>
      <c r="OM32" s="119">
        <v>30018967</v>
      </c>
      <c r="ON32" s="119">
        <v>30252841</v>
      </c>
      <c r="OO32" s="119">
        <v>42195108</v>
      </c>
      <c r="OP32" s="119">
        <v>50120304</v>
      </c>
      <c r="OQ32" s="119">
        <v>35350077</v>
      </c>
      <c r="OR32" s="120">
        <v>187937297</v>
      </c>
      <c r="OS32" s="143">
        <v>196379305</v>
      </c>
    </row>
    <row r="33" spans="2:409" ht="21" customHeight="1" x14ac:dyDescent="0.2">
      <c r="B33" s="62" t="s">
        <v>28</v>
      </c>
      <c r="C33" s="110">
        <v>134202</v>
      </c>
      <c r="D33" s="114">
        <v>483115</v>
      </c>
      <c r="E33" s="113">
        <v>617317</v>
      </c>
      <c r="F33" s="109">
        <v>0</v>
      </c>
      <c r="G33" s="114">
        <v>4321395</v>
      </c>
      <c r="H33" s="114">
        <v>7410380</v>
      </c>
      <c r="I33" s="114">
        <v>6865503</v>
      </c>
      <c r="J33" s="114">
        <v>7213608</v>
      </c>
      <c r="K33" s="114">
        <v>3258364</v>
      </c>
      <c r="L33" s="173">
        <v>29069250</v>
      </c>
      <c r="M33" s="116">
        <v>29686567</v>
      </c>
      <c r="N33" s="110">
        <v>23058</v>
      </c>
      <c r="O33" s="114">
        <v>68580</v>
      </c>
      <c r="P33" s="113">
        <v>91638</v>
      </c>
      <c r="Q33" s="110">
        <v>0</v>
      </c>
      <c r="R33" s="114">
        <v>600533</v>
      </c>
      <c r="S33" s="114">
        <v>1606487</v>
      </c>
      <c r="T33" s="114">
        <v>1308446</v>
      </c>
      <c r="U33" s="114">
        <v>1468472</v>
      </c>
      <c r="V33" s="114">
        <v>1260979</v>
      </c>
      <c r="W33" s="113">
        <v>6244917</v>
      </c>
      <c r="X33" s="116">
        <v>6336555</v>
      </c>
      <c r="Y33" s="110">
        <v>0</v>
      </c>
      <c r="Z33" s="114">
        <v>0</v>
      </c>
      <c r="AA33" s="113">
        <v>0</v>
      </c>
      <c r="AB33" s="110">
        <v>0</v>
      </c>
      <c r="AC33" s="114">
        <v>245438</v>
      </c>
      <c r="AD33" s="114">
        <v>756607</v>
      </c>
      <c r="AE33" s="114">
        <v>584091</v>
      </c>
      <c r="AF33" s="114">
        <v>663253</v>
      </c>
      <c r="AG33" s="114">
        <v>510643</v>
      </c>
      <c r="AH33" s="113">
        <v>2760032</v>
      </c>
      <c r="AI33" s="116">
        <v>2760032</v>
      </c>
      <c r="AJ33" s="110">
        <v>0</v>
      </c>
      <c r="AK33" s="114">
        <v>0</v>
      </c>
      <c r="AL33" s="113">
        <v>0</v>
      </c>
      <c r="AM33" s="110">
        <v>0</v>
      </c>
      <c r="AN33" s="114">
        <v>0</v>
      </c>
      <c r="AO33" s="114">
        <v>51231</v>
      </c>
      <c r="AP33" s="114">
        <v>38430</v>
      </c>
      <c r="AQ33" s="114">
        <v>36882</v>
      </c>
      <c r="AR33" s="114">
        <v>256145</v>
      </c>
      <c r="AS33" s="113">
        <v>382688</v>
      </c>
      <c r="AT33" s="116">
        <v>382688</v>
      </c>
      <c r="AU33" s="110">
        <v>15012</v>
      </c>
      <c r="AV33" s="114">
        <v>53910</v>
      </c>
      <c r="AW33" s="113">
        <v>68922</v>
      </c>
      <c r="AX33" s="110">
        <v>0</v>
      </c>
      <c r="AY33" s="114">
        <v>237578</v>
      </c>
      <c r="AZ33" s="114">
        <v>556720</v>
      </c>
      <c r="BA33" s="114">
        <v>444112</v>
      </c>
      <c r="BB33" s="114">
        <v>440088</v>
      </c>
      <c r="BC33" s="114">
        <v>322677</v>
      </c>
      <c r="BD33" s="113">
        <v>2001175</v>
      </c>
      <c r="BE33" s="116">
        <v>2070097</v>
      </c>
      <c r="BF33" s="110">
        <v>0</v>
      </c>
      <c r="BG33" s="114">
        <v>0</v>
      </c>
      <c r="BH33" s="112">
        <v>0</v>
      </c>
      <c r="BI33" s="111">
        <v>0</v>
      </c>
      <c r="BJ33" s="114">
        <v>22536</v>
      </c>
      <c r="BK33" s="114">
        <v>0</v>
      </c>
      <c r="BL33" s="114">
        <v>0</v>
      </c>
      <c r="BM33" s="114">
        <v>0</v>
      </c>
      <c r="BN33" s="114">
        <v>40311</v>
      </c>
      <c r="BO33" s="113">
        <v>62847</v>
      </c>
      <c r="BP33" s="116">
        <v>62847</v>
      </c>
      <c r="BQ33" s="110">
        <v>8046</v>
      </c>
      <c r="BR33" s="114">
        <v>14670</v>
      </c>
      <c r="BS33" s="113">
        <v>22716</v>
      </c>
      <c r="BT33" s="110">
        <v>0</v>
      </c>
      <c r="BU33" s="114">
        <v>94981</v>
      </c>
      <c r="BV33" s="114">
        <v>241929</v>
      </c>
      <c r="BW33" s="114">
        <v>241813</v>
      </c>
      <c r="BX33" s="114">
        <v>328249</v>
      </c>
      <c r="BY33" s="114">
        <v>131203</v>
      </c>
      <c r="BZ33" s="113">
        <v>1038175</v>
      </c>
      <c r="CA33" s="116">
        <v>1060891</v>
      </c>
      <c r="CB33" s="110">
        <v>24896</v>
      </c>
      <c r="CC33" s="114">
        <v>129613</v>
      </c>
      <c r="CD33" s="113">
        <v>154509</v>
      </c>
      <c r="CE33" s="110">
        <v>0</v>
      </c>
      <c r="CF33" s="114">
        <v>2018709</v>
      </c>
      <c r="CG33" s="114">
        <v>2473851</v>
      </c>
      <c r="CH33" s="114">
        <v>2324895</v>
      </c>
      <c r="CI33" s="114">
        <v>2177697</v>
      </c>
      <c r="CJ33" s="114">
        <v>943984</v>
      </c>
      <c r="CK33" s="113">
        <v>9939136</v>
      </c>
      <c r="CL33" s="116">
        <v>10093645</v>
      </c>
      <c r="CM33" s="110">
        <v>0</v>
      </c>
      <c r="CN33" s="114">
        <v>0</v>
      </c>
      <c r="CO33" s="113">
        <v>0</v>
      </c>
      <c r="CP33" s="111">
        <v>0</v>
      </c>
      <c r="CQ33" s="114">
        <v>1802160</v>
      </c>
      <c r="CR33" s="114">
        <v>1687678</v>
      </c>
      <c r="CS33" s="114">
        <v>1839978</v>
      </c>
      <c r="CT33" s="114">
        <v>1276590</v>
      </c>
      <c r="CU33" s="114">
        <v>682433</v>
      </c>
      <c r="CV33" s="113">
        <v>7288839</v>
      </c>
      <c r="CW33" s="116">
        <v>7288839</v>
      </c>
      <c r="CX33" s="110">
        <v>24896</v>
      </c>
      <c r="CY33" s="114">
        <v>129613</v>
      </c>
      <c r="CZ33" s="113">
        <v>154509</v>
      </c>
      <c r="DA33" s="110">
        <v>0</v>
      </c>
      <c r="DB33" s="114">
        <v>216549</v>
      </c>
      <c r="DC33" s="114">
        <v>786173</v>
      </c>
      <c r="DD33" s="114">
        <v>484917</v>
      </c>
      <c r="DE33" s="114">
        <v>901107</v>
      </c>
      <c r="DF33" s="114">
        <v>261551</v>
      </c>
      <c r="DG33" s="113">
        <v>2650297</v>
      </c>
      <c r="DH33" s="116">
        <v>2804806</v>
      </c>
      <c r="DI33" s="110">
        <v>0</v>
      </c>
      <c r="DJ33" s="114">
        <v>29982</v>
      </c>
      <c r="DK33" s="112">
        <v>29982</v>
      </c>
      <c r="DL33" s="111">
        <v>0</v>
      </c>
      <c r="DM33" s="114">
        <v>145218</v>
      </c>
      <c r="DN33" s="114">
        <v>447548</v>
      </c>
      <c r="DO33" s="114">
        <v>1063957</v>
      </c>
      <c r="DP33" s="114">
        <v>523018</v>
      </c>
      <c r="DQ33" s="114">
        <v>188998</v>
      </c>
      <c r="DR33" s="113">
        <v>2368739</v>
      </c>
      <c r="DS33" s="116">
        <v>2398721</v>
      </c>
      <c r="DT33" s="110">
        <v>0</v>
      </c>
      <c r="DU33" s="114">
        <v>29982</v>
      </c>
      <c r="DV33" s="113">
        <v>29982</v>
      </c>
      <c r="DW33" s="110">
        <v>0</v>
      </c>
      <c r="DX33" s="114">
        <v>145218</v>
      </c>
      <c r="DY33" s="114">
        <v>249039</v>
      </c>
      <c r="DZ33" s="114">
        <v>665767</v>
      </c>
      <c r="EA33" s="114">
        <v>345295</v>
      </c>
      <c r="EB33" s="114">
        <v>188998</v>
      </c>
      <c r="EC33" s="113">
        <v>1594317</v>
      </c>
      <c r="ED33" s="116">
        <v>1624299</v>
      </c>
      <c r="EE33" s="110">
        <v>0</v>
      </c>
      <c r="EF33" s="112">
        <v>0</v>
      </c>
      <c r="EG33" s="113">
        <v>0</v>
      </c>
      <c r="EH33" s="110">
        <v>0</v>
      </c>
      <c r="EI33" s="114">
        <v>0</v>
      </c>
      <c r="EJ33" s="114">
        <v>198509</v>
      </c>
      <c r="EK33" s="114">
        <v>398190</v>
      </c>
      <c r="EL33" s="114">
        <v>177723</v>
      </c>
      <c r="EM33" s="114">
        <v>0</v>
      </c>
      <c r="EN33" s="112">
        <v>774422</v>
      </c>
      <c r="EO33" s="116">
        <v>774422</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5"/>
      <c r="FE33" s="114">
        <v>0</v>
      </c>
      <c r="FF33" s="114">
        <v>0</v>
      </c>
      <c r="FG33" s="114">
        <v>0</v>
      </c>
      <c r="FH33" s="114">
        <v>0</v>
      </c>
      <c r="FI33" s="114">
        <v>0</v>
      </c>
      <c r="FJ33" s="113">
        <v>0</v>
      </c>
      <c r="FK33" s="116">
        <v>0</v>
      </c>
      <c r="FL33" s="110">
        <v>43828</v>
      </c>
      <c r="FM33" s="114">
        <v>176100</v>
      </c>
      <c r="FN33" s="113">
        <v>219928</v>
      </c>
      <c r="FO33" s="110">
        <v>0</v>
      </c>
      <c r="FP33" s="114">
        <v>305051</v>
      </c>
      <c r="FQ33" s="114">
        <v>898589</v>
      </c>
      <c r="FR33" s="114">
        <v>490474</v>
      </c>
      <c r="FS33" s="114">
        <v>529544</v>
      </c>
      <c r="FT33" s="114">
        <v>368790</v>
      </c>
      <c r="FU33" s="113">
        <v>2592448</v>
      </c>
      <c r="FV33" s="116">
        <v>2812376</v>
      </c>
      <c r="FW33" s="115">
        <v>28340</v>
      </c>
      <c r="FX33" s="114">
        <v>86010</v>
      </c>
      <c r="FY33" s="112">
        <v>114350</v>
      </c>
      <c r="FZ33" s="111">
        <v>0</v>
      </c>
      <c r="GA33" s="114">
        <v>257630</v>
      </c>
      <c r="GB33" s="114">
        <v>833249</v>
      </c>
      <c r="GC33" s="114">
        <v>490474</v>
      </c>
      <c r="GD33" s="114">
        <v>415046</v>
      </c>
      <c r="GE33" s="114">
        <v>342654</v>
      </c>
      <c r="GF33" s="113">
        <v>2339053</v>
      </c>
      <c r="GG33" s="316">
        <v>2453403</v>
      </c>
      <c r="GH33" s="115">
        <v>15488</v>
      </c>
      <c r="GI33" s="114">
        <v>0</v>
      </c>
      <c r="GJ33" s="112">
        <v>15488</v>
      </c>
      <c r="GK33" s="111">
        <v>0</v>
      </c>
      <c r="GL33" s="114">
        <v>0</v>
      </c>
      <c r="GM33" s="114">
        <v>65340</v>
      </c>
      <c r="GN33" s="114">
        <v>0</v>
      </c>
      <c r="GO33" s="114">
        <v>24948</v>
      </c>
      <c r="GP33" s="114">
        <v>26136</v>
      </c>
      <c r="GQ33" s="113">
        <v>116424</v>
      </c>
      <c r="GR33" s="116">
        <v>131912</v>
      </c>
      <c r="GS33" s="110">
        <v>0</v>
      </c>
      <c r="GT33" s="114">
        <v>90090</v>
      </c>
      <c r="GU33" s="113">
        <v>90090</v>
      </c>
      <c r="GV33" s="110">
        <v>0</v>
      </c>
      <c r="GW33" s="114">
        <v>47421</v>
      </c>
      <c r="GX33" s="114">
        <v>0</v>
      </c>
      <c r="GY33" s="114">
        <v>0</v>
      </c>
      <c r="GZ33" s="114">
        <v>89550</v>
      </c>
      <c r="HA33" s="114">
        <v>0</v>
      </c>
      <c r="HB33" s="112">
        <v>136971</v>
      </c>
      <c r="HC33" s="116">
        <v>227061</v>
      </c>
      <c r="HD33" s="110">
        <v>0</v>
      </c>
      <c r="HE33" s="114">
        <v>0</v>
      </c>
      <c r="HF33" s="112">
        <v>0</v>
      </c>
      <c r="HG33" s="111">
        <v>0</v>
      </c>
      <c r="HH33" s="114">
        <v>323290</v>
      </c>
      <c r="HI33" s="114">
        <v>972201</v>
      </c>
      <c r="HJ33" s="114">
        <v>984817</v>
      </c>
      <c r="HK33" s="114">
        <v>2039018</v>
      </c>
      <c r="HL33" s="114">
        <v>248130</v>
      </c>
      <c r="HM33" s="113">
        <v>4567456</v>
      </c>
      <c r="HN33" s="109">
        <v>4567456</v>
      </c>
      <c r="HO33" s="115">
        <v>42420</v>
      </c>
      <c r="HP33" s="114">
        <v>78840</v>
      </c>
      <c r="HQ33" s="113">
        <v>121260</v>
      </c>
      <c r="HR33" s="110">
        <v>0</v>
      </c>
      <c r="HS33" s="114">
        <v>928594</v>
      </c>
      <c r="HT33" s="114">
        <v>1011704</v>
      </c>
      <c r="HU33" s="114">
        <v>692914</v>
      </c>
      <c r="HV33" s="114">
        <v>475859</v>
      </c>
      <c r="HW33" s="114">
        <v>247483</v>
      </c>
      <c r="HX33" s="112">
        <v>3356554</v>
      </c>
      <c r="HY33" s="116">
        <v>3477814</v>
      </c>
      <c r="HZ33" s="131">
        <v>0</v>
      </c>
      <c r="IA33" s="132">
        <v>0</v>
      </c>
      <c r="IB33" s="133">
        <v>0</v>
      </c>
      <c r="IC33" s="146">
        <v>0</v>
      </c>
      <c r="ID33" s="132">
        <v>760656</v>
      </c>
      <c r="IE33" s="147">
        <v>1924743</v>
      </c>
      <c r="IF33" s="133">
        <v>1416546</v>
      </c>
      <c r="IG33" s="132">
        <v>1219239</v>
      </c>
      <c r="IH33" s="133">
        <v>751416</v>
      </c>
      <c r="II33" s="148">
        <v>6072600</v>
      </c>
      <c r="IJ33" s="139">
        <v>6072600</v>
      </c>
      <c r="IK33" s="232">
        <v>0</v>
      </c>
      <c r="IL33" s="236">
        <v>0</v>
      </c>
      <c r="IM33" s="237">
        <v>0</v>
      </c>
      <c r="IN33" s="140"/>
      <c r="IO33" s="119">
        <v>0</v>
      </c>
      <c r="IP33" s="119">
        <v>0</v>
      </c>
      <c r="IQ33" s="119">
        <v>0</v>
      </c>
      <c r="IR33" s="119">
        <v>0</v>
      </c>
      <c r="IS33" s="119">
        <v>0</v>
      </c>
      <c r="IT33" s="141">
        <v>0</v>
      </c>
      <c r="IU33" s="318">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628842</v>
      </c>
      <c r="JL33" s="119">
        <v>550884</v>
      </c>
      <c r="JM33" s="119">
        <v>73035</v>
      </c>
      <c r="JN33" s="119">
        <v>101943</v>
      </c>
      <c r="JO33" s="119">
        <v>45360</v>
      </c>
      <c r="JP33" s="120">
        <v>1400064</v>
      </c>
      <c r="JQ33" s="318">
        <v>1400064</v>
      </c>
      <c r="JR33" s="142">
        <v>0</v>
      </c>
      <c r="JS33" s="119">
        <v>0</v>
      </c>
      <c r="JT33" s="141">
        <v>0</v>
      </c>
      <c r="JU33" s="118">
        <v>0</v>
      </c>
      <c r="JV33" s="119">
        <v>131814</v>
      </c>
      <c r="JW33" s="119">
        <v>48438</v>
      </c>
      <c r="JX33" s="119">
        <v>259299</v>
      </c>
      <c r="JY33" s="119">
        <v>0</v>
      </c>
      <c r="JZ33" s="119">
        <v>0</v>
      </c>
      <c r="KA33" s="120">
        <v>439551</v>
      </c>
      <c r="KB33" s="318">
        <v>439551</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325421</v>
      </c>
      <c r="KT33" s="119">
        <v>822879</v>
      </c>
      <c r="KU33" s="119">
        <v>1117296</v>
      </c>
      <c r="KV33" s="119">
        <v>706056</v>
      </c>
      <c r="KW33" s="120">
        <v>3971652</v>
      </c>
      <c r="KX33" s="318">
        <v>3971652</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61333</v>
      </c>
      <c r="LQ33" s="119">
        <v>0</v>
      </c>
      <c r="LR33" s="119">
        <v>0</v>
      </c>
      <c r="LS33" s="120">
        <v>261333</v>
      </c>
      <c r="LT33" s="318">
        <v>261333</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1072556</v>
      </c>
      <c r="MK33" s="119">
        <v>2847711</v>
      </c>
      <c r="ML33" s="119">
        <v>5699002</v>
      </c>
      <c r="MM33" s="119">
        <v>7173295</v>
      </c>
      <c r="MN33" s="119">
        <v>4761647</v>
      </c>
      <c r="MO33" s="120">
        <v>21554211</v>
      </c>
      <c r="MP33" s="143">
        <v>21554211</v>
      </c>
      <c r="MQ33" s="142">
        <v>0</v>
      </c>
      <c r="MR33" s="119">
        <v>0</v>
      </c>
      <c r="MS33" s="120">
        <v>0</v>
      </c>
      <c r="MT33" s="145"/>
      <c r="MU33" s="119">
        <v>0</v>
      </c>
      <c r="MV33" s="119">
        <v>207306</v>
      </c>
      <c r="MW33" s="119">
        <v>3351180</v>
      </c>
      <c r="MX33" s="119">
        <v>4125586</v>
      </c>
      <c r="MY33" s="119">
        <v>3622554</v>
      </c>
      <c r="MZ33" s="120">
        <v>11306626</v>
      </c>
      <c r="NA33" s="143">
        <v>11306626</v>
      </c>
      <c r="NB33" s="142">
        <v>0</v>
      </c>
      <c r="NC33" s="119">
        <v>0</v>
      </c>
      <c r="ND33" s="120">
        <v>0</v>
      </c>
      <c r="NE33" s="145"/>
      <c r="NF33" s="119">
        <v>1072556</v>
      </c>
      <c r="NG33" s="119">
        <v>2640405</v>
      </c>
      <c r="NH33" s="119">
        <v>2347822</v>
      </c>
      <c r="NI33" s="119">
        <v>3047709</v>
      </c>
      <c r="NJ33" s="119">
        <v>1139093</v>
      </c>
      <c r="NK33" s="120">
        <v>10247585</v>
      </c>
      <c r="NL33" s="318">
        <v>10247585</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34202</v>
      </c>
      <c r="OJ33" s="119">
        <v>483115</v>
      </c>
      <c r="OK33" s="141">
        <v>617317</v>
      </c>
      <c r="OL33" s="118">
        <v>0</v>
      </c>
      <c r="OM33" s="119">
        <v>6154607</v>
      </c>
      <c r="ON33" s="119">
        <v>12182834</v>
      </c>
      <c r="OO33" s="119">
        <v>13981051</v>
      </c>
      <c r="OP33" s="119">
        <v>15606142</v>
      </c>
      <c r="OQ33" s="119">
        <v>8771427</v>
      </c>
      <c r="OR33" s="120">
        <v>56696061</v>
      </c>
      <c r="OS33" s="143">
        <v>57313378</v>
      </c>
    </row>
    <row r="34" spans="2:409" ht="21" customHeight="1" x14ac:dyDescent="0.2">
      <c r="B34" s="62" t="s">
        <v>29</v>
      </c>
      <c r="C34" s="110">
        <v>587609</v>
      </c>
      <c r="D34" s="114">
        <v>748082</v>
      </c>
      <c r="E34" s="113">
        <v>1335691</v>
      </c>
      <c r="F34" s="109">
        <v>0</v>
      </c>
      <c r="G34" s="114">
        <v>7960172</v>
      </c>
      <c r="H34" s="114">
        <v>10885751</v>
      </c>
      <c r="I34" s="114">
        <v>8227136</v>
      </c>
      <c r="J34" s="114">
        <v>7503519</v>
      </c>
      <c r="K34" s="114">
        <v>5207578</v>
      </c>
      <c r="L34" s="173">
        <v>39784156</v>
      </c>
      <c r="M34" s="116">
        <v>41119847</v>
      </c>
      <c r="N34" s="110">
        <v>40248</v>
      </c>
      <c r="O34" s="114">
        <v>240747</v>
      </c>
      <c r="P34" s="113">
        <v>280995</v>
      </c>
      <c r="Q34" s="110">
        <v>0</v>
      </c>
      <c r="R34" s="114">
        <v>1969021</v>
      </c>
      <c r="S34" s="114">
        <v>2325510</v>
      </c>
      <c r="T34" s="114">
        <v>1212148</v>
      </c>
      <c r="U34" s="114">
        <v>2067882</v>
      </c>
      <c r="V34" s="114">
        <v>2031958</v>
      </c>
      <c r="W34" s="113">
        <v>9606519</v>
      </c>
      <c r="X34" s="116">
        <v>9887514</v>
      </c>
      <c r="Y34" s="110">
        <v>0</v>
      </c>
      <c r="Z34" s="114">
        <v>0</v>
      </c>
      <c r="AA34" s="113">
        <v>0</v>
      </c>
      <c r="AB34" s="110">
        <v>0</v>
      </c>
      <c r="AC34" s="114">
        <v>1044541</v>
      </c>
      <c r="AD34" s="114">
        <v>1105843</v>
      </c>
      <c r="AE34" s="114">
        <v>378754</v>
      </c>
      <c r="AF34" s="114">
        <v>1459354</v>
      </c>
      <c r="AG34" s="114">
        <v>1249117</v>
      </c>
      <c r="AH34" s="113">
        <v>5237609</v>
      </c>
      <c r="AI34" s="116">
        <v>5237609</v>
      </c>
      <c r="AJ34" s="110">
        <v>0</v>
      </c>
      <c r="AK34" s="114">
        <v>0</v>
      </c>
      <c r="AL34" s="113">
        <v>0</v>
      </c>
      <c r="AM34" s="110">
        <v>0</v>
      </c>
      <c r="AN34" s="114">
        <v>0</v>
      </c>
      <c r="AO34" s="114">
        <v>0</v>
      </c>
      <c r="AP34" s="114">
        <v>0</v>
      </c>
      <c r="AQ34" s="114">
        <v>147510</v>
      </c>
      <c r="AR34" s="114">
        <v>359710</v>
      </c>
      <c r="AS34" s="113">
        <v>507220</v>
      </c>
      <c r="AT34" s="116">
        <v>507220</v>
      </c>
      <c r="AU34" s="110">
        <v>40248</v>
      </c>
      <c r="AV34" s="114">
        <v>228759</v>
      </c>
      <c r="AW34" s="113">
        <v>269007</v>
      </c>
      <c r="AX34" s="110">
        <v>0</v>
      </c>
      <c r="AY34" s="114">
        <v>744041</v>
      </c>
      <c r="AZ34" s="114">
        <v>750749</v>
      </c>
      <c r="BA34" s="114">
        <v>635441</v>
      </c>
      <c r="BB34" s="114">
        <v>294749</v>
      </c>
      <c r="BC34" s="114">
        <v>300114</v>
      </c>
      <c r="BD34" s="113">
        <v>2725094</v>
      </c>
      <c r="BE34" s="116">
        <v>2994101</v>
      </c>
      <c r="BF34" s="110">
        <v>0</v>
      </c>
      <c r="BG34" s="114">
        <v>0</v>
      </c>
      <c r="BH34" s="112">
        <v>0</v>
      </c>
      <c r="BI34" s="111">
        <v>0</v>
      </c>
      <c r="BJ34" s="114">
        <v>-54492</v>
      </c>
      <c r="BK34" s="114">
        <v>68743</v>
      </c>
      <c r="BL34" s="114">
        <v>0</v>
      </c>
      <c r="BM34" s="114">
        <v>-99845</v>
      </c>
      <c r="BN34" s="114">
        <v>0</v>
      </c>
      <c r="BO34" s="113">
        <v>-85594</v>
      </c>
      <c r="BP34" s="116">
        <v>-85594</v>
      </c>
      <c r="BQ34" s="110">
        <v>0</v>
      </c>
      <c r="BR34" s="114">
        <v>11988</v>
      </c>
      <c r="BS34" s="113">
        <v>11988</v>
      </c>
      <c r="BT34" s="110">
        <v>0</v>
      </c>
      <c r="BU34" s="114">
        <v>234931</v>
      </c>
      <c r="BV34" s="114">
        <v>400175</v>
      </c>
      <c r="BW34" s="114">
        <v>197953</v>
      </c>
      <c r="BX34" s="114">
        <v>266114</v>
      </c>
      <c r="BY34" s="114">
        <v>123017</v>
      </c>
      <c r="BZ34" s="113">
        <v>1222190</v>
      </c>
      <c r="CA34" s="116">
        <v>1234178</v>
      </c>
      <c r="CB34" s="110">
        <v>22212</v>
      </c>
      <c r="CC34" s="114">
        <v>0</v>
      </c>
      <c r="CD34" s="113">
        <v>22212</v>
      </c>
      <c r="CE34" s="110">
        <v>0</v>
      </c>
      <c r="CF34" s="114">
        <v>2845749</v>
      </c>
      <c r="CG34" s="114">
        <v>3708492</v>
      </c>
      <c r="CH34" s="114">
        <v>3119095</v>
      </c>
      <c r="CI34" s="114">
        <v>2206154</v>
      </c>
      <c r="CJ34" s="114">
        <v>306864</v>
      </c>
      <c r="CK34" s="113">
        <v>12186354</v>
      </c>
      <c r="CL34" s="116">
        <v>12208566</v>
      </c>
      <c r="CM34" s="110">
        <v>0</v>
      </c>
      <c r="CN34" s="114">
        <v>0</v>
      </c>
      <c r="CO34" s="113">
        <v>0</v>
      </c>
      <c r="CP34" s="111">
        <v>0</v>
      </c>
      <c r="CQ34" s="114">
        <v>1971753</v>
      </c>
      <c r="CR34" s="114">
        <v>2926705</v>
      </c>
      <c r="CS34" s="114">
        <v>2261801</v>
      </c>
      <c r="CT34" s="114">
        <v>1891716</v>
      </c>
      <c r="CU34" s="114">
        <v>306864</v>
      </c>
      <c r="CV34" s="113">
        <v>9358839</v>
      </c>
      <c r="CW34" s="116">
        <v>9358839</v>
      </c>
      <c r="CX34" s="110">
        <v>22212</v>
      </c>
      <c r="CY34" s="114">
        <v>0</v>
      </c>
      <c r="CZ34" s="113">
        <v>22212</v>
      </c>
      <c r="DA34" s="110">
        <v>0</v>
      </c>
      <c r="DB34" s="114">
        <v>873996</v>
      </c>
      <c r="DC34" s="114">
        <v>781787</v>
      </c>
      <c r="DD34" s="114">
        <v>857294</v>
      </c>
      <c r="DE34" s="114">
        <v>314438</v>
      </c>
      <c r="DF34" s="114">
        <v>0</v>
      </c>
      <c r="DG34" s="113">
        <v>2827515</v>
      </c>
      <c r="DH34" s="116">
        <v>2849727</v>
      </c>
      <c r="DI34" s="110">
        <v>0</v>
      </c>
      <c r="DJ34" s="114">
        <v>0</v>
      </c>
      <c r="DK34" s="112">
        <v>0</v>
      </c>
      <c r="DL34" s="111">
        <v>0</v>
      </c>
      <c r="DM34" s="114">
        <v>211047</v>
      </c>
      <c r="DN34" s="114">
        <v>867162</v>
      </c>
      <c r="DO34" s="114">
        <v>1389455</v>
      </c>
      <c r="DP34" s="114">
        <v>384544</v>
      </c>
      <c r="DQ34" s="114">
        <v>987489</v>
      </c>
      <c r="DR34" s="113">
        <v>3839697</v>
      </c>
      <c r="DS34" s="116">
        <v>3839697</v>
      </c>
      <c r="DT34" s="110">
        <v>0</v>
      </c>
      <c r="DU34" s="114">
        <v>0</v>
      </c>
      <c r="DV34" s="113">
        <v>0</v>
      </c>
      <c r="DW34" s="110">
        <v>0</v>
      </c>
      <c r="DX34" s="114">
        <v>138665</v>
      </c>
      <c r="DY34" s="114">
        <v>564971</v>
      </c>
      <c r="DZ34" s="114">
        <v>1320065</v>
      </c>
      <c r="EA34" s="114">
        <v>384544</v>
      </c>
      <c r="EB34" s="114">
        <v>944775</v>
      </c>
      <c r="EC34" s="113">
        <v>3353020</v>
      </c>
      <c r="ED34" s="116">
        <v>3353020</v>
      </c>
      <c r="EE34" s="110">
        <v>0</v>
      </c>
      <c r="EF34" s="112">
        <v>0</v>
      </c>
      <c r="EG34" s="113">
        <v>0</v>
      </c>
      <c r="EH34" s="110">
        <v>0</v>
      </c>
      <c r="EI34" s="114">
        <v>72382</v>
      </c>
      <c r="EJ34" s="114">
        <v>302191</v>
      </c>
      <c r="EK34" s="114">
        <v>69390</v>
      </c>
      <c r="EL34" s="114">
        <v>0</v>
      </c>
      <c r="EM34" s="114">
        <v>42714</v>
      </c>
      <c r="EN34" s="112">
        <v>486677</v>
      </c>
      <c r="EO34" s="116">
        <v>486677</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5"/>
      <c r="FE34" s="114">
        <v>0</v>
      </c>
      <c r="FF34" s="114">
        <v>0</v>
      </c>
      <c r="FG34" s="114">
        <v>0</v>
      </c>
      <c r="FH34" s="114">
        <v>0</v>
      </c>
      <c r="FI34" s="114">
        <v>0</v>
      </c>
      <c r="FJ34" s="113">
        <v>0</v>
      </c>
      <c r="FK34" s="116">
        <v>0</v>
      </c>
      <c r="FL34" s="110">
        <v>359940</v>
      </c>
      <c r="FM34" s="114">
        <v>336275</v>
      </c>
      <c r="FN34" s="113">
        <v>696215</v>
      </c>
      <c r="FO34" s="110">
        <v>0</v>
      </c>
      <c r="FP34" s="114">
        <v>420437</v>
      </c>
      <c r="FQ34" s="114">
        <v>1263598</v>
      </c>
      <c r="FR34" s="114">
        <v>647542</v>
      </c>
      <c r="FS34" s="114">
        <v>659234</v>
      </c>
      <c r="FT34" s="114">
        <v>530963</v>
      </c>
      <c r="FU34" s="113">
        <v>3521774</v>
      </c>
      <c r="FV34" s="116">
        <v>4217989</v>
      </c>
      <c r="FW34" s="115">
        <v>121710</v>
      </c>
      <c r="FX34" s="114">
        <v>197270</v>
      </c>
      <c r="FY34" s="112">
        <v>318980</v>
      </c>
      <c r="FZ34" s="111">
        <v>0</v>
      </c>
      <c r="GA34" s="114">
        <v>393930</v>
      </c>
      <c r="GB34" s="114">
        <v>883186</v>
      </c>
      <c r="GC34" s="114">
        <v>624970</v>
      </c>
      <c r="GD34" s="114">
        <v>630614</v>
      </c>
      <c r="GE34" s="114">
        <v>530963</v>
      </c>
      <c r="GF34" s="113">
        <v>3063663</v>
      </c>
      <c r="GG34" s="316">
        <v>3382643</v>
      </c>
      <c r="GH34" s="115">
        <v>94050</v>
      </c>
      <c r="GI34" s="114">
        <v>88605</v>
      </c>
      <c r="GJ34" s="112">
        <v>182655</v>
      </c>
      <c r="GK34" s="111">
        <v>0</v>
      </c>
      <c r="GL34" s="114">
        <v>26507</v>
      </c>
      <c r="GM34" s="114">
        <v>0</v>
      </c>
      <c r="GN34" s="114">
        <v>22572</v>
      </c>
      <c r="GO34" s="114">
        <v>28620</v>
      </c>
      <c r="GP34" s="114">
        <v>0</v>
      </c>
      <c r="GQ34" s="113">
        <v>77699</v>
      </c>
      <c r="GR34" s="116">
        <v>260354</v>
      </c>
      <c r="GS34" s="110">
        <v>144180</v>
      </c>
      <c r="GT34" s="114">
        <v>50400</v>
      </c>
      <c r="GU34" s="113">
        <v>194580</v>
      </c>
      <c r="GV34" s="110">
        <v>0</v>
      </c>
      <c r="GW34" s="114">
        <v>0</v>
      </c>
      <c r="GX34" s="114">
        <v>380412</v>
      </c>
      <c r="GY34" s="114">
        <v>0</v>
      </c>
      <c r="GZ34" s="114">
        <v>0</v>
      </c>
      <c r="HA34" s="114">
        <v>0</v>
      </c>
      <c r="HB34" s="112">
        <v>380412</v>
      </c>
      <c r="HC34" s="116">
        <v>574992</v>
      </c>
      <c r="HD34" s="110">
        <v>68482</v>
      </c>
      <c r="HE34" s="114">
        <v>0</v>
      </c>
      <c r="HF34" s="112">
        <v>68482</v>
      </c>
      <c r="HG34" s="111">
        <v>0</v>
      </c>
      <c r="HH34" s="114">
        <v>1286173</v>
      </c>
      <c r="HI34" s="114">
        <v>1520602</v>
      </c>
      <c r="HJ34" s="114">
        <v>915160</v>
      </c>
      <c r="HK34" s="114">
        <v>1592878</v>
      </c>
      <c r="HL34" s="114">
        <v>997331</v>
      </c>
      <c r="HM34" s="113">
        <v>6312144</v>
      </c>
      <c r="HN34" s="109">
        <v>6380626</v>
      </c>
      <c r="HO34" s="115">
        <v>96727</v>
      </c>
      <c r="HP34" s="114">
        <v>171060</v>
      </c>
      <c r="HQ34" s="113">
        <v>267787</v>
      </c>
      <c r="HR34" s="110">
        <v>0</v>
      </c>
      <c r="HS34" s="114">
        <v>1227745</v>
      </c>
      <c r="HT34" s="114">
        <v>1200387</v>
      </c>
      <c r="HU34" s="114">
        <v>943736</v>
      </c>
      <c r="HV34" s="114">
        <v>592827</v>
      </c>
      <c r="HW34" s="114">
        <v>352973</v>
      </c>
      <c r="HX34" s="112">
        <v>4317668</v>
      </c>
      <c r="HY34" s="116">
        <v>4585455</v>
      </c>
      <c r="HZ34" s="150">
        <v>0</v>
      </c>
      <c r="IA34" s="135">
        <v>352224</v>
      </c>
      <c r="IB34" s="150">
        <v>352224</v>
      </c>
      <c r="IC34" s="134">
        <v>0</v>
      </c>
      <c r="ID34" s="135">
        <v>3065591</v>
      </c>
      <c r="IE34" s="136">
        <v>3255151</v>
      </c>
      <c r="IF34" s="137">
        <v>6547031</v>
      </c>
      <c r="IG34" s="135">
        <v>4279764</v>
      </c>
      <c r="IH34" s="137">
        <v>2926356</v>
      </c>
      <c r="II34" s="138">
        <v>20073893</v>
      </c>
      <c r="IJ34" s="150">
        <v>20426117</v>
      </c>
      <c r="IK34" s="232">
        <v>0</v>
      </c>
      <c r="IL34" s="236">
        <v>0</v>
      </c>
      <c r="IM34" s="237">
        <v>0</v>
      </c>
      <c r="IN34" s="140"/>
      <c r="IO34" s="119">
        <v>113341</v>
      </c>
      <c r="IP34" s="119">
        <v>0</v>
      </c>
      <c r="IQ34" s="119">
        <v>0</v>
      </c>
      <c r="IR34" s="119">
        <v>0</v>
      </c>
      <c r="IS34" s="119">
        <v>0</v>
      </c>
      <c r="IT34" s="141">
        <v>113341</v>
      </c>
      <c r="IU34" s="318">
        <v>113341</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11704</v>
      </c>
      <c r="JL34" s="119">
        <v>1157287</v>
      </c>
      <c r="JM34" s="119">
        <v>297136</v>
      </c>
      <c r="JN34" s="119">
        <v>446931</v>
      </c>
      <c r="JO34" s="119">
        <v>0</v>
      </c>
      <c r="JP34" s="120">
        <v>2913058</v>
      </c>
      <c r="JQ34" s="318">
        <v>2913058</v>
      </c>
      <c r="JR34" s="142">
        <v>0</v>
      </c>
      <c r="JS34" s="119">
        <v>0</v>
      </c>
      <c r="JT34" s="141">
        <v>0</v>
      </c>
      <c r="JU34" s="118">
        <v>0</v>
      </c>
      <c r="JV34" s="119">
        <v>54567</v>
      </c>
      <c r="JW34" s="119">
        <v>0</v>
      </c>
      <c r="JX34" s="119">
        <v>61761</v>
      </c>
      <c r="JY34" s="119">
        <v>57447</v>
      </c>
      <c r="JZ34" s="119">
        <v>0</v>
      </c>
      <c r="KA34" s="120">
        <v>173775</v>
      </c>
      <c r="KB34" s="318">
        <v>173775</v>
      </c>
      <c r="KC34" s="234">
        <v>0</v>
      </c>
      <c r="KD34" s="230">
        <v>352224</v>
      </c>
      <c r="KE34" s="120">
        <v>352224</v>
      </c>
      <c r="KF34" s="118">
        <v>0</v>
      </c>
      <c r="KG34" s="119">
        <v>989876</v>
      </c>
      <c r="KH34" s="119">
        <v>594936</v>
      </c>
      <c r="KI34" s="119">
        <v>1805395</v>
      </c>
      <c r="KJ34" s="119">
        <v>1445868</v>
      </c>
      <c r="KK34" s="119">
        <v>318615</v>
      </c>
      <c r="KL34" s="120">
        <v>5154690</v>
      </c>
      <c r="KM34" s="143">
        <v>5506914</v>
      </c>
      <c r="KN34" s="232">
        <v>0</v>
      </c>
      <c r="KO34" s="236">
        <v>0</v>
      </c>
      <c r="KP34" s="237">
        <v>0</v>
      </c>
      <c r="KQ34" s="140"/>
      <c r="KR34" s="119">
        <v>896103</v>
      </c>
      <c r="KS34" s="119">
        <v>1271142</v>
      </c>
      <c r="KT34" s="119">
        <v>1873737</v>
      </c>
      <c r="KU34" s="119">
        <v>161055</v>
      </c>
      <c r="KV34" s="119">
        <v>810648</v>
      </c>
      <c r="KW34" s="120">
        <v>5012685</v>
      </c>
      <c r="KX34" s="318">
        <v>5012685</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231786</v>
      </c>
      <c r="LP34" s="119">
        <v>2509002</v>
      </c>
      <c r="LQ34" s="119">
        <v>2168463</v>
      </c>
      <c r="LR34" s="119">
        <v>1797093</v>
      </c>
      <c r="LS34" s="120">
        <v>6706344</v>
      </c>
      <c r="LT34" s="318">
        <v>6706344</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804823</v>
      </c>
      <c r="MK34" s="119">
        <v>1562556</v>
      </c>
      <c r="ML34" s="119">
        <v>6314700</v>
      </c>
      <c r="MM34" s="119">
        <v>11350299</v>
      </c>
      <c r="MN34" s="119">
        <v>8520643</v>
      </c>
      <c r="MO34" s="120">
        <v>28553021</v>
      </c>
      <c r="MP34" s="143">
        <v>28553021</v>
      </c>
      <c r="MQ34" s="142">
        <v>0</v>
      </c>
      <c r="MR34" s="119">
        <v>0</v>
      </c>
      <c r="MS34" s="120">
        <v>0</v>
      </c>
      <c r="MT34" s="145"/>
      <c r="MU34" s="119">
        <v>0</v>
      </c>
      <c r="MV34" s="119">
        <v>418072</v>
      </c>
      <c r="MW34" s="119">
        <v>2601270</v>
      </c>
      <c r="MX34" s="119">
        <v>7415047</v>
      </c>
      <c r="MY34" s="119">
        <v>6245668</v>
      </c>
      <c r="MZ34" s="120">
        <v>16680057</v>
      </c>
      <c r="NA34" s="143">
        <v>16680057</v>
      </c>
      <c r="NB34" s="142">
        <v>0</v>
      </c>
      <c r="NC34" s="119">
        <v>0</v>
      </c>
      <c r="ND34" s="120">
        <v>0</v>
      </c>
      <c r="NE34" s="145"/>
      <c r="NF34" s="119">
        <v>804823</v>
      </c>
      <c r="NG34" s="119">
        <v>1144484</v>
      </c>
      <c r="NH34" s="119">
        <v>3713430</v>
      </c>
      <c r="NI34" s="119">
        <v>3935252</v>
      </c>
      <c r="NJ34" s="119">
        <v>2274975</v>
      </c>
      <c r="NK34" s="120">
        <v>11872964</v>
      </c>
      <c r="NL34" s="318">
        <v>11872964</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587609</v>
      </c>
      <c r="OJ34" s="119">
        <v>1100306</v>
      </c>
      <c r="OK34" s="141">
        <v>1687915</v>
      </c>
      <c r="OL34" s="118">
        <v>0</v>
      </c>
      <c r="OM34" s="119">
        <v>11830586</v>
      </c>
      <c r="ON34" s="119">
        <v>15703458</v>
      </c>
      <c r="OO34" s="119">
        <v>21088867</v>
      </c>
      <c r="OP34" s="119">
        <v>23133582</v>
      </c>
      <c r="OQ34" s="119">
        <v>16654577</v>
      </c>
      <c r="OR34" s="120">
        <v>88411070</v>
      </c>
      <c r="OS34" s="143">
        <v>90098985</v>
      </c>
    </row>
    <row r="35" spans="2:409" ht="21" customHeight="1" x14ac:dyDescent="0.2">
      <c r="B35" s="62" t="s">
        <v>30</v>
      </c>
      <c r="C35" s="110">
        <v>548820</v>
      </c>
      <c r="D35" s="114">
        <v>823165</v>
      </c>
      <c r="E35" s="174">
        <v>1371985</v>
      </c>
      <c r="F35" s="175">
        <v>0</v>
      </c>
      <c r="G35" s="176">
        <v>7428122</v>
      </c>
      <c r="H35" s="176">
        <v>6691787</v>
      </c>
      <c r="I35" s="176">
        <v>7572512</v>
      </c>
      <c r="J35" s="176">
        <v>7683583</v>
      </c>
      <c r="K35" s="176">
        <v>3819444</v>
      </c>
      <c r="L35" s="177">
        <v>33195448</v>
      </c>
      <c r="M35" s="116">
        <v>34567433</v>
      </c>
      <c r="N35" s="110">
        <v>101846</v>
      </c>
      <c r="O35" s="114">
        <v>195148</v>
      </c>
      <c r="P35" s="113">
        <v>296994</v>
      </c>
      <c r="Q35" s="110">
        <v>0</v>
      </c>
      <c r="R35" s="114">
        <v>2510208</v>
      </c>
      <c r="S35" s="114">
        <v>1478830</v>
      </c>
      <c r="T35" s="114">
        <v>2578157</v>
      </c>
      <c r="U35" s="114">
        <v>3605632</v>
      </c>
      <c r="V35" s="114">
        <v>2816990</v>
      </c>
      <c r="W35" s="113">
        <v>12989817</v>
      </c>
      <c r="X35" s="116">
        <v>13286811</v>
      </c>
      <c r="Y35" s="110">
        <v>0</v>
      </c>
      <c r="Z35" s="114">
        <v>0</v>
      </c>
      <c r="AA35" s="113">
        <v>0</v>
      </c>
      <c r="AB35" s="110">
        <v>0</v>
      </c>
      <c r="AC35" s="114">
        <v>1270485</v>
      </c>
      <c r="AD35" s="114">
        <v>763569</v>
      </c>
      <c r="AE35" s="114">
        <v>1185537</v>
      </c>
      <c r="AF35" s="114">
        <v>1313191</v>
      </c>
      <c r="AG35" s="114">
        <v>2079912</v>
      </c>
      <c r="AH35" s="113">
        <v>6612694</v>
      </c>
      <c r="AI35" s="116">
        <v>6612694</v>
      </c>
      <c r="AJ35" s="110">
        <v>0</v>
      </c>
      <c r="AK35" s="114">
        <v>0</v>
      </c>
      <c r="AL35" s="113">
        <v>0</v>
      </c>
      <c r="AM35" s="110">
        <v>0</v>
      </c>
      <c r="AN35" s="114">
        <v>39846</v>
      </c>
      <c r="AO35" s="114">
        <v>0</v>
      </c>
      <c r="AP35" s="114">
        <v>49167</v>
      </c>
      <c r="AQ35" s="114">
        <v>533521</v>
      </c>
      <c r="AR35" s="114">
        <v>299675</v>
      </c>
      <c r="AS35" s="113">
        <v>922209</v>
      </c>
      <c r="AT35" s="116">
        <v>922209</v>
      </c>
      <c r="AU35" s="110">
        <v>91046</v>
      </c>
      <c r="AV35" s="114">
        <v>195148</v>
      </c>
      <c r="AW35" s="113">
        <v>286194</v>
      </c>
      <c r="AX35" s="110">
        <v>0</v>
      </c>
      <c r="AY35" s="114">
        <v>878745</v>
      </c>
      <c r="AZ35" s="114">
        <v>513915</v>
      </c>
      <c r="BA35" s="114">
        <v>893842</v>
      </c>
      <c r="BB35" s="114">
        <v>1399945</v>
      </c>
      <c r="BC35" s="114">
        <v>252813</v>
      </c>
      <c r="BD35" s="113">
        <v>3939260</v>
      </c>
      <c r="BE35" s="116">
        <v>4225454</v>
      </c>
      <c r="BF35" s="110">
        <v>0</v>
      </c>
      <c r="BG35" s="114">
        <v>0</v>
      </c>
      <c r="BH35" s="112">
        <v>0</v>
      </c>
      <c r="BI35" s="111">
        <v>0</v>
      </c>
      <c r="BJ35" s="114">
        <v>34416</v>
      </c>
      <c r="BK35" s="114">
        <v>0</v>
      </c>
      <c r="BL35" s="114">
        <v>159728</v>
      </c>
      <c r="BM35" s="114">
        <v>43020</v>
      </c>
      <c r="BN35" s="114">
        <v>0</v>
      </c>
      <c r="BO35" s="113">
        <v>237164</v>
      </c>
      <c r="BP35" s="116">
        <v>237164</v>
      </c>
      <c r="BQ35" s="110">
        <v>10800</v>
      </c>
      <c r="BR35" s="114">
        <v>0</v>
      </c>
      <c r="BS35" s="113">
        <v>10800</v>
      </c>
      <c r="BT35" s="110">
        <v>0</v>
      </c>
      <c r="BU35" s="114">
        <v>286716</v>
      </c>
      <c r="BV35" s="114">
        <v>201346</v>
      </c>
      <c r="BW35" s="114">
        <v>289883</v>
      </c>
      <c r="BX35" s="114">
        <v>315955</v>
      </c>
      <c r="BY35" s="114">
        <v>184590</v>
      </c>
      <c r="BZ35" s="113">
        <v>1278490</v>
      </c>
      <c r="CA35" s="116">
        <v>1289290</v>
      </c>
      <c r="CB35" s="110">
        <v>43268</v>
      </c>
      <c r="CC35" s="114">
        <v>175829</v>
      </c>
      <c r="CD35" s="113">
        <v>219097</v>
      </c>
      <c r="CE35" s="110">
        <v>0</v>
      </c>
      <c r="CF35" s="114">
        <v>2094062</v>
      </c>
      <c r="CG35" s="114">
        <v>2410500</v>
      </c>
      <c r="CH35" s="114">
        <v>1639427</v>
      </c>
      <c r="CI35" s="114">
        <v>1394204</v>
      </c>
      <c r="CJ35" s="114">
        <v>107996</v>
      </c>
      <c r="CK35" s="113">
        <v>7646189</v>
      </c>
      <c r="CL35" s="116">
        <v>7865286</v>
      </c>
      <c r="CM35" s="110">
        <v>0</v>
      </c>
      <c r="CN35" s="114">
        <v>0</v>
      </c>
      <c r="CO35" s="113">
        <v>0</v>
      </c>
      <c r="CP35" s="111">
        <v>0</v>
      </c>
      <c r="CQ35" s="114">
        <v>1753403</v>
      </c>
      <c r="CR35" s="114">
        <v>1881797</v>
      </c>
      <c r="CS35" s="114">
        <v>1203776</v>
      </c>
      <c r="CT35" s="114">
        <v>1110748</v>
      </c>
      <c r="CU35" s="114">
        <v>107996</v>
      </c>
      <c r="CV35" s="113">
        <v>6057720</v>
      </c>
      <c r="CW35" s="116">
        <v>6057720</v>
      </c>
      <c r="CX35" s="110">
        <v>43268</v>
      </c>
      <c r="CY35" s="114">
        <v>175829</v>
      </c>
      <c r="CZ35" s="113">
        <v>219097</v>
      </c>
      <c r="DA35" s="110">
        <v>0</v>
      </c>
      <c r="DB35" s="114">
        <v>340659</v>
      </c>
      <c r="DC35" s="114">
        <v>528703</v>
      </c>
      <c r="DD35" s="114">
        <v>435651</v>
      </c>
      <c r="DE35" s="114">
        <v>283456</v>
      </c>
      <c r="DF35" s="114">
        <v>0</v>
      </c>
      <c r="DG35" s="113">
        <v>1588469</v>
      </c>
      <c r="DH35" s="116">
        <v>1807566</v>
      </c>
      <c r="DI35" s="110">
        <v>0</v>
      </c>
      <c r="DJ35" s="114">
        <v>17181</v>
      </c>
      <c r="DK35" s="112">
        <v>17181</v>
      </c>
      <c r="DL35" s="111">
        <v>0</v>
      </c>
      <c r="DM35" s="114">
        <v>220766</v>
      </c>
      <c r="DN35" s="114">
        <v>390329</v>
      </c>
      <c r="DO35" s="114">
        <v>699376</v>
      </c>
      <c r="DP35" s="114">
        <v>652544</v>
      </c>
      <c r="DQ35" s="114">
        <v>91854</v>
      </c>
      <c r="DR35" s="113">
        <v>2054869</v>
      </c>
      <c r="DS35" s="116">
        <v>2072050</v>
      </c>
      <c r="DT35" s="110">
        <v>0</v>
      </c>
      <c r="DU35" s="114">
        <v>17181</v>
      </c>
      <c r="DV35" s="113">
        <v>17181</v>
      </c>
      <c r="DW35" s="110">
        <v>0</v>
      </c>
      <c r="DX35" s="114">
        <v>220766</v>
      </c>
      <c r="DY35" s="114">
        <v>295112</v>
      </c>
      <c r="DZ35" s="114">
        <v>699376</v>
      </c>
      <c r="EA35" s="114">
        <v>551843</v>
      </c>
      <c r="EB35" s="114">
        <v>40419</v>
      </c>
      <c r="EC35" s="113">
        <v>1807516</v>
      </c>
      <c r="ED35" s="116">
        <v>1824697</v>
      </c>
      <c r="EE35" s="110">
        <v>0</v>
      </c>
      <c r="EF35" s="112">
        <v>0</v>
      </c>
      <c r="EG35" s="113">
        <v>0</v>
      </c>
      <c r="EH35" s="110">
        <v>0</v>
      </c>
      <c r="EI35" s="114">
        <v>0</v>
      </c>
      <c r="EJ35" s="114">
        <v>95217</v>
      </c>
      <c r="EK35" s="114">
        <v>0</v>
      </c>
      <c r="EL35" s="114">
        <v>100701</v>
      </c>
      <c r="EM35" s="114">
        <v>51435</v>
      </c>
      <c r="EN35" s="112">
        <v>247353</v>
      </c>
      <c r="EO35" s="116">
        <v>247353</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5"/>
      <c r="FE35" s="114">
        <v>0</v>
      </c>
      <c r="FF35" s="114">
        <v>0</v>
      </c>
      <c r="FG35" s="114">
        <v>0</v>
      </c>
      <c r="FH35" s="114">
        <v>0</v>
      </c>
      <c r="FI35" s="114">
        <v>0</v>
      </c>
      <c r="FJ35" s="113">
        <v>0</v>
      </c>
      <c r="FK35" s="116">
        <v>0</v>
      </c>
      <c r="FL35" s="110">
        <v>175790</v>
      </c>
      <c r="FM35" s="114">
        <v>199288</v>
      </c>
      <c r="FN35" s="113">
        <v>375078</v>
      </c>
      <c r="FO35" s="110">
        <v>0</v>
      </c>
      <c r="FP35" s="114">
        <v>506597</v>
      </c>
      <c r="FQ35" s="114">
        <v>669816</v>
      </c>
      <c r="FR35" s="114">
        <v>1005965</v>
      </c>
      <c r="FS35" s="114">
        <v>934896</v>
      </c>
      <c r="FT35" s="114">
        <v>311799</v>
      </c>
      <c r="FU35" s="113">
        <v>3429073</v>
      </c>
      <c r="FV35" s="116">
        <v>3804151</v>
      </c>
      <c r="FW35" s="115">
        <v>175790</v>
      </c>
      <c r="FX35" s="114">
        <v>174340</v>
      </c>
      <c r="FY35" s="112">
        <v>350130</v>
      </c>
      <c r="FZ35" s="111">
        <v>0</v>
      </c>
      <c r="GA35" s="114">
        <v>443912</v>
      </c>
      <c r="GB35" s="114">
        <v>633384</v>
      </c>
      <c r="GC35" s="114">
        <v>950525</v>
      </c>
      <c r="GD35" s="114">
        <v>754896</v>
      </c>
      <c r="GE35" s="114">
        <v>311799</v>
      </c>
      <c r="GF35" s="113">
        <v>3094516</v>
      </c>
      <c r="GG35" s="316">
        <v>3444646</v>
      </c>
      <c r="GH35" s="115">
        <v>0</v>
      </c>
      <c r="GI35" s="114">
        <v>24948</v>
      </c>
      <c r="GJ35" s="112">
        <v>24948</v>
      </c>
      <c r="GK35" s="111">
        <v>0</v>
      </c>
      <c r="GL35" s="114">
        <v>26235</v>
      </c>
      <c r="GM35" s="114">
        <v>36432</v>
      </c>
      <c r="GN35" s="114">
        <v>31680</v>
      </c>
      <c r="GO35" s="114">
        <v>0</v>
      </c>
      <c r="GP35" s="114">
        <v>0</v>
      </c>
      <c r="GQ35" s="113">
        <v>94347</v>
      </c>
      <c r="GR35" s="116">
        <v>119295</v>
      </c>
      <c r="GS35" s="110">
        <v>0</v>
      </c>
      <c r="GT35" s="114">
        <v>0</v>
      </c>
      <c r="GU35" s="113">
        <v>0</v>
      </c>
      <c r="GV35" s="110">
        <v>0</v>
      </c>
      <c r="GW35" s="114">
        <v>36450</v>
      </c>
      <c r="GX35" s="114">
        <v>0</v>
      </c>
      <c r="GY35" s="114">
        <v>23760</v>
      </c>
      <c r="GZ35" s="114">
        <v>180000</v>
      </c>
      <c r="HA35" s="114">
        <v>0</v>
      </c>
      <c r="HB35" s="112">
        <v>240210</v>
      </c>
      <c r="HC35" s="116">
        <v>240210</v>
      </c>
      <c r="HD35" s="110">
        <v>57096</v>
      </c>
      <c r="HE35" s="114">
        <v>95319</v>
      </c>
      <c r="HF35" s="112">
        <v>152415</v>
      </c>
      <c r="HG35" s="111">
        <v>0</v>
      </c>
      <c r="HH35" s="114">
        <v>992728</v>
      </c>
      <c r="HI35" s="114">
        <v>881575</v>
      </c>
      <c r="HJ35" s="114">
        <v>790757</v>
      </c>
      <c r="HK35" s="114">
        <v>463390</v>
      </c>
      <c r="HL35" s="114">
        <v>260532</v>
      </c>
      <c r="HM35" s="113">
        <v>3388982</v>
      </c>
      <c r="HN35" s="109">
        <v>3541397</v>
      </c>
      <c r="HO35" s="115">
        <v>170820</v>
      </c>
      <c r="HP35" s="114">
        <v>140400</v>
      </c>
      <c r="HQ35" s="113">
        <v>311220</v>
      </c>
      <c r="HR35" s="110">
        <v>0</v>
      </c>
      <c r="HS35" s="114">
        <v>1103761</v>
      </c>
      <c r="HT35" s="114">
        <v>860737</v>
      </c>
      <c r="HU35" s="114">
        <v>858830</v>
      </c>
      <c r="HV35" s="114">
        <v>632917</v>
      </c>
      <c r="HW35" s="114">
        <v>230273</v>
      </c>
      <c r="HX35" s="112">
        <v>3686518</v>
      </c>
      <c r="HY35" s="116">
        <v>3997738</v>
      </c>
      <c r="HZ35" s="131">
        <v>26763</v>
      </c>
      <c r="IA35" s="132">
        <v>0</v>
      </c>
      <c r="IB35" s="133">
        <v>26763</v>
      </c>
      <c r="IC35" s="146">
        <v>0</v>
      </c>
      <c r="ID35" s="132">
        <v>2568954</v>
      </c>
      <c r="IE35" s="147">
        <v>1668420</v>
      </c>
      <c r="IF35" s="133">
        <v>2075539</v>
      </c>
      <c r="IG35" s="132">
        <v>2179457</v>
      </c>
      <c r="IH35" s="133">
        <v>460953</v>
      </c>
      <c r="II35" s="148">
        <v>8953323</v>
      </c>
      <c r="IJ35" s="139">
        <v>8980086</v>
      </c>
      <c r="IK35" s="232">
        <v>0</v>
      </c>
      <c r="IL35" s="236">
        <v>0</v>
      </c>
      <c r="IM35" s="237">
        <v>0</v>
      </c>
      <c r="IN35" s="140"/>
      <c r="IO35" s="119">
        <v>0</v>
      </c>
      <c r="IP35" s="119">
        <v>0</v>
      </c>
      <c r="IQ35" s="119">
        <v>187299</v>
      </c>
      <c r="IR35" s="119">
        <v>0</v>
      </c>
      <c r="IS35" s="119">
        <v>0</v>
      </c>
      <c r="IT35" s="141">
        <v>187299</v>
      </c>
      <c r="IU35" s="318">
        <v>187299</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974154</v>
      </c>
      <c r="JL35" s="119">
        <v>688752</v>
      </c>
      <c r="JM35" s="119">
        <v>975316</v>
      </c>
      <c r="JN35" s="119">
        <v>560745</v>
      </c>
      <c r="JO35" s="119">
        <v>0</v>
      </c>
      <c r="JP35" s="120">
        <v>3198967</v>
      </c>
      <c r="JQ35" s="318">
        <v>3198967</v>
      </c>
      <c r="JR35" s="142">
        <v>26763</v>
      </c>
      <c r="JS35" s="119">
        <v>0</v>
      </c>
      <c r="JT35" s="141">
        <v>26763</v>
      </c>
      <c r="JU35" s="118">
        <v>0</v>
      </c>
      <c r="JV35" s="119">
        <v>175752</v>
      </c>
      <c r="JW35" s="119">
        <v>204309</v>
      </c>
      <c r="JX35" s="119">
        <v>158832</v>
      </c>
      <c r="JY35" s="119">
        <v>0</v>
      </c>
      <c r="JZ35" s="119">
        <v>0</v>
      </c>
      <c r="KA35" s="120">
        <v>538893</v>
      </c>
      <c r="KB35" s="318">
        <v>565656</v>
      </c>
      <c r="KC35" s="234">
        <v>0</v>
      </c>
      <c r="KD35" s="230">
        <v>0</v>
      </c>
      <c r="KE35" s="120">
        <v>0</v>
      </c>
      <c r="KF35" s="118">
        <v>0</v>
      </c>
      <c r="KG35" s="119">
        <v>0</v>
      </c>
      <c r="KH35" s="119">
        <v>0</v>
      </c>
      <c r="KI35" s="119">
        <v>0</v>
      </c>
      <c r="KJ35" s="119">
        <v>295704</v>
      </c>
      <c r="KK35" s="119">
        <v>184698</v>
      </c>
      <c r="KL35" s="120">
        <v>480402</v>
      </c>
      <c r="KM35" s="143">
        <v>480402</v>
      </c>
      <c r="KN35" s="232">
        <v>0</v>
      </c>
      <c r="KO35" s="236">
        <v>0</v>
      </c>
      <c r="KP35" s="237">
        <v>0</v>
      </c>
      <c r="KQ35" s="140"/>
      <c r="KR35" s="119">
        <v>1419048</v>
      </c>
      <c r="KS35" s="119">
        <v>775359</v>
      </c>
      <c r="KT35" s="119">
        <v>754092</v>
      </c>
      <c r="KU35" s="119">
        <v>1323008</v>
      </c>
      <c r="KV35" s="119">
        <v>276255</v>
      </c>
      <c r="KW35" s="120">
        <v>4547762</v>
      </c>
      <c r="KX35" s="318">
        <v>4547762</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18">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2118718</v>
      </c>
      <c r="MK35" s="119">
        <v>946065</v>
      </c>
      <c r="ML35" s="119">
        <v>10292245</v>
      </c>
      <c r="MM35" s="119">
        <v>13558413</v>
      </c>
      <c r="MN35" s="119">
        <v>5900457</v>
      </c>
      <c r="MO35" s="120">
        <v>32815898</v>
      </c>
      <c r="MP35" s="143">
        <v>32815898</v>
      </c>
      <c r="MQ35" s="142">
        <v>0</v>
      </c>
      <c r="MR35" s="119">
        <v>0</v>
      </c>
      <c r="MS35" s="120">
        <v>0</v>
      </c>
      <c r="MT35" s="145"/>
      <c r="MU35" s="119">
        <v>0</v>
      </c>
      <c r="MV35" s="119">
        <v>203691</v>
      </c>
      <c r="MW35" s="119">
        <v>6420085</v>
      </c>
      <c r="MX35" s="119">
        <v>8132460</v>
      </c>
      <c r="MY35" s="119">
        <v>3436199</v>
      </c>
      <c r="MZ35" s="120">
        <v>18192435</v>
      </c>
      <c r="NA35" s="143">
        <v>18192435</v>
      </c>
      <c r="NB35" s="142">
        <v>0</v>
      </c>
      <c r="NC35" s="119">
        <v>0</v>
      </c>
      <c r="ND35" s="120">
        <v>0</v>
      </c>
      <c r="NE35" s="145"/>
      <c r="NF35" s="119">
        <v>2118718</v>
      </c>
      <c r="NG35" s="119">
        <v>490545</v>
      </c>
      <c r="NH35" s="119">
        <v>3568248</v>
      </c>
      <c r="NI35" s="119">
        <v>5425953</v>
      </c>
      <c r="NJ35" s="119">
        <v>1689150</v>
      </c>
      <c r="NK35" s="120">
        <v>13292614</v>
      </c>
      <c r="NL35" s="318">
        <v>13292614</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51829</v>
      </c>
      <c r="OD35" s="119">
        <v>303912</v>
      </c>
      <c r="OE35" s="119">
        <v>0</v>
      </c>
      <c r="OF35" s="119">
        <v>775108</v>
      </c>
      <c r="OG35" s="120">
        <v>1330849</v>
      </c>
      <c r="OH35" s="121">
        <v>1330849</v>
      </c>
      <c r="OI35" s="142">
        <v>575583</v>
      </c>
      <c r="OJ35" s="119">
        <v>823165</v>
      </c>
      <c r="OK35" s="141">
        <v>1398748</v>
      </c>
      <c r="OL35" s="118">
        <v>0</v>
      </c>
      <c r="OM35" s="119">
        <v>12115794</v>
      </c>
      <c r="ON35" s="119">
        <v>9306272</v>
      </c>
      <c r="OO35" s="119">
        <v>19940296</v>
      </c>
      <c r="OP35" s="119">
        <v>23421453</v>
      </c>
      <c r="OQ35" s="119">
        <v>10180854</v>
      </c>
      <c r="OR35" s="120">
        <v>74964669</v>
      </c>
      <c r="OS35" s="143">
        <v>76363417</v>
      </c>
    </row>
    <row r="36" spans="2:409" ht="21" customHeight="1" x14ac:dyDescent="0.2">
      <c r="B36" s="62" t="s">
        <v>31</v>
      </c>
      <c r="C36" s="110">
        <v>421204</v>
      </c>
      <c r="D36" s="114">
        <v>1297199</v>
      </c>
      <c r="E36" s="113">
        <v>1718403</v>
      </c>
      <c r="F36" s="109">
        <v>0</v>
      </c>
      <c r="G36" s="114">
        <v>6668458</v>
      </c>
      <c r="H36" s="114">
        <v>7886067</v>
      </c>
      <c r="I36" s="114">
        <v>7374973</v>
      </c>
      <c r="J36" s="114">
        <v>6443958</v>
      </c>
      <c r="K36" s="114">
        <v>3631025</v>
      </c>
      <c r="L36" s="173">
        <v>32004481</v>
      </c>
      <c r="M36" s="116">
        <v>33722884</v>
      </c>
      <c r="N36" s="110">
        <v>124501</v>
      </c>
      <c r="O36" s="114">
        <v>208017</v>
      </c>
      <c r="P36" s="113">
        <v>332518</v>
      </c>
      <c r="Q36" s="110">
        <v>0</v>
      </c>
      <c r="R36" s="114">
        <v>1024935</v>
      </c>
      <c r="S36" s="114">
        <v>1260372</v>
      </c>
      <c r="T36" s="114">
        <v>1874301</v>
      </c>
      <c r="U36" s="114">
        <v>2163823</v>
      </c>
      <c r="V36" s="114">
        <v>1899091</v>
      </c>
      <c r="W36" s="113">
        <v>8222522</v>
      </c>
      <c r="X36" s="116">
        <v>8555040</v>
      </c>
      <c r="Y36" s="110">
        <v>0</v>
      </c>
      <c r="Z36" s="114">
        <v>0</v>
      </c>
      <c r="AA36" s="113">
        <v>0</v>
      </c>
      <c r="AB36" s="110">
        <v>0</v>
      </c>
      <c r="AC36" s="114">
        <v>351952</v>
      </c>
      <c r="AD36" s="114">
        <v>372881</v>
      </c>
      <c r="AE36" s="114">
        <v>838559</v>
      </c>
      <c r="AF36" s="114">
        <v>613696</v>
      </c>
      <c r="AG36" s="114">
        <v>973611</v>
      </c>
      <c r="AH36" s="113">
        <v>3150699</v>
      </c>
      <c r="AI36" s="116">
        <v>3150699</v>
      </c>
      <c r="AJ36" s="110">
        <v>0</v>
      </c>
      <c r="AK36" s="114">
        <v>0</v>
      </c>
      <c r="AL36" s="113">
        <v>0</v>
      </c>
      <c r="AM36" s="110">
        <v>0</v>
      </c>
      <c r="AN36" s="114">
        <v>0</v>
      </c>
      <c r="AO36" s="114">
        <v>43704</v>
      </c>
      <c r="AP36" s="114">
        <v>320966</v>
      </c>
      <c r="AQ36" s="114">
        <v>432198</v>
      </c>
      <c r="AR36" s="114">
        <v>322342</v>
      </c>
      <c r="AS36" s="113">
        <v>1119210</v>
      </c>
      <c r="AT36" s="116">
        <v>1119210</v>
      </c>
      <c r="AU36" s="110">
        <v>107563</v>
      </c>
      <c r="AV36" s="114">
        <v>208017</v>
      </c>
      <c r="AW36" s="113">
        <v>315580</v>
      </c>
      <c r="AX36" s="110">
        <v>0</v>
      </c>
      <c r="AY36" s="114">
        <v>530557</v>
      </c>
      <c r="AZ36" s="114">
        <v>611449</v>
      </c>
      <c r="BA36" s="114">
        <v>464362</v>
      </c>
      <c r="BB36" s="114">
        <v>884206</v>
      </c>
      <c r="BC36" s="114">
        <v>454626</v>
      </c>
      <c r="BD36" s="113">
        <v>2945200</v>
      </c>
      <c r="BE36" s="116">
        <v>3260780</v>
      </c>
      <c r="BF36" s="110">
        <v>0</v>
      </c>
      <c r="BG36" s="114">
        <v>0</v>
      </c>
      <c r="BH36" s="112">
        <v>0</v>
      </c>
      <c r="BI36" s="111">
        <v>0</v>
      </c>
      <c r="BJ36" s="114">
        <v>17208</v>
      </c>
      <c r="BK36" s="114">
        <v>68832</v>
      </c>
      <c r="BL36" s="114">
        <v>95322</v>
      </c>
      <c r="BM36" s="114">
        <v>137664</v>
      </c>
      <c r="BN36" s="114">
        <v>40509</v>
      </c>
      <c r="BO36" s="113">
        <v>359535</v>
      </c>
      <c r="BP36" s="116">
        <v>359535</v>
      </c>
      <c r="BQ36" s="110">
        <v>16938</v>
      </c>
      <c r="BR36" s="114">
        <v>0</v>
      </c>
      <c r="BS36" s="113">
        <v>16938</v>
      </c>
      <c r="BT36" s="110">
        <v>0</v>
      </c>
      <c r="BU36" s="114">
        <v>125218</v>
      </c>
      <c r="BV36" s="114">
        <v>163506</v>
      </c>
      <c r="BW36" s="114">
        <v>155092</v>
      </c>
      <c r="BX36" s="114">
        <v>96059</v>
      </c>
      <c r="BY36" s="114">
        <v>108003</v>
      </c>
      <c r="BZ36" s="113">
        <v>647878</v>
      </c>
      <c r="CA36" s="116">
        <v>664816</v>
      </c>
      <c r="CB36" s="110">
        <v>0</v>
      </c>
      <c r="CC36" s="114">
        <v>0</v>
      </c>
      <c r="CD36" s="113">
        <v>0</v>
      </c>
      <c r="CE36" s="110">
        <v>0</v>
      </c>
      <c r="CF36" s="114">
        <v>1860239</v>
      </c>
      <c r="CG36" s="114">
        <v>2803615</v>
      </c>
      <c r="CH36" s="114">
        <v>2237431</v>
      </c>
      <c r="CI36" s="114">
        <v>1353431</v>
      </c>
      <c r="CJ36" s="114">
        <v>550002</v>
      </c>
      <c r="CK36" s="113">
        <v>8804718</v>
      </c>
      <c r="CL36" s="116">
        <v>8804718</v>
      </c>
      <c r="CM36" s="110">
        <v>0</v>
      </c>
      <c r="CN36" s="114">
        <v>0</v>
      </c>
      <c r="CO36" s="113">
        <v>0</v>
      </c>
      <c r="CP36" s="111">
        <v>0</v>
      </c>
      <c r="CQ36" s="114">
        <v>1688119</v>
      </c>
      <c r="CR36" s="114">
        <v>2385676</v>
      </c>
      <c r="CS36" s="114">
        <v>2038377</v>
      </c>
      <c r="CT36" s="114">
        <v>982192</v>
      </c>
      <c r="CU36" s="114">
        <v>354626</v>
      </c>
      <c r="CV36" s="113">
        <v>7448990</v>
      </c>
      <c r="CW36" s="116">
        <v>7448990</v>
      </c>
      <c r="CX36" s="110">
        <v>0</v>
      </c>
      <c r="CY36" s="114">
        <v>0</v>
      </c>
      <c r="CZ36" s="113">
        <v>0</v>
      </c>
      <c r="DA36" s="110">
        <v>0</v>
      </c>
      <c r="DB36" s="114">
        <v>172120</v>
      </c>
      <c r="DC36" s="114">
        <v>417939</v>
      </c>
      <c r="DD36" s="114">
        <v>199054</v>
      </c>
      <c r="DE36" s="114">
        <v>371239</v>
      </c>
      <c r="DF36" s="114">
        <v>195376</v>
      </c>
      <c r="DG36" s="113">
        <v>1355728</v>
      </c>
      <c r="DH36" s="116">
        <v>1355728</v>
      </c>
      <c r="DI36" s="110">
        <v>0</v>
      </c>
      <c r="DJ36" s="114">
        <v>0</v>
      </c>
      <c r="DK36" s="112">
        <v>0</v>
      </c>
      <c r="DL36" s="111">
        <v>0</v>
      </c>
      <c r="DM36" s="114">
        <v>247319</v>
      </c>
      <c r="DN36" s="114">
        <v>594423</v>
      </c>
      <c r="DO36" s="114">
        <v>582587</v>
      </c>
      <c r="DP36" s="114">
        <v>820741</v>
      </c>
      <c r="DQ36" s="114">
        <v>289952</v>
      </c>
      <c r="DR36" s="113">
        <v>2535022</v>
      </c>
      <c r="DS36" s="116">
        <v>2535022</v>
      </c>
      <c r="DT36" s="110">
        <v>0</v>
      </c>
      <c r="DU36" s="114">
        <v>0</v>
      </c>
      <c r="DV36" s="113">
        <v>0</v>
      </c>
      <c r="DW36" s="110">
        <v>0</v>
      </c>
      <c r="DX36" s="114">
        <v>224898</v>
      </c>
      <c r="DY36" s="114">
        <v>482158</v>
      </c>
      <c r="DZ36" s="114">
        <v>582587</v>
      </c>
      <c r="EA36" s="114">
        <v>820741</v>
      </c>
      <c r="EB36" s="114">
        <v>167516</v>
      </c>
      <c r="EC36" s="113">
        <v>2277900</v>
      </c>
      <c r="ED36" s="116">
        <v>2277900</v>
      </c>
      <c r="EE36" s="110">
        <v>0</v>
      </c>
      <c r="EF36" s="112">
        <v>0</v>
      </c>
      <c r="EG36" s="113">
        <v>0</v>
      </c>
      <c r="EH36" s="110">
        <v>0</v>
      </c>
      <c r="EI36" s="114">
        <v>22421</v>
      </c>
      <c r="EJ36" s="114">
        <v>112265</v>
      </c>
      <c r="EK36" s="114">
        <v>0</v>
      </c>
      <c r="EL36" s="114">
        <v>0</v>
      </c>
      <c r="EM36" s="114">
        <v>122436</v>
      </c>
      <c r="EN36" s="112">
        <v>257122</v>
      </c>
      <c r="EO36" s="116">
        <v>257122</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5"/>
      <c r="FE36" s="114">
        <v>0</v>
      </c>
      <c r="FF36" s="114">
        <v>0</v>
      </c>
      <c r="FG36" s="114">
        <v>0</v>
      </c>
      <c r="FH36" s="114">
        <v>0</v>
      </c>
      <c r="FI36" s="114">
        <v>0</v>
      </c>
      <c r="FJ36" s="113">
        <v>0</v>
      </c>
      <c r="FK36" s="116">
        <v>0</v>
      </c>
      <c r="FL36" s="110">
        <v>128966</v>
      </c>
      <c r="FM36" s="114">
        <v>724802</v>
      </c>
      <c r="FN36" s="113">
        <v>853768</v>
      </c>
      <c r="FO36" s="110">
        <v>0</v>
      </c>
      <c r="FP36" s="114">
        <v>640554</v>
      </c>
      <c r="FQ36" s="114">
        <v>1015791</v>
      </c>
      <c r="FR36" s="114">
        <v>770936</v>
      </c>
      <c r="FS36" s="114">
        <v>884686</v>
      </c>
      <c r="FT36" s="114">
        <v>396422</v>
      </c>
      <c r="FU36" s="113">
        <v>3708389</v>
      </c>
      <c r="FV36" s="116">
        <v>4562157</v>
      </c>
      <c r="FW36" s="115">
        <v>102830</v>
      </c>
      <c r="FX36" s="114">
        <v>572612</v>
      </c>
      <c r="FY36" s="112">
        <v>675442</v>
      </c>
      <c r="FZ36" s="111">
        <v>0</v>
      </c>
      <c r="GA36" s="114">
        <v>493062</v>
      </c>
      <c r="GB36" s="114">
        <v>797091</v>
      </c>
      <c r="GC36" s="114">
        <v>679916</v>
      </c>
      <c r="GD36" s="114">
        <v>855436</v>
      </c>
      <c r="GE36" s="114">
        <v>396422</v>
      </c>
      <c r="GF36" s="113">
        <v>3221927</v>
      </c>
      <c r="GG36" s="316">
        <v>3897369</v>
      </c>
      <c r="GH36" s="115">
        <v>26136</v>
      </c>
      <c r="GI36" s="114">
        <v>18720</v>
      </c>
      <c r="GJ36" s="112">
        <v>44856</v>
      </c>
      <c r="GK36" s="111">
        <v>0</v>
      </c>
      <c r="GL36" s="114">
        <v>20592</v>
      </c>
      <c r="GM36" s="114">
        <v>90000</v>
      </c>
      <c r="GN36" s="114">
        <v>49620</v>
      </c>
      <c r="GO36" s="114">
        <v>29250</v>
      </c>
      <c r="GP36" s="114">
        <v>0</v>
      </c>
      <c r="GQ36" s="113">
        <v>189462</v>
      </c>
      <c r="GR36" s="116">
        <v>234318</v>
      </c>
      <c r="GS36" s="110">
        <v>0</v>
      </c>
      <c r="GT36" s="114">
        <v>133470</v>
      </c>
      <c r="GU36" s="113">
        <v>133470</v>
      </c>
      <c r="GV36" s="110">
        <v>0</v>
      </c>
      <c r="GW36" s="114">
        <v>126900</v>
      </c>
      <c r="GX36" s="114">
        <v>128700</v>
      </c>
      <c r="GY36" s="114">
        <v>41400</v>
      </c>
      <c r="GZ36" s="114">
        <v>0</v>
      </c>
      <c r="HA36" s="114">
        <v>0</v>
      </c>
      <c r="HB36" s="112">
        <v>297000</v>
      </c>
      <c r="HC36" s="116">
        <v>430470</v>
      </c>
      <c r="HD36" s="110">
        <v>57370</v>
      </c>
      <c r="HE36" s="114">
        <v>96120</v>
      </c>
      <c r="HF36" s="112">
        <v>153490</v>
      </c>
      <c r="HG36" s="111">
        <v>0</v>
      </c>
      <c r="HH36" s="114">
        <v>1492597</v>
      </c>
      <c r="HI36" s="114">
        <v>1137026</v>
      </c>
      <c r="HJ36" s="114">
        <v>1238795</v>
      </c>
      <c r="HK36" s="114">
        <v>673064</v>
      </c>
      <c r="HL36" s="114">
        <v>268283</v>
      </c>
      <c r="HM36" s="113">
        <v>4809765</v>
      </c>
      <c r="HN36" s="109">
        <v>4963255</v>
      </c>
      <c r="HO36" s="115">
        <v>110367</v>
      </c>
      <c r="HP36" s="114">
        <v>268260</v>
      </c>
      <c r="HQ36" s="113">
        <v>378627</v>
      </c>
      <c r="HR36" s="110">
        <v>0</v>
      </c>
      <c r="HS36" s="114">
        <v>1402814</v>
      </c>
      <c r="HT36" s="114">
        <v>1074840</v>
      </c>
      <c r="HU36" s="114">
        <v>670923</v>
      </c>
      <c r="HV36" s="114">
        <v>548213</v>
      </c>
      <c r="HW36" s="114">
        <v>227275</v>
      </c>
      <c r="HX36" s="112">
        <v>3924065</v>
      </c>
      <c r="HY36" s="116">
        <v>4302692</v>
      </c>
      <c r="HZ36" s="150">
        <v>0</v>
      </c>
      <c r="IA36" s="135">
        <v>179104</v>
      </c>
      <c r="IB36" s="150">
        <v>179104</v>
      </c>
      <c r="IC36" s="134">
        <v>0</v>
      </c>
      <c r="ID36" s="135">
        <v>4003936</v>
      </c>
      <c r="IE36" s="136">
        <v>3363782</v>
      </c>
      <c r="IF36" s="137">
        <v>5149732</v>
      </c>
      <c r="IG36" s="135">
        <v>4360865</v>
      </c>
      <c r="IH36" s="137">
        <v>2122904</v>
      </c>
      <c r="II36" s="138">
        <v>19001219</v>
      </c>
      <c r="IJ36" s="150">
        <v>19180323</v>
      </c>
      <c r="IK36" s="232">
        <v>0</v>
      </c>
      <c r="IL36" s="236">
        <v>0</v>
      </c>
      <c r="IM36" s="237">
        <v>0</v>
      </c>
      <c r="IN36" s="140"/>
      <c r="IO36" s="119">
        <v>0</v>
      </c>
      <c r="IP36" s="119">
        <v>195992</v>
      </c>
      <c r="IQ36" s="119">
        <v>0</v>
      </c>
      <c r="IR36" s="119">
        <v>0</v>
      </c>
      <c r="IS36" s="119">
        <v>0</v>
      </c>
      <c r="IT36" s="141">
        <v>195992</v>
      </c>
      <c r="IU36" s="318">
        <v>195992</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990202</v>
      </c>
      <c r="JL36" s="119">
        <v>557967</v>
      </c>
      <c r="JM36" s="119">
        <v>551538</v>
      </c>
      <c r="JN36" s="119">
        <v>248490</v>
      </c>
      <c r="JO36" s="119">
        <v>0</v>
      </c>
      <c r="JP36" s="120">
        <v>2348197</v>
      </c>
      <c r="JQ36" s="318">
        <v>2348197</v>
      </c>
      <c r="JR36" s="142">
        <v>0</v>
      </c>
      <c r="JS36" s="119">
        <v>0</v>
      </c>
      <c r="JT36" s="141">
        <v>0</v>
      </c>
      <c r="JU36" s="118">
        <v>0</v>
      </c>
      <c r="JV36" s="119">
        <v>0</v>
      </c>
      <c r="JW36" s="119">
        <v>0</v>
      </c>
      <c r="JX36" s="119">
        <v>0</v>
      </c>
      <c r="JY36" s="119">
        <v>185975</v>
      </c>
      <c r="JZ36" s="119">
        <v>235107</v>
      </c>
      <c r="KA36" s="120">
        <v>421082</v>
      </c>
      <c r="KB36" s="318">
        <v>421082</v>
      </c>
      <c r="KC36" s="234">
        <v>0</v>
      </c>
      <c r="KD36" s="230">
        <v>179104</v>
      </c>
      <c r="KE36" s="120">
        <v>179104</v>
      </c>
      <c r="KF36" s="118">
        <v>0</v>
      </c>
      <c r="KG36" s="119">
        <v>1406707</v>
      </c>
      <c r="KH36" s="119">
        <v>555254</v>
      </c>
      <c r="KI36" s="119">
        <v>1627288</v>
      </c>
      <c r="KJ36" s="119">
        <v>902190</v>
      </c>
      <c r="KK36" s="119">
        <v>296391</v>
      </c>
      <c r="KL36" s="120">
        <v>4787830</v>
      </c>
      <c r="KM36" s="143">
        <v>4966934</v>
      </c>
      <c r="KN36" s="232">
        <v>0</v>
      </c>
      <c r="KO36" s="236">
        <v>0</v>
      </c>
      <c r="KP36" s="237">
        <v>0</v>
      </c>
      <c r="KQ36" s="140"/>
      <c r="KR36" s="119">
        <v>1607027</v>
      </c>
      <c r="KS36" s="119">
        <v>2054569</v>
      </c>
      <c r="KT36" s="119">
        <v>2970906</v>
      </c>
      <c r="KU36" s="119">
        <v>3024210</v>
      </c>
      <c r="KV36" s="119">
        <v>1591406</v>
      </c>
      <c r="KW36" s="120">
        <v>11248118</v>
      </c>
      <c r="KX36" s="318">
        <v>11248118</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18">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730560</v>
      </c>
      <c r="MK36" s="119">
        <v>2955167</v>
      </c>
      <c r="ML36" s="119">
        <v>9263017</v>
      </c>
      <c r="MM36" s="119">
        <v>12356472</v>
      </c>
      <c r="MN36" s="119">
        <v>7194722</v>
      </c>
      <c r="MO36" s="120">
        <v>32499938</v>
      </c>
      <c r="MP36" s="143">
        <v>32499938</v>
      </c>
      <c r="MQ36" s="142">
        <v>0</v>
      </c>
      <c r="MR36" s="119">
        <v>0</v>
      </c>
      <c r="MS36" s="120">
        <v>0</v>
      </c>
      <c r="MT36" s="145"/>
      <c r="MU36" s="119">
        <v>0</v>
      </c>
      <c r="MV36" s="119">
        <v>596601</v>
      </c>
      <c r="MW36" s="119">
        <v>7031764</v>
      </c>
      <c r="MX36" s="119">
        <v>7473739</v>
      </c>
      <c r="MY36" s="119">
        <v>5956858</v>
      </c>
      <c r="MZ36" s="120">
        <v>21058962</v>
      </c>
      <c r="NA36" s="143">
        <v>21058962</v>
      </c>
      <c r="NB36" s="142">
        <v>0</v>
      </c>
      <c r="NC36" s="119">
        <v>0</v>
      </c>
      <c r="ND36" s="120">
        <v>0</v>
      </c>
      <c r="NE36" s="145"/>
      <c r="NF36" s="119">
        <v>461332</v>
      </c>
      <c r="NG36" s="119">
        <v>2358566</v>
      </c>
      <c r="NH36" s="119">
        <v>2231253</v>
      </c>
      <c r="NI36" s="119">
        <v>3436706</v>
      </c>
      <c r="NJ36" s="119">
        <v>1237864</v>
      </c>
      <c r="NK36" s="120">
        <v>9725721</v>
      </c>
      <c r="NL36" s="318">
        <v>9725721</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269228</v>
      </c>
      <c r="OC36" s="119">
        <v>0</v>
      </c>
      <c r="OD36" s="119">
        <v>0</v>
      </c>
      <c r="OE36" s="119">
        <v>1446027</v>
      </c>
      <c r="OF36" s="119">
        <v>0</v>
      </c>
      <c r="OG36" s="120">
        <v>1715255</v>
      </c>
      <c r="OH36" s="121">
        <v>1715255</v>
      </c>
      <c r="OI36" s="142">
        <v>421204</v>
      </c>
      <c r="OJ36" s="119">
        <v>1476303</v>
      </c>
      <c r="OK36" s="141">
        <v>1897507</v>
      </c>
      <c r="OL36" s="118">
        <v>0</v>
      </c>
      <c r="OM36" s="119">
        <v>11402954</v>
      </c>
      <c r="ON36" s="119">
        <v>14205016</v>
      </c>
      <c r="OO36" s="119">
        <v>21787722</v>
      </c>
      <c r="OP36" s="119">
        <v>23161295</v>
      </c>
      <c r="OQ36" s="119">
        <v>12948651</v>
      </c>
      <c r="OR36" s="120">
        <v>83505638</v>
      </c>
      <c r="OS36" s="143">
        <v>85403145</v>
      </c>
    </row>
    <row r="37" spans="2:409" ht="21" customHeight="1" x14ac:dyDescent="0.2">
      <c r="B37" s="62" t="s">
        <v>32</v>
      </c>
      <c r="C37" s="110">
        <v>626901</v>
      </c>
      <c r="D37" s="114">
        <v>1247997</v>
      </c>
      <c r="E37" s="174">
        <v>1874898</v>
      </c>
      <c r="F37" s="175">
        <v>0</v>
      </c>
      <c r="G37" s="176">
        <v>9081331</v>
      </c>
      <c r="H37" s="176">
        <v>11274037</v>
      </c>
      <c r="I37" s="176">
        <v>9395576</v>
      </c>
      <c r="J37" s="176">
        <v>8331969</v>
      </c>
      <c r="K37" s="176">
        <v>7311851</v>
      </c>
      <c r="L37" s="177">
        <v>45394764</v>
      </c>
      <c r="M37" s="116">
        <v>47269662</v>
      </c>
      <c r="N37" s="110">
        <v>122544</v>
      </c>
      <c r="O37" s="114">
        <v>240134</v>
      </c>
      <c r="P37" s="113">
        <v>362678</v>
      </c>
      <c r="Q37" s="110">
        <v>0</v>
      </c>
      <c r="R37" s="114">
        <v>2118065</v>
      </c>
      <c r="S37" s="114">
        <v>2517502</v>
      </c>
      <c r="T37" s="114">
        <v>2321329</v>
      </c>
      <c r="U37" s="114">
        <v>1863510</v>
      </c>
      <c r="V37" s="114">
        <v>3569915</v>
      </c>
      <c r="W37" s="113">
        <v>12390321</v>
      </c>
      <c r="X37" s="116">
        <v>12752999</v>
      </c>
      <c r="Y37" s="110">
        <v>0</v>
      </c>
      <c r="Z37" s="114">
        <v>0</v>
      </c>
      <c r="AA37" s="113">
        <v>0</v>
      </c>
      <c r="AB37" s="110">
        <v>0</v>
      </c>
      <c r="AC37" s="114">
        <v>951954</v>
      </c>
      <c r="AD37" s="114">
        <v>801018</v>
      </c>
      <c r="AE37" s="114">
        <v>1168577</v>
      </c>
      <c r="AF37" s="114">
        <v>799261</v>
      </c>
      <c r="AG37" s="114">
        <v>1928869</v>
      </c>
      <c r="AH37" s="113">
        <v>5649679</v>
      </c>
      <c r="AI37" s="116">
        <v>5649679</v>
      </c>
      <c r="AJ37" s="110">
        <v>0</v>
      </c>
      <c r="AK37" s="114">
        <v>0</v>
      </c>
      <c r="AL37" s="113">
        <v>0</v>
      </c>
      <c r="AM37" s="110">
        <v>0</v>
      </c>
      <c r="AN37" s="114">
        <v>0</v>
      </c>
      <c r="AO37" s="114">
        <v>103752</v>
      </c>
      <c r="AP37" s="114">
        <v>161827</v>
      </c>
      <c r="AQ37" s="114">
        <v>75708</v>
      </c>
      <c r="AR37" s="114">
        <v>510446</v>
      </c>
      <c r="AS37" s="113">
        <v>851733</v>
      </c>
      <c r="AT37" s="116">
        <v>851733</v>
      </c>
      <c r="AU37" s="110">
        <v>99468</v>
      </c>
      <c r="AV37" s="114">
        <v>208175</v>
      </c>
      <c r="AW37" s="113">
        <v>307643</v>
      </c>
      <c r="AX37" s="110">
        <v>0</v>
      </c>
      <c r="AY37" s="114">
        <v>849392</v>
      </c>
      <c r="AZ37" s="114">
        <v>1332193</v>
      </c>
      <c r="BA37" s="114">
        <v>642196</v>
      </c>
      <c r="BB37" s="114">
        <v>489311</v>
      </c>
      <c r="BC37" s="114">
        <v>759024</v>
      </c>
      <c r="BD37" s="113">
        <v>4072116</v>
      </c>
      <c r="BE37" s="116">
        <v>4379759</v>
      </c>
      <c r="BF37" s="110">
        <v>0</v>
      </c>
      <c r="BG37" s="114">
        <v>0</v>
      </c>
      <c r="BH37" s="112">
        <v>0</v>
      </c>
      <c r="BI37" s="111">
        <v>0</v>
      </c>
      <c r="BJ37" s="114">
        <v>124497</v>
      </c>
      <c r="BK37" s="114">
        <v>49712</v>
      </c>
      <c r="BL37" s="114">
        <v>42867</v>
      </c>
      <c r="BM37" s="114">
        <v>123324</v>
      </c>
      <c r="BN37" s="114">
        <v>72567</v>
      </c>
      <c r="BO37" s="113">
        <v>412967</v>
      </c>
      <c r="BP37" s="116">
        <v>412967</v>
      </c>
      <c r="BQ37" s="110">
        <v>23076</v>
      </c>
      <c r="BR37" s="114">
        <v>31959</v>
      </c>
      <c r="BS37" s="113">
        <v>55035</v>
      </c>
      <c r="BT37" s="110">
        <v>0</v>
      </c>
      <c r="BU37" s="114">
        <v>192222</v>
      </c>
      <c r="BV37" s="114">
        <v>230827</v>
      </c>
      <c r="BW37" s="114">
        <v>305862</v>
      </c>
      <c r="BX37" s="114">
        <v>375906</v>
      </c>
      <c r="BY37" s="114">
        <v>299009</v>
      </c>
      <c r="BZ37" s="113">
        <v>1403826</v>
      </c>
      <c r="CA37" s="116">
        <v>1458861</v>
      </c>
      <c r="CB37" s="110">
        <v>24031</v>
      </c>
      <c r="CC37" s="114">
        <v>0</v>
      </c>
      <c r="CD37" s="113">
        <v>24031</v>
      </c>
      <c r="CE37" s="110">
        <v>0</v>
      </c>
      <c r="CF37" s="114">
        <v>3460024</v>
      </c>
      <c r="CG37" s="114">
        <v>4116851</v>
      </c>
      <c r="CH37" s="114">
        <v>3075873</v>
      </c>
      <c r="CI37" s="114">
        <v>2441104</v>
      </c>
      <c r="CJ37" s="114">
        <v>803302</v>
      </c>
      <c r="CK37" s="113">
        <v>13897154</v>
      </c>
      <c r="CL37" s="116">
        <v>13921185</v>
      </c>
      <c r="CM37" s="110">
        <v>0</v>
      </c>
      <c r="CN37" s="114">
        <v>0</v>
      </c>
      <c r="CO37" s="113">
        <v>0</v>
      </c>
      <c r="CP37" s="111">
        <v>0</v>
      </c>
      <c r="CQ37" s="114">
        <v>3009444</v>
      </c>
      <c r="CR37" s="114">
        <v>3369860</v>
      </c>
      <c r="CS37" s="114">
        <v>2655931</v>
      </c>
      <c r="CT37" s="114">
        <v>2104830</v>
      </c>
      <c r="CU37" s="114">
        <v>481607</v>
      </c>
      <c r="CV37" s="113">
        <v>11621672</v>
      </c>
      <c r="CW37" s="116">
        <v>11621672</v>
      </c>
      <c r="CX37" s="110">
        <v>24031</v>
      </c>
      <c r="CY37" s="114">
        <v>0</v>
      </c>
      <c r="CZ37" s="113">
        <v>24031</v>
      </c>
      <c r="DA37" s="110">
        <v>0</v>
      </c>
      <c r="DB37" s="114">
        <v>450580</v>
      </c>
      <c r="DC37" s="114">
        <v>746991</v>
      </c>
      <c r="DD37" s="114">
        <v>419942</v>
      </c>
      <c r="DE37" s="114">
        <v>336274</v>
      </c>
      <c r="DF37" s="114">
        <v>321695</v>
      </c>
      <c r="DG37" s="113">
        <v>2275482</v>
      </c>
      <c r="DH37" s="116">
        <v>2299513</v>
      </c>
      <c r="DI37" s="110">
        <v>0</v>
      </c>
      <c r="DJ37" s="114">
        <v>82737</v>
      </c>
      <c r="DK37" s="112">
        <v>82737</v>
      </c>
      <c r="DL37" s="111">
        <v>0</v>
      </c>
      <c r="DM37" s="114">
        <v>67176</v>
      </c>
      <c r="DN37" s="114">
        <v>1146212</v>
      </c>
      <c r="DO37" s="114">
        <v>1015847</v>
      </c>
      <c r="DP37" s="114">
        <v>1108450</v>
      </c>
      <c r="DQ37" s="114">
        <v>505379</v>
      </c>
      <c r="DR37" s="113">
        <v>3843064</v>
      </c>
      <c r="DS37" s="116">
        <v>3925801</v>
      </c>
      <c r="DT37" s="110">
        <v>0</v>
      </c>
      <c r="DU37" s="114">
        <v>22302</v>
      </c>
      <c r="DV37" s="113">
        <v>22302</v>
      </c>
      <c r="DW37" s="110">
        <v>0</v>
      </c>
      <c r="DX37" s="114">
        <v>48024</v>
      </c>
      <c r="DY37" s="114">
        <v>1064402</v>
      </c>
      <c r="DZ37" s="114">
        <v>980118</v>
      </c>
      <c r="EA37" s="114">
        <v>901690</v>
      </c>
      <c r="EB37" s="114">
        <v>505379</v>
      </c>
      <c r="EC37" s="113">
        <v>3499613</v>
      </c>
      <c r="ED37" s="116">
        <v>3521915</v>
      </c>
      <c r="EE37" s="110">
        <v>0</v>
      </c>
      <c r="EF37" s="112">
        <v>60435</v>
      </c>
      <c r="EG37" s="113">
        <v>60435</v>
      </c>
      <c r="EH37" s="110">
        <v>0</v>
      </c>
      <c r="EI37" s="114">
        <v>19152</v>
      </c>
      <c r="EJ37" s="114">
        <v>81810</v>
      </c>
      <c r="EK37" s="114">
        <v>35729</v>
      </c>
      <c r="EL37" s="114">
        <v>206760</v>
      </c>
      <c r="EM37" s="114">
        <v>0</v>
      </c>
      <c r="EN37" s="112">
        <v>343451</v>
      </c>
      <c r="EO37" s="116">
        <v>403886</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5"/>
      <c r="FE37" s="114">
        <v>0</v>
      </c>
      <c r="FF37" s="114">
        <v>0</v>
      </c>
      <c r="FG37" s="114">
        <v>0</v>
      </c>
      <c r="FH37" s="114">
        <v>0</v>
      </c>
      <c r="FI37" s="114">
        <v>0</v>
      </c>
      <c r="FJ37" s="113">
        <v>0</v>
      </c>
      <c r="FK37" s="116">
        <v>0</v>
      </c>
      <c r="FL37" s="110">
        <v>207475</v>
      </c>
      <c r="FM37" s="114">
        <v>420300</v>
      </c>
      <c r="FN37" s="113">
        <v>627775</v>
      </c>
      <c r="FO37" s="110">
        <v>0</v>
      </c>
      <c r="FP37" s="114">
        <v>686456</v>
      </c>
      <c r="FQ37" s="114">
        <v>1082336</v>
      </c>
      <c r="FR37" s="114">
        <v>909554</v>
      </c>
      <c r="FS37" s="114">
        <v>697179</v>
      </c>
      <c r="FT37" s="114">
        <v>591138</v>
      </c>
      <c r="FU37" s="113">
        <v>3966663</v>
      </c>
      <c r="FV37" s="116">
        <v>4594438</v>
      </c>
      <c r="FW37" s="115">
        <v>104020</v>
      </c>
      <c r="FX37" s="114">
        <v>316170</v>
      </c>
      <c r="FY37" s="112">
        <v>420190</v>
      </c>
      <c r="FZ37" s="111">
        <v>0</v>
      </c>
      <c r="GA37" s="114">
        <v>601460</v>
      </c>
      <c r="GB37" s="114">
        <v>1052636</v>
      </c>
      <c r="GC37" s="114">
        <v>879854</v>
      </c>
      <c r="GD37" s="114">
        <v>665994</v>
      </c>
      <c r="GE37" s="114">
        <v>591138</v>
      </c>
      <c r="GF37" s="113">
        <v>3791082</v>
      </c>
      <c r="GG37" s="316">
        <v>4211272</v>
      </c>
      <c r="GH37" s="115">
        <v>0</v>
      </c>
      <c r="GI37" s="114">
        <v>0</v>
      </c>
      <c r="GJ37" s="112">
        <v>0</v>
      </c>
      <c r="GK37" s="111">
        <v>0</v>
      </c>
      <c r="GL37" s="114">
        <v>49896</v>
      </c>
      <c r="GM37" s="114">
        <v>29700</v>
      </c>
      <c r="GN37" s="114">
        <v>29700</v>
      </c>
      <c r="GO37" s="114">
        <v>31185</v>
      </c>
      <c r="GP37" s="114">
        <v>0</v>
      </c>
      <c r="GQ37" s="113">
        <v>140481</v>
      </c>
      <c r="GR37" s="116">
        <v>140481</v>
      </c>
      <c r="GS37" s="110">
        <v>103455</v>
      </c>
      <c r="GT37" s="114">
        <v>104130</v>
      </c>
      <c r="GU37" s="113">
        <v>207585</v>
      </c>
      <c r="GV37" s="110">
        <v>0</v>
      </c>
      <c r="GW37" s="114">
        <v>35100</v>
      </c>
      <c r="GX37" s="114">
        <v>0</v>
      </c>
      <c r="GY37" s="114">
        <v>0</v>
      </c>
      <c r="GZ37" s="114">
        <v>0</v>
      </c>
      <c r="HA37" s="114">
        <v>0</v>
      </c>
      <c r="HB37" s="112">
        <v>35100</v>
      </c>
      <c r="HC37" s="116">
        <v>242685</v>
      </c>
      <c r="HD37" s="110">
        <v>179251</v>
      </c>
      <c r="HE37" s="114">
        <v>289966</v>
      </c>
      <c r="HF37" s="112">
        <v>469217</v>
      </c>
      <c r="HG37" s="111">
        <v>0</v>
      </c>
      <c r="HH37" s="114">
        <v>1096604</v>
      </c>
      <c r="HI37" s="114">
        <v>897762</v>
      </c>
      <c r="HJ37" s="114">
        <v>981552</v>
      </c>
      <c r="HK37" s="114">
        <v>1614823</v>
      </c>
      <c r="HL37" s="114">
        <v>1395382</v>
      </c>
      <c r="HM37" s="113">
        <v>5986123</v>
      </c>
      <c r="HN37" s="109">
        <v>6455340</v>
      </c>
      <c r="HO37" s="115">
        <v>93600</v>
      </c>
      <c r="HP37" s="114">
        <v>214860</v>
      </c>
      <c r="HQ37" s="113">
        <v>308460</v>
      </c>
      <c r="HR37" s="110">
        <v>0</v>
      </c>
      <c r="HS37" s="114">
        <v>1653006</v>
      </c>
      <c r="HT37" s="114">
        <v>1513374</v>
      </c>
      <c r="HU37" s="114">
        <v>1091421</v>
      </c>
      <c r="HV37" s="114">
        <v>606903</v>
      </c>
      <c r="HW37" s="114">
        <v>446735</v>
      </c>
      <c r="HX37" s="112">
        <v>5311439</v>
      </c>
      <c r="HY37" s="116">
        <v>5619899</v>
      </c>
      <c r="HZ37" s="131">
        <v>51498</v>
      </c>
      <c r="IA37" s="132">
        <v>345384</v>
      </c>
      <c r="IB37" s="133">
        <v>396882</v>
      </c>
      <c r="IC37" s="146">
        <v>0</v>
      </c>
      <c r="ID37" s="132">
        <v>3184328</v>
      </c>
      <c r="IE37" s="147">
        <v>3513519</v>
      </c>
      <c r="IF37" s="133">
        <v>7064619</v>
      </c>
      <c r="IG37" s="132">
        <v>5610798</v>
      </c>
      <c r="IH37" s="133">
        <v>2506712</v>
      </c>
      <c r="II37" s="148">
        <v>21879976</v>
      </c>
      <c r="IJ37" s="139">
        <v>22276858</v>
      </c>
      <c r="IK37" s="232">
        <v>0</v>
      </c>
      <c r="IL37" s="236">
        <v>0</v>
      </c>
      <c r="IM37" s="237">
        <v>0</v>
      </c>
      <c r="IN37" s="140"/>
      <c r="IO37" s="119">
        <v>138195</v>
      </c>
      <c r="IP37" s="119">
        <v>84616</v>
      </c>
      <c r="IQ37" s="119">
        <v>0</v>
      </c>
      <c r="IR37" s="119">
        <v>0</v>
      </c>
      <c r="IS37" s="119">
        <v>270981</v>
      </c>
      <c r="IT37" s="141">
        <v>493792</v>
      </c>
      <c r="IU37" s="318">
        <v>493792</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1506949</v>
      </c>
      <c r="JL37" s="119">
        <v>2054360</v>
      </c>
      <c r="JM37" s="119">
        <v>1281676</v>
      </c>
      <c r="JN37" s="119">
        <v>482564</v>
      </c>
      <c r="JO37" s="119">
        <v>193424</v>
      </c>
      <c r="JP37" s="120">
        <v>5518973</v>
      </c>
      <c r="JQ37" s="318">
        <v>5518973</v>
      </c>
      <c r="JR37" s="142">
        <v>0</v>
      </c>
      <c r="JS37" s="119">
        <v>0</v>
      </c>
      <c r="JT37" s="141">
        <v>0</v>
      </c>
      <c r="JU37" s="118">
        <v>0</v>
      </c>
      <c r="JV37" s="119">
        <v>269761</v>
      </c>
      <c r="JW37" s="119">
        <v>108999</v>
      </c>
      <c r="JX37" s="119">
        <v>313182</v>
      </c>
      <c r="JY37" s="119">
        <v>0</v>
      </c>
      <c r="JZ37" s="119">
        <v>178154</v>
      </c>
      <c r="KA37" s="120">
        <v>870096</v>
      </c>
      <c r="KB37" s="318">
        <v>870096</v>
      </c>
      <c r="KC37" s="234">
        <v>51498</v>
      </c>
      <c r="KD37" s="230">
        <v>345384</v>
      </c>
      <c r="KE37" s="120">
        <v>396882</v>
      </c>
      <c r="KF37" s="118">
        <v>0</v>
      </c>
      <c r="KG37" s="119">
        <v>584586</v>
      </c>
      <c r="KH37" s="119">
        <v>131782</v>
      </c>
      <c r="KI37" s="119">
        <v>642816</v>
      </c>
      <c r="KJ37" s="119">
        <v>909054</v>
      </c>
      <c r="KK37" s="119">
        <v>0</v>
      </c>
      <c r="KL37" s="120">
        <v>2268238</v>
      </c>
      <c r="KM37" s="143">
        <v>2665120</v>
      </c>
      <c r="KN37" s="232">
        <v>0</v>
      </c>
      <c r="KO37" s="236">
        <v>0</v>
      </c>
      <c r="KP37" s="237">
        <v>0</v>
      </c>
      <c r="KQ37" s="140"/>
      <c r="KR37" s="119">
        <v>506709</v>
      </c>
      <c r="KS37" s="119">
        <v>1043858</v>
      </c>
      <c r="KT37" s="119">
        <v>2427401</v>
      </c>
      <c r="KU37" s="119">
        <v>2267226</v>
      </c>
      <c r="KV37" s="119">
        <v>1601803</v>
      </c>
      <c r="KW37" s="120">
        <v>7846997</v>
      </c>
      <c r="KX37" s="318">
        <v>7846997</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78128</v>
      </c>
      <c r="LO37" s="119">
        <v>89904</v>
      </c>
      <c r="LP37" s="119">
        <v>2399544</v>
      </c>
      <c r="LQ37" s="119">
        <v>1951954</v>
      </c>
      <c r="LR37" s="119">
        <v>262350</v>
      </c>
      <c r="LS37" s="120">
        <v>4881880</v>
      </c>
      <c r="LT37" s="318">
        <v>4881880</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680480</v>
      </c>
      <c r="MK37" s="119">
        <v>2952468</v>
      </c>
      <c r="ML37" s="119">
        <v>7049145</v>
      </c>
      <c r="MM37" s="119">
        <v>12293180</v>
      </c>
      <c r="MN37" s="119">
        <v>5709424</v>
      </c>
      <c r="MO37" s="120">
        <v>28684697</v>
      </c>
      <c r="MP37" s="143">
        <v>28684697</v>
      </c>
      <c r="MQ37" s="142">
        <v>0</v>
      </c>
      <c r="MR37" s="119">
        <v>0</v>
      </c>
      <c r="MS37" s="120">
        <v>0</v>
      </c>
      <c r="MT37" s="145"/>
      <c r="MU37" s="119">
        <v>419741</v>
      </c>
      <c r="MV37" s="119">
        <v>0</v>
      </c>
      <c r="MW37" s="119">
        <v>2617491</v>
      </c>
      <c r="MX37" s="119">
        <v>6687888</v>
      </c>
      <c r="MY37" s="119">
        <v>3700104</v>
      </c>
      <c r="MZ37" s="120">
        <v>13425224</v>
      </c>
      <c r="NA37" s="143">
        <v>13425224</v>
      </c>
      <c r="NB37" s="142">
        <v>0</v>
      </c>
      <c r="NC37" s="119">
        <v>0</v>
      </c>
      <c r="ND37" s="120">
        <v>0</v>
      </c>
      <c r="NE37" s="145"/>
      <c r="NF37" s="119">
        <v>260739</v>
      </c>
      <c r="NG37" s="119">
        <v>2952468</v>
      </c>
      <c r="NH37" s="119">
        <v>3774501</v>
      </c>
      <c r="NI37" s="119">
        <v>5605292</v>
      </c>
      <c r="NJ37" s="119">
        <v>1602320</v>
      </c>
      <c r="NK37" s="120">
        <v>14195320</v>
      </c>
      <c r="NL37" s="318">
        <v>14195320</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657153</v>
      </c>
      <c r="OE37" s="119">
        <v>0</v>
      </c>
      <c r="OF37" s="119">
        <v>407000</v>
      </c>
      <c r="OG37" s="120">
        <v>1064153</v>
      </c>
      <c r="OH37" s="121">
        <v>1064153</v>
      </c>
      <c r="OI37" s="142">
        <v>678399</v>
      </c>
      <c r="OJ37" s="119">
        <v>1593381</v>
      </c>
      <c r="OK37" s="141">
        <v>2271780</v>
      </c>
      <c r="OL37" s="118">
        <v>0</v>
      </c>
      <c r="OM37" s="119">
        <v>12946139</v>
      </c>
      <c r="ON37" s="119">
        <v>17740024</v>
      </c>
      <c r="OO37" s="119">
        <v>23509340</v>
      </c>
      <c r="OP37" s="119">
        <v>26235947</v>
      </c>
      <c r="OQ37" s="119">
        <v>15527987</v>
      </c>
      <c r="OR37" s="120">
        <v>95959437</v>
      </c>
      <c r="OS37" s="143">
        <v>98231217</v>
      </c>
    </row>
    <row r="38" spans="2:409" ht="21" customHeight="1" x14ac:dyDescent="0.2">
      <c r="B38" s="62" t="s">
        <v>33</v>
      </c>
      <c r="C38" s="110">
        <v>1310058</v>
      </c>
      <c r="D38" s="114">
        <v>2154760</v>
      </c>
      <c r="E38" s="113">
        <v>3464818</v>
      </c>
      <c r="F38" s="109">
        <v>0</v>
      </c>
      <c r="G38" s="114">
        <v>8550041</v>
      </c>
      <c r="H38" s="114">
        <v>9137596</v>
      </c>
      <c r="I38" s="114">
        <v>7716137</v>
      </c>
      <c r="J38" s="114">
        <v>4521826</v>
      </c>
      <c r="K38" s="114">
        <v>4654164</v>
      </c>
      <c r="L38" s="173">
        <v>34579764</v>
      </c>
      <c r="M38" s="116">
        <v>38044582</v>
      </c>
      <c r="N38" s="110">
        <v>512630</v>
      </c>
      <c r="O38" s="114">
        <v>841004</v>
      </c>
      <c r="P38" s="113">
        <v>1353634</v>
      </c>
      <c r="Q38" s="110">
        <v>0</v>
      </c>
      <c r="R38" s="114">
        <v>2588908</v>
      </c>
      <c r="S38" s="114">
        <v>2567751</v>
      </c>
      <c r="T38" s="114">
        <v>2096298</v>
      </c>
      <c r="U38" s="114">
        <v>1111040</v>
      </c>
      <c r="V38" s="114">
        <v>2691825</v>
      </c>
      <c r="W38" s="113">
        <v>11055822</v>
      </c>
      <c r="X38" s="116">
        <v>12409456</v>
      </c>
      <c r="Y38" s="110">
        <v>0</v>
      </c>
      <c r="Z38" s="114">
        <v>0</v>
      </c>
      <c r="AA38" s="113">
        <v>0</v>
      </c>
      <c r="AB38" s="110">
        <v>0</v>
      </c>
      <c r="AC38" s="114">
        <v>466145</v>
      </c>
      <c r="AD38" s="114">
        <v>833515</v>
      </c>
      <c r="AE38" s="114">
        <v>986928</v>
      </c>
      <c r="AF38" s="114">
        <v>567784</v>
      </c>
      <c r="AG38" s="114">
        <v>1846900</v>
      </c>
      <c r="AH38" s="113">
        <v>4701272</v>
      </c>
      <c r="AI38" s="116">
        <v>4701272</v>
      </c>
      <c r="AJ38" s="110">
        <v>0</v>
      </c>
      <c r="AK38" s="114">
        <v>0</v>
      </c>
      <c r="AL38" s="113">
        <v>0</v>
      </c>
      <c r="AM38" s="110">
        <v>0</v>
      </c>
      <c r="AN38" s="114">
        <v>0</v>
      </c>
      <c r="AO38" s="114">
        <v>0</v>
      </c>
      <c r="AP38" s="114">
        <v>90976</v>
      </c>
      <c r="AQ38" s="114">
        <v>98334</v>
      </c>
      <c r="AR38" s="114">
        <v>252624</v>
      </c>
      <c r="AS38" s="113">
        <v>441934</v>
      </c>
      <c r="AT38" s="116">
        <v>441934</v>
      </c>
      <c r="AU38" s="110">
        <v>22860</v>
      </c>
      <c r="AV38" s="114">
        <v>76750</v>
      </c>
      <c r="AW38" s="113">
        <v>99610</v>
      </c>
      <c r="AX38" s="110">
        <v>0</v>
      </c>
      <c r="AY38" s="114">
        <v>556995</v>
      </c>
      <c r="AZ38" s="114">
        <v>491601</v>
      </c>
      <c r="BA38" s="114">
        <v>204735</v>
      </c>
      <c r="BB38" s="114">
        <v>210989</v>
      </c>
      <c r="BC38" s="114">
        <v>225497</v>
      </c>
      <c r="BD38" s="113">
        <v>1689817</v>
      </c>
      <c r="BE38" s="116">
        <v>1789427</v>
      </c>
      <c r="BF38" s="110">
        <v>385852</v>
      </c>
      <c r="BG38" s="114">
        <v>647146</v>
      </c>
      <c r="BH38" s="112">
        <v>1032998</v>
      </c>
      <c r="BI38" s="111">
        <v>0</v>
      </c>
      <c r="BJ38" s="114">
        <v>1260481</v>
      </c>
      <c r="BK38" s="114">
        <v>787400</v>
      </c>
      <c r="BL38" s="114">
        <v>351100</v>
      </c>
      <c r="BM38" s="114">
        <v>114593</v>
      </c>
      <c r="BN38" s="114">
        <v>168389</v>
      </c>
      <c r="BO38" s="113">
        <v>2681963</v>
      </c>
      <c r="BP38" s="116">
        <v>3714961</v>
      </c>
      <c r="BQ38" s="110">
        <v>103918</v>
      </c>
      <c r="BR38" s="114">
        <v>117108</v>
      </c>
      <c r="BS38" s="113">
        <v>221026</v>
      </c>
      <c r="BT38" s="110">
        <v>0</v>
      </c>
      <c r="BU38" s="114">
        <v>305287</v>
      </c>
      <c r="BV38" s="114">
        <v>455235</v>
      </c>
      <c r="BW38" s="114">
        <v>462559</v>
      </c>
      <c r="BX38" s="114">
        <v>119340</v>
      </c>
      <c r="BY38" s="114">
        <v>198415</v>
      </c>
      <c r="BZ38" s="113">
        <v>1540836</v>
      </c>
      <c r="CA38" s="116">
        <v>1761862</v>
      </c>
      <c r="CB38" s="110">
        <v>117189</v>
      </c>
      <c r="CC38" s="114">
        <v>601545</v>
      </c>
      <c r="CD38" s="113">
        <v>718734</v>
      </c>
      <c r="CE38" s="110">
        <v>0</v>
      </c>
      <c r="CF38" s="114">
        <v>1629670</v>
      </c>
      <c r="CG38" s="114">
        <v>1438439</v>
      </c>
      <c r="CH38" s="114">
        <v>1256842</v>
      </c>
      <c r="CI38" s="114">
        <v>335737</v>
      </c>
      <c r="CJ38" s="114">
        <v>529495</v>
      </c>
      <c r="CK38" s="113">
        <v>5190183</v>
      </c>
      <c r="CL38" s="116">
        <v>5908917</v>
      </c>
      <c r="CM38" s="110">
        <v>0</v>
      </c>
      <c r="CN38" s="114">
        <v>0</v>
      </c>
      <c r="CO38" s="113">
        <v>0</v>
      </c>
      <c r="CP38" s="111">
        <v>0</v>
      </c>
      <c r="CQ38" s="114">
        <v>521284</v>
      </c>
      <c r="CR38" s="114">
        <v>715566</v>
      </c>
      <c r="CS38" s="114">
        <v>604212</v>
      </c>
      <c r="CT38" s="114">
        <v>301985</v>
      </c>
      <c r="CU38" s="114">
        <v>386746</v>
      </c>
      <c r="CV38" s="113">
        <v>2529793</v>
      </c>
      <c r="CW38" s="116">
        <v>2529793</v>
      </c>
      <c r="CX38" s="110">
        <v>117189</v>
      </c>
      <c r="CY38" s="114">
        <v>601545</v>
      </c>
      <c r="CZ38" s="113">
        <v>718734</v>
      </c>
      <c r="DA38" s="110">
        <v>0</v>
      </c>
      <c r="DB38" s="114">
        <v>1108386</v>
      </c>
      <c r="DC38" s="114">
        <v>722873</v>
      </c>
      <c r="DD38" s="114">
        <v>652630</v>
      </c>
      <c r="DE38" s="114">
        <v>33752</v>
      </c>
      <c r="DF38" s="114">
        <v>142749</v>
      </c>
      <c r="DG38" s="113">
        <v>2660390</v>
      </c>
      <c r="DH38" s="116">
        <v>3379124</v>
      </c>
      <c r="DI38" s="110">
        <v>0</v>
      </c>
      <c r="DJ38" s="114">
        <v>0</v>
      </c>
      <c r="DK38" s="112">
        <v>0</v>
      </c>
      <c r="DL38" s="111">
        <v>0</v>
      </c>
      <c r="DM38" s="114">
        <v>468548</v>
      </c>
      <c r="DN38" s="114">
        <v>761216</v>
      </c>
      <c r="DO38" s="114">
        <v>712712</v>
      </c>
      <c r="DP38" s="114">
        <v>931669</v>
      </c>
      <c r="DQ38" s="114">
        <v>58344</v>
      </c>
      <c r="DR38" s="113">
        <v>2932489</v>
      </c>
      <c r="DS38" s="116">
        <v>2932489</v>
      </c>
      <c r="DT38" s="110">
        <v>0</v>
      </c>
      <c r="DU38" s="114">
        <v>0</v>
      </c>
      <c r="DV38" s="113">
        <v>0</v>
      </c>
      <c r="DW38" s="110">
        <v>0</v>
      </c>
      <c r="DX38" s="114">
        <v>408003</v>
      </c>
      <c r="DY38" s="114">
        <v>689660</v>
      </c>
      <c r="DZ38" s="114">
        <v>540069</v>
      </c>
      <c r="EA38" s="114">
        <v>931669</v>
      </c>
      <c r="EB38" s="114">
        <v>0</v>
      </c>
      <c r="EC38" s="113">
        <v>2569401</v>
      </c>
      <c r="ED38" s="116">
        <v>2569401</v>
      </c>
      <c r="EE38" s="110">
        <v>0</v>
      </c>
      <c r="EF38" s="112">
        <v>0</v>
      </c>
      <c r="EG38" s="113">
        <v>0</v>
      </c>
      <c r="EH38" s="110">
        <v>0</v>
      </c>
      <c r="EI38" s="114">
        <v>60545</v>
      </c>
      <c r="EJ38" s="114">
        <v>71556</v>
      </c>
      <c r="EK38" s="114">
        <v>172643</v>
      </c>
      <c r="EL38" s="114">
        <v>0</v>
      </c>
      <c r="EM38" s="114">
        <v>58344</v>
      </c>
      <c r="EN38" s="112">
        <v>363088</v>
      </c>
      <c r="EO38" s="116">
        <v>363088</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5"/>
      <c r="FE38" s="114">
        <v>0</v>
      </c>
      <c r="FF38" s="114">
        <v>0</v>
      </c>
      <c r="FG38" s="114">
        <v>0</v>
      </c>
      <c r="FH38" s="114">
        <v>0</v>
      </c>
      <c r="FI38" s="114">
        <v>0</v>
      </c>
      <c r="FJ38" s="113">
        <v>0</v>
      </c>
      <c r="FK38" s="116">
        <v>0</v>
      </c>
      <c r="FL38" s="110">
        <v>226550</v>
      </c>
      <c r="FM38" s="114">
        <v>168664</v>
      </c>
      <c r="FN38" s="113">
        <v>395214</v>
      </c>
      <c r="FO38" s="110">
        <v>0</v>
      </c>
      <c r="FP38" s="114">
        <v>554068</v>
      </c>
      <c r="FQ38" s="114">
        <v>608223</v>
      </c>
      <c r="FR38" s="114">
        <v>405453</v>
      </c>
      <c r="FS38" s="114">
        <v>164880</v>
      </c>
      <c r="FT38" s="114">
        <v>564149</v>
      </c>
      <c r="FU38" s="113">
        <v>2296773</v>
      </c>
      <c r="FV38" s="116">
        <v>2691987</v>
      </c>
      <c r="FW38" s="115">
        <v>86550</v>
      </c>
      <c r="FX38" s="114">
        <v>168664</v>
      </c>
      <c r="FY38" s="112">
        <v>255214</v>
      </c>
      <c r="FZ38" s="111">
        <v>0</v>
      </c>
      <c r="GA38" s="114">
        <v>539020</v>
      </c>
      <c r="GB38" s="114">
        <v>608223</v>
      </c>
      <c r="GC38" s="114">
        <v>364566</v>
      </c>
      <c r="GD38" s="114">
        <v>164880</v>
      </c>
      <c r="GE38" s="114">
        <v>522173</v>
      </c>
      <c r="GF38" s="113">
        <v>2198862</v>
      </c>
      <c r="GG38" s="316">
        <v>2454076</v>
      </c>
      <c r="GH38" s="115">
        <v>0</v>
      </c>
      <c r="GI38" s="114">
        <v>0</v>
      </c>
      <c r="GJ38" s="112">
        <v>0</v>
      </c>
      <c r="GK38" s="111">
        <v>0</v>
      </c>
      <c r="GL38" s="114">
        <v>15048</v>
      </c>
      <c r="GM38" s="114">
        <v>0</v>
      </c>
      <c r="GN38" s="114">
        <v>0</v>
      </c>
      <c r="GO38" s="114">
        <v>0</v>
      </c>
      <c r="GP38" s="114">
        <v>41976</v>
      </c>
      <c r="GQ38" s="113">
        <v>57024</v>
      </c>
      <c r="GR38" s="116">
        <v>57024</v>
      </c>
      <c r="GS38" s="110">
        <v>140000</v>
      </c>
      <c r="GT38" s="114">
        <v>0</v>
      </c>
      <c r="GU38" s="113">
        <v>140000</v>
      </c>
      <c r="GV38" s="110">
        <v>0</v>
      </c>
      <c r="GW38" s="114">
        <v>0</v>
      </c>
      <c r="GX38" s="114">
        <v>0</v>
      </c>
      <c r="GY38" s="114">
        <v>40887</v>
      </c>
      <c r="GZ38" s="114">
        <v>0</v>
      </c>
      <c r="HA38" s="114">
        <v>0</v>
      </c>
      <c r="HB38" s="112">
        <v>40887</v>
      </c>
      <c r="HC38" s="116">
        <v>180887</v>
      </c>
      <c r="HD38" s="110">
        <v>301675</v>
      </c>
      <c r="HE38" s="114">
        <v>297119</v>
      </c>
      <c r="HF38" s="112">
        <v>598794</v>
      </c>
      <c r="HG38" s="111">
        <v>0</v>
      </c>
      <c r="HH38" s="114">
        <v>1965079</v>
      </c>
      <c r="HI38" s="114">
        <v>2932642</v>
      </c>
      <c r="HJ38" s="114">
        <v>2667078</v>
      </c>
      <c r="HK38" s="114">
        <v>1808925</v>
      </c>
      <c r="HL38" s="114">
        <v>511046</v>
      </c>
      <c r="HM38" s="113">
        <v>9884770</v>
      </c>
      <c r="HN38" s="109">
        <v>10483564</v>
      </c>
      <c r="HO38" s="115">
        <v>152014</v>
      </c>
      <c r="HP38" s="114">
        <v>246428</v>
      </c>
      <c r="HQ38" s="113">
        <v>398442</v>
      </c>
      <c r="HR38" s="110">
        <v>0</v>
      </c>
      <c r="HS38" s="114">
        <v>1343768</v>
      </c>
      <c r="HT38" s="114">
        <v>829325</v>
      </c>
      <c r="HU38" s="114">
        <v>577754</v>
      </c>
      <c r="HV38" s="114">
        <v>169575</v>
      </c>
      <c r="HW38" s="114">
        <v>299305</v>
      </c>
      <c r="HX38" s="112">
        <v>3219727</v>
      </c>
      <c r="HY38" s="116">
        <v>3618169</v>
      </c>
      <c r="HZ38" s="150">
        <v>0</v>
      </c>
      <c r="IA38" s="135">
        <v>237987</v>
      </c>
      <c r="IB38" s="150">
        <v>237987</v>
      </c>
      <c r="IC38" s="146">
        <v>0</v>
      </c>
      <c r="ID38" s="132">
        <v>2443382</v>
      </c>
      <c r="IE38" s="147">
        <v>2720211</v>
      </c>
      <c r="IF38" s="133">
        <v>3871375</v>
      </c>
      <c r="IG38" s="132">
        <v>654905</v>
      </c>
      <c r="IH38" s="133">
        <v>2782898</v>
      </c>
      <c r="II38" s="148">
        <v>12472771</v>
      </c>
      <c r="IJ38" s="150">
        <v>12710758</v>
      </c>
      <c r="IK38" s="232">
        <v>0</v>
      </c>
      <c r="IL38" s="236">
        <v>0</v>
      </c>
      <c r="IM38" s="237">
        <v>0</v>
      </c>
      <c r="IN38" s="140"/>
      <c r="IO38" s="119">
        <v>0</v>
      </c>
      <c r="IP38" s="119">
        <v>0</v>
      </c>
      <c r="IQ38" s="119">
        <v>0</v>
      </c>
      <c r="IR38" s="119">
        <v>0</v>
      </c>
      <c r="IS38" s="119">
        <v>0</v>
      </c>
      <c r="IT38" s="141">
        <v>0</v>
      </c>
      <c r="IU38" s="318">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327251</v>
      </c>
      <c r="JL38" s="119">
        <v>877963</v>
      </c>
      <c r="JM38" s="119">
        <v>637236</v>
      </c>
      <c r="JN38" s="119">
        <v>23451</v>
      </c>
      <c r="JO38" s="119">
        <v>283478</v>
      </c>
      <c r="JP38" s="120">
        <v>3149379</v>
      </c>
      <c r="JQ38" s="318">
        <v>3149379</v>
      </c>
      <c r="JR38" s="142">
        <v>0</v>
      </c>
      <c r="JS38" s="119">
        <v>0</v>
      </c>
      <c r="JT38" s="141">
        <v>0</v>
      </c>
      <c r="JU38" s="118">
        <v>0</v>
      </c>
      <c r="JV38" s="119">
        <v>0</v>
      </c>
      <c r="JW38" s="119">
        <v>0</v>
      </c>
      <c r="JX38" s="119">
        <v>194418</v>
      </c>
      <c r="JY38" s="119">
        <v>0</v>
      </c>
      <c r="JZ38" s="119">
        <v>0</v>
      </c>
      <c r="KA38" s="120">
        <v>194418</v>
      </c>
      <c r="KB38" s="318">
        <v>194418</v>
      </c>
      <c r="KC38" s="234">
        <v>0</v>
      </c>
      <c r="KD38" s="230">
        <v>0</v>
      </c>
      <c r="KE38" s="120">
        <v>0</v>
      </c>
      <c r="KF38" s="118">
        <v>0</v>
      </c>
      <c r="KG38" s="119">
        <v>0</v>
      </c>
      <c r="KH38" s="119">
        <v>0</v>
      </c>
      <c r="KI38" s="119">
        <v>0</v>
      </c>
      <c r="KJ38" s="119">
        <v>0</v>
      </c>
      <c r="KK38" s="119">
        <v>0</v>
      </c>
      <c r="KL38" s="120">
        <v>0</v>
      </c>
      <c r="KM38" s="143">
        <v>0</v>
      </c>
      <c r="KN38" s="232">
        <v>0</v>
      </c>
      <c r="KO38" s="236">
        <v>237987</v>
      </c>
      <c r="KP38" s="237">
        <v>237987</v>
      </c>
      <c r="KQ38" s="140"/>
      <c r="KR38" s="119">
        <v>503224</v>
      </c>
      <c r="KS38" s="119">
        <v>788103</v>
      </c>
      <c r="KT38" s="119">
        <v>2244859</v>
      </c>
      <c r="KU38" s="119">
        <v>0</v>
      </c>
      <c r="KV38" s="119">
        <v>280761</v>
      </c>
      <c r="KW38" s="120">
        <v>3816947</v>
      </c>
      <c r="KX38" s="318">
        <v>4054934</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18">
        <v>0</v>
      </c>
      <c r="LU38" s="142">
        <v>0</v>
      </c>
      <c r="LV38" s="119">
        <v>0</v>
      </c>
      <c r="LW38" s="120">
        <v>0</v>
      </c>
      <c r="LX38" s="145"/>
      <c r="LY38" s="119">
        <v>612907</v>
      </c>
      <c r="LZ38" s="119">
        <v>1054145</v>
      </c>
      <c r="MA38" s="119">
        <v>794862</v>
      </c>
      <c r="MB38" s="119">
        <v>631454</v>
      </c>
      <c r="MC38" s="119">
        <v>2218659</v>
      </c>
      <c r="MD38" s="120">
        <v>5312027</v>
      </c>
      <c r="ME38" s="121">
        <v>5312027</v>
      </c>
      <c r="MF38" s="142">
        <v>0</v>
      </c>
      <c r="MG38" s="119">
        <v>0</v>
      </c>
      <c r="MH38" s="120">
        <v>0</v>
      </c>
      <c r="MI38" s="145"/>
      <c r="MJ38" s="119">
        <v>2224272</v>
      </c>
      <c r="MK38" s="119">
        <v>4886002</v>
      </c>
      <c r="ML38" s="119">
        <v>10647104</v>
      </c>
      <c r="MM38" s="119">
        <v>16899142</v>
      </c>
      <c r="MN38" s="119">
        <v>11694573</v>
      </c>
      <c r="MO38" s="120">
        <v>46351093</v>
      </c>
      <c r="MP38" s="143">
        <v>46351093</v>
      </c>
      <c r="MQ38" s="142">
        <v>0</v>
      </c>
      <c r="MR38" s="119">
        <v>0</v>
      </c>
      <c r="MS38" s="120">
        <v>0</v>
      </c>
      <c r="MT38" s="145"/>
      <c r="MU38" s="119">
        <v>0</v>
      </c>
      <c r="MV38" s="119">
        <v>1083734</v>
      </c>
      <c r="MW38" s="119">
        <v>5228134</v>
      </c>
      <c r="MX38" s="119">
        <v>8646648</v>
      </c>
      <c r="MY38" s="119">
        <v>6326026</v>
      </c>
      <c r="MZ38" s="120">
        <v>21284542</v>
      </c>
      <c r="NA38" s="143">
        <v>21284542</v>
      </c>
      <c r="NB38" s="142">
        <v>0</v>
      </c>
      <c r="NC38" s="119">
        <v>0</v>
      </c>
      <c r="ND38" s="120">
        <v>0</v>
      </c>
      <c r="NE38" s="145"/>
      <c r="NF38" s="119">
        <v>1400077</v>
      </c>
      <c r="NG38" s="119">
        <v>2131429</v>
      </c>
      <c r="NH38" s="119">
        <v>3318056</v>
      </c>
      <c r="NI38" s="119">
        <v>5355386</v>
      </c>
      <c r="NJ38" s="119">
        <v>1958045</v>
      </c>
      <c r="NK38" s="120">
        <v>14162993</v>
      </c>
      <c r="NL38" s="318">
        <v>14162993</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824195</v>
      </c>
      <c r="OC38" s="119">
        <v>1670839</v>
      </c>
      <c r="OD38" s="119">
        <v>2100914</v>
      </c>
      <c r="OE38" s="119">
        <v>2897108</v>
      </c>
      <c r="OF38" s="119">
        <v>3410502</v>
      </c>
      <c r="OG38" s="120">
        <v>10903558</v>
      </c>
      <c r="OH38" s="121">
        <v>10903558</v>
      </c>
      <c r="OI38" s="142">
        <v>1310058</v>
      </c>
      <c r="OJ38" s="119">
        <v>2392747</v>
      </c>
      <c r="OK38" s="141">
        <v>3702805</v>
      </c>
      <c r="OL38" s="118">
        <v>0</v>
      </c>
      <c r="OM38" s="119">
        <v>13217695</v>
      </c>
      <c r="ON38" s="119">
        <v>16743809</v>
      </c>
      <c r="OO38" s="119">
        <v>22234616</v>
      </c>
      <c r="OP38" s="119">
        <v>22075873</v>
      </c>
      <c r="OQ38" s="119">
        <v>19131635</v>
      </c>
      <c r="OR38" s="120">
        <v>93403628</v>
      </c>
      <c r="OS38" s="143">
        <v>97106433</v>
      </c>
    </row>
    <row r="39" spans="2:409" ht="21" customHeight="1" x14ac:dyDescent="0.2">
      <c r="B39" s="62" t="s">
        <v>34</v>
      </c>
      <c r="C39" s="110">
        <v>449442</v>
      </c>
      <c r="D39" s="114">
        <v>699926</v>
      </c>
      <c r="E39" s="174">
        <v>1149368</v>
      </c>
      <c r="F39" s="175">
        <v>0</v>
      </c>
      <c r="G39" s="176">
        <v>7102574</v>
      </c>
      <c r="H39" s="176">
        <v>5713823</v>
      </c>
      <c r="I39" s="176">
        <v>4563984</v>
      </c>
      <c r="J39" s="176">
        <v>6635452</v>
      </c>
      <c r="K39" s="176">
        <v>2531365</v>
      </c>
      <c r="L39" s="177">
        <v>26547198</v>
      </c>
      <c r="M39" s="116">
        <v>27696566</v>
      </c>
      <c r="N39" s="110">
        <v>78570</v>
      </c>
      <c r="O39" s="114">
        <v>276102</v>
      </c>
      <c r="P39" s="113">
        <v>354672</v>
      </c>
      <c r="Q39" s="110">
        <v>0</v>
      </c>
      <c r="R39" s="114">
        <v>1395789</v>
      </c>
      <c r="S39" s="114">
        <v>1233919</v>
      </c>
      <c r="T39" s="114">
        <v>1536272</v>
      </c>
      <c r="U39" s="114">
        <v>1429689</v>
      </c>
      <c r="V39" s="114">
        <v>1000195</v>
      </c>
      <c r="W39" s="113">
        <v>6595864</v>
      </c>
      <c r="X39" s="116">
        <v>6950536</v>
      </c>
      <c r="Y39" s="110">
        <v>0</v>
      </c>
      <c r="Z39" s="114">
        <v>0</v>
      </c>
      <c r="AA39" s="113">
        <v>0</v>
      </c>
      <c r="AB39" s="110">
        <v>0</v>
      </c>
      <c r="AC39" s="114">
        <v>376204</v>
      </c>
      <c r="AD39" s="114">
        <v>411468</v>
      </c>
      <c r="AE39" s="114">
        <v>909341</v>
      </c>
      <c r="AF39" s="114">
        <v>739686</v>
      </c>
      <c r="AG39" s="114">
        <v>134031</v>
      </c>
      <c r="AH39" s="113">
        <v>2570730</v>
      </c>
      <c r="AI39" s="116">
        <v>2570730</v>
      </c>
      <c r="AJ39" s="110">
        <v>0</v>
      </c>
      <c r="AK39" s="114">
        <v>0</v>
      </c>
      <c r="AL39" s="113">
        <v>0</v>
      </c>
      <c r="AM39" s="110">
        <v>0</v>
      </c>
      <c r="AN39" s="114">
        <v>0</v>
      </c>
      <c r="AO39" s="114">
        <v>51129</v>
      </c>
      <c r="AP39" s="114">
        <v>0</v>
      </c>
      <c r="AQ39" s="114">
        <v>73854</v>
      </c>
      <c r="AR39" s="114">
        <v>383778</v>
      </c>
      <c r="AS39" s="113">
        <v>508761</v>
      </c>
      <c r="AT39" s="116">
        <v>508761</v>
      </c>
      <c r="AU39" s="110">
        <v>12150</v>
      </c>
      <c r="AV39" s="114">
        <v>256626</v>
      </c>
      <c r="AW39" s="113">
        <v>268776</v>
      </c>
      <c r="AX39" s="110">
        <v>0</v>
      </c>
      <c r="AY39" s="114">
        <v>379191</v>
      </c>
      <c r="AZ39" s="114">
        <v>368019</v>
      </c>
      <c r="BA39" s="114">
        <v>339775</v>
      </c>
      <c r="BB39" s="114">
        <v>247473</v>
      </c>
      <c r="BC39" s="114">
        <v>156690</v>
      </c>
      <c r="BD39" s="113">
        <v>1491148</v>
      </c>
      <c r="BE39" s="116">
        <v>1759924</v>
      </c>
      <c r="BF39" s="110">
        <v>0</v>
      </c>
      <c r="BG39" s="114">
        <v>0</v>
      </c>
      <c r="BH39" s="112">
        <v>0</v>
      </c>
      <c r="BI39" s="111">
        <v>0</v>
      </c>
      <c r="BJ39" s="114">
        <v>184158</v>
      </c>
      <c r="BK39" s="114">
        <v>139583</v>
      </c>
      <c r="BL39" s="114">
        <v>116388</v>
      </c>
      <c r="BM39" s="114">
        <v>33480</v>
      </c>
      <c r="BN39" s="114">
        <v>53442</v>
      </c>
      <c r="BO39" s="113">
        <v>527051</v>
      </c>
      <c r="BP39" s="116">
        <v>527051</v>
      </c>
      <c r="BQ39" s="110">
        <v>66420</v>
      </c>
      <c r="BR39" s="114">
        <v>19476</v>
      </c>
      <c r="BS39" s="113">
        <v>85896</v>
      </c>
      <c r="BT39" s="110">
        <v>0</v>
      </c>
      <c r="BU39" s="114">
        <v>456236</v>
      </c>
      <c r="BV39" s="114">
        <v>263720</v>
      </c>
      <c r="BW39" s="114">
        <v>170768</v>
      </c>
      <c r="BX39" s="114">
        <v>335196</v>
      </c>
      <c r="BY39" s="114">
        <v>272254</v>
      </c>
      <c r="BZ39" s="113">
        <v>1498174</v>
      </c>
      <c r="CA39" s="116">
        <v>1584070</v>
      </c>
      <c r="CB39" s="110">
        <v>46638</v>
      </c>
      <c r="CC39" s="114">
        <v>127953</v>
      </c>
      <c r="CD39" s="113">
        <v>174591</v>
      </c>
      <c r="CE39" s="110">
        <v>0</v>
      </c>
      <c r="CF39" s="114">
        <v>2216664</v>
      </c>
      <c r="CG39" s="114">
        <v>2164821</v>
      </c>
      <c r="CH39" s="114">
        <v>1567318</v>
      </c>
      <c r="CI39" s="114">
        <v>1915483</v>
      </c>
      <c r="CJ39" s="114">
        <v>293418</v>
      </c>
      <c r="CK39" s="113">
        <v>8157704</v>
      </c>
      <c r="CL39" s="116">
        <v>8332295</v>
      </c>
      <c r="CM39" s="110">
        <v>0</v>
      </c>
      <c r="CN39" s="114">
        <v>0</v>
      </c>
      <c r="CO39" s="113">
        <v>0</v>
      </c>
      <c r="CP39" s="111">
        <v>0</v>
      </c>
      <c r="CQ39" s="114">
        <v>1739286</v>
      </c>
      <c r="CR39" s="114">
        <v>2057172</v>
      </c>
      <c r="CS39" s="114">
        <v>1483043</v>
      </c>
      <c r="CT39" s="114">
        <v>1440436</v>
      </c>
      <c r="CU39" s="114">
        <v>293418</v>
      </c>
      <c r="CV39" s="113">
        <v>7013355</v>
      </c>
      <c r="CW39" s="116">
        <v>7013355</v>
      </c>
      <c r="CX39" s="110">
        <v>46638</v>
      </c>
      <c r="CY39" s="114">
        <v>127953</v>
      </c>
      <c r="CZ39" s="113">
        <v>174591</v>
      </c>
      <c r="DA39" s="110">
        <v>0</v>
      </c>
      <c r="DB39" s="114">
        <v>477378</v>
      </c>
      <c r="DC39" s="114">
        <v>107649</v>
      </c>
      <c r="DD39" s="114">
        <v>84275</v>
      </c>
      <c r="DE39" s="114">
        <v>475047</v>
      </c>
      <c r="DF39" s="114">
        <v>0</v>
      </c>
      <c r="DG39" s="113">
        <v>1144349</v>
      </c>
      <c r="DH39" s="116">
        <v>1318940</v>
      </c>
      <c r="DI39" s="110">
        <v>0</v>
      </c>
      <c r="DJ39" s="114">
        <v>0</v>
      </c>
      <c r="DK39" s="112">
        <v>0</v>
      </c>
      <c r="DL39" s="111">
        <v>0</v>
      </c>
      <c r="DM39" s="114">
        <v>204804</v>
      </c>
      <c r="DN39" s="114">
        <v>16461</v>
      </c>
      <c r="DO39" s="114">
        <v>62910</v>
      </c>
      <c r="DP39" s="114">
        <v>350487</v>
      </c>
      <c r="DQ39" s="114">
        <v>208359</v>
      </c>
      <c r="DR39" s="113">
        <v>843021</v>
      </c>
      <c r="DS39" s="116">
        <v>843021</v>
      </c>
      <c r="DT39" s="110">
        <v>0</v>
      </c>
      <c r="DU39" s="114">
        <v>0</v>
      </c>
      <c r="DV39" s="113">
        <v>0</v>
      </c>
      <c r="DW39" s="110">
        <v>0</v>
      </c>
      <c r="DX39" s="114">
        <v>178947</v>
      </c>
      <c r="DY39" s="114">
        <v>16461</v>
      </c>
      <c r="DZ39" s="114">
        <v>62910</v>
      </c>
      <c r="EA39" s="114">
        <v>185940</v>
      </c>
      <c r="EB39" s="114">
        <v>208359</v>
      </c>
      <c r="EC39" s="113">
        <v>652617</v>
      </c>
      <c r="ED39" s="116">
        <v>652617</v>
      </c>
      <c r="EE39" s="110">
        <v>0</v>
      </c>
      <c r="EF39" s="112">
        <v>0</v>
      </c>
      <c r="EG39" s="113">
        <v>0</v>
      </c>
      <c r="EH39" s="110">
        <v>0</v>
      </c>
      <c r="EI39" s="114">
        <v>25857</v>
      </c>
      <c r="EJ39" s="114">
        <v>0</v>
      </c>
      <c r="EK39" s="114">
        <v>0</v>
      </c>
      <c r="EL39" s="114">
        <v>164547</v>
      </c>
      <c r="EM39" s="114">
        <v>0</v>
      </c>
      <c r="EN39" s="112">
        <v>190404</v>
      </c>
      <c r="EO39" s="116">
        <v>190404</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5"/>
      <c r="FE39" s="114">
        <v>0</v>
      </c>
      <c r="FF39" s="114">
        <v>0</v>
      </c>
      <c r="FG39" s="114">
        <v>0</v>
      </c>
      <c r="FH39" s="114">
        <v>0</v>
      </c>
      <c r="FI39" s="114">
        <v>0</v>
      </c>
      <c r="FJ39" s="113">
        <v>0</v>
      </c>
      <c r="FK39" s="116">
        <v>0</v>
      </c>
      <c r="FL39" s="110">
        <v>89460</v>
      </c>
      <c r="FM39" s="114">
        <v>94850</v>
      </c>
      <c r="FN39" s="113">
        <v>184310</v>
      </c>
      <c r="FO39" s="110">
        <v>0</v>
      </c>
      <c r="FP39" s="114">
        <v>611448</v>
      </c>
      <c r="FQ39" s="114">
        <v>602245</v>
      </c>
      <c r="FR39" s="114">
        <v>394357</v>
      </c>
      <c r="FS39" s="114">
        <v>548823</v>
      </c>
      <c r="FT39" s="114">
        <v>195035</v>
      </c>
      <c r="FU39" s="113">
        <v>2351908</v>
      </c>
      <c r="FV39" s="116">
        <v>2536218</v>
      </c>
      <c r="FW39" s="115">
        <v>89460</v>
      </c>
      <c r="FX39" s="114">
        <v>94850</v>
      </c>
      <c r="FY39" s="112">
        <v>184310</v>
      </c>
      <c r="FZ39" s="111">
        <v>0</v>
      </c>
      <c r="GA39" s="114">
        <v>399768</v>
      </c>
      <c r="GB39" s="114">
        <v>548785</v>
      </c>
      <c r="GC39" s="114">
        <v>394357</v>
      </c>
      <c r="GD39" s="114">
        <v>427656</v>
      </c>
      <c r="GE39" s="114">
        <v>195035</v>
      </c>
      <c r="GF39" s="113">
        <v>1965601</v>
      </c>
      <c r="GG39" s="316">
        <v>2149911</v>
      </c>
      <c r="GH39" s="115">
        <v>0</v>
      </c>
      <c r="GI39" s="114">
        <v>0</v>
      </c>
      <c r="GJ39" s="112">
        <v>0</v>
      </c>
      <c r="GK39" s="111">
        <v>0</v>
      </c>
      <c r="GL39" s="114">
        <v>31680</v>
      </c>
      <c r="GM39" s="114">
        <v>0</v>
      </c>
      <c r="GN39" s="114">
        <v>0</v>
      </c>
      <c r="GO39" s="114">
        <v>0</v>
      </c>
      <c r="GP39" s="114">
        <v>0</v>
      </c>
      <c r="GQ39" s="113">
        <v>31680</v>
      </c>
      <c r="GR39" s="116">
        <v>31680</v>
      </c>
      <c r="GS39" s="110">
        <v>0</v>
      </c>
      <c r="GT39" s="114">
        <v>0</v>
      </c>
      <c r="GU39" s="113">
        <v>0</v>
      </c>
      <c r="GV39" s="110">
        <v>0</v>
      </c>
      <c r="GW39" s="114">
        <v>180000</v>
      </c>
      <c r="GX39" s="114">
        <v>53460</v>
      </c>
      <c r="GY39" s="114">
        <v>0</v>
      </c>
      <c r="GZ39" s="114">
        <v>121167</v>
      </c>
      <c r="HA39" s="114">
        <v>0</v>
      </c>
      <c r="HB39" s="112">
        <v>354627</v>
      </c>
      <c r="HC39" s="116">
        <v>354627</v>
      </c>
      <c r="HD39" s="110">
        <v>169074</v>
      </c>
      <c r="HE39" s="114">
        <v>104661</v>
      </c>
      <c r="HF39" s="112">
        <v>273735</v>
      </c>
      <c r="HG39" s="111">
        <v>0</v>
      </c>
      <c r="HH39" s="114">
        <v>1686047</v>
      </c>
      <c r="HI39" s="114">
        <v>985720</v>
      </c>
      <c r="HJ39" s="114">
        <v>588509</v>
      </c>
      <c r="HK39" s="114">
        <v>2002405</v>
      </c>
      <c r="HL39" s="114">
        <v>703914</v>
      </c>
      <c r="HM39" s="113">
        <v>5966595</v>
      </c>
      <c r="HN39" s="109">
        <v>6240330</v>
      </c>
      <c r="HO39" s="115">
        <v>65700</v>
      </c>
      <c r="HP39" s="114">
        <v>96360</v>
      </c>
      <c r="HQ39" s="113">
        <v>162060</v>
      </c>
      <c r="HR39" s="110">
        <v>0</v>
      </c>
      <c r="HS39" s="114">
        <v>987822</v>
      </c>
      <c r="HT39" s="114">
        <v>710657</v>
      </c>
      <c r="HU39" s="114">
        <v>414618</v>
      </c>
      <c r="HV39" s="114">
        <v>388565</v>
      </c>
      <c r="HW39" s="114">
        <v>130444</v>
      </c>
      <c r="HX39" s="112">
        <v>2632106</v>
      </c>
      <c r="HY39" s="116">
        <v>2794166</v>
      </c>
      <c r="HZ39" s="131">
        <v>90342</v>
      </c>
      <c r="IA39" s="132">
        <v>161802</v>
      </c>
      <c r="IB39" s="133">
        <v>252144</v>
      </c>
      <c r="IC39" s="146">
        <v>0</v>
      </c>
      <c r="ID39" s="132">
        <v>3285313</v>
      </c>
      <c r="IE39" s="147">
        <v>3527551</v>
      </c>
      <c r="IF39" s="133">
        <v>2766933</v>
      </c>
      <c r="IG39" s="132">
        <v>1727568</v>
      </c>
      <c r="IH39" s="133">
        <v>1468586</v>
      </c>
      <c r="II39" s="148">
        <v>12775951</v>
      </c>
      <c r="IJ39" s="139">
        <v>13028095</v>
      </c>
      <c r="IK39" s="232">
        <v>0</v>
      </c>
      <c r="IL39" s="236">
        <v>0</v>
      </c>
      <c r="IM39" s="237">
        <v>0</v>
      </c>
      <c r="IN39" s="140"/>
      <c r="IO39" s="119">
        <v>0</v>
      </c>
      <c r="IP39" s="119">
        <v>0</v>
      </c>
      <c r="IQ39" s="119">
        <v>0</v>
      </c>
      <c r="IR39" s="119">
        <v>0</v>
      </c>
      <c r="IS39" s="119">
        <v>0</v>
      </c>
      <c r="IT39" s="141">
        <v>0</v>
      </c>
      <c r="IU39" s="318">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787880</v>
      </c>
      <c r="JL39" s="119">
        <v>423883</v>
      </c>
      <c r="JM39" s="119">
        <v>281394</v>
      </c>
      <c r="JN39" s="119">
        <v>149562</v>
      </c>
      <c r="JO39" s="119">
        <v>49644</v>
      </c>
      <c r="JP39" s="120">
        <v>1692363</v>
      </c>
      <c r="JQ39" s="318">
        <v>1692363</v>
      </c>
      <c r="JR39" s="142">
        <v>0</v>
      </c>
      <c r="JS39" s="119">
        <v>0</v>
      </c>
      <c r="JT39" s="141">
        <v>0</v>
      </c>
      <c r="JU39" s="118">
        <v>0</v>
      </c>
      <c r="JV39" s="119">
        <v>0</v>
      </c>
      <c r="JW39" s="119">
        <v>0</v>
      </c>
      <c r="JX39" s="119">
        <v>0</v>
      </c>
      <c r="JY39" s="119">
        <v>0</v>
      </c>
      <c r="JZ39" s="119">
        <v>90268</v>
      </c>
      <c r="KA39" s="120">
        <v>90268</v>
      </c>
      <c r="KB39" s="318">
        <v>90268</v>
      </c>
      <c r="KC39" s="234">
        <v>90342</v>
      </c>
      <c r="KD39" s="230">
        <v>161802</v>
      </c>
      <c r="KE39" s="120">
        <v>252144</v>
      </c>
      <c r="KF39" s="118">
        <v>0</v>
      </c>
      <c r="KG39" s="119">
        <v>1423094</v>
      </c>
      <c r="KH39" s="119">
        <v>1346238</v>
      </c>
      <c r="KI39" s="119">
        <v>1760967</v>
      </c>
      <c r="KJ39" s="119">
        <v>0</v>
      </c>
      <c r="KK39" s="119">
        <v>0</v>
      </c>
      <c r="KL39" s="120">
        <v>4530299</v>
      </c>
      <c r="KM39" s="143">
        <v>4782443</v>
      </c>
      <c r="KN39" s="232">
        <v>0</v>
      </c>
      <c r="KO39" s="236">
        <v>0</v>
      </c>
      <c r="KP39" s="237">
        <v>0</v>
      </c>
      <c r="KQ39" s="140"/>
      <c r="KR39" s="119">
        <v>0</v>
      </c>
      <c r="KS39" s="119">
        <v>0</v>
      </c>
      <c r="KT39" s="119">
        <v>0</v>
      </c>
      <c r="KU39" s="119">
        <v>0</v>
      </c>
      <c r="KV39" s="119">
        <v>0</v>
      </c>
      <c r="KW39" s="120">
        <v>0</v>
      </c>
      <c r="KX39" s="318">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18">
        <v>0</v>
      </c>
      <c r="LU39" s="142">
        <v>0</v>
      </c>
      <c r="LV39" s="119">
        <v>0</v>
      </c>
      <c r="LW39" s="120">
        <v>0</v>
      </c>
      <c r="LX39" s="145"/>
      <c r="LY39" s="119">
        <v>1074339</v>
      </c>
      <c r="LZ39" s="119">
        <v>1757430</v>
      </c>
      <c r="MA39" s="119">
        <v>724572</v>
      </c>
      <c r="MB39" s="119">
        <v>1578006</v>
      </c>
      <c r="MC39" s="119">
        <v>1328674</v>
      </c>
      <c r="MD39" s="120">
        <v>6463021</v>
      </c>
      <c r="ME39" s="121">
        <v>6463021</v>
      </c>
      <c r="MF39" s="142">
        <v>0</v>
      </c>
      <c r="MG39" s="119">
        <v>0</v>
      </c>
      <c r="MH39" s="120">
        <v>0</v>
      </c>
      <c r="MI39" s="145"/>
      <c r="MJ39" s="119">
        <v>826288</v>
      </c>
      <c r="MK39" s="119">
        <v>3296687</v>
      </c>
      <c r="ML39" s="119">
        <v>5015842</v>
      </c>
      <c r="MM39" s="119">
        <v>10012393</v>
      </c>
      <c r="MN39" s="119">
        <v>5380807</v>
      </c>
      <c r="MO39" s="120">
        <v>24532017</v>
      </c>
      <c r="MP39" s="143">
        <v>24532017</v>
      </c>
      <c r="MQ39" s="142">
        <v>0</v>
      </c>
      <c r="MR39" s="119">
        <v>0</v>
      </c>
      <c r="MS39" s="120">
        <v>0</v>
      </c>
      <c r="MT39" s="145"/>
      <c r="MU39" s="119">
        <v>0</v>
      </c>
      <c r="MV39" s="119">
        <v>0</v>
      </c>
      <c r="MW39" s="119">
        <v>1798209</v>
      </c>
      <c r="MX39" s="119">
        <v>6542370</v>
      </c>
      <c r="MY39" s="119">
        <v>3278229</v>
      </c>
      <c r="MZ39" s="120">
        <v>11618808</v>
      </c>
      <c r="NA39" s="143">
        <v>11618808</v>
      </c>
      <c r="NB39" s="142">
        <v>0</v>
      </c>
      <c r="NC39" s="119">
        <v>0</v>
      </c>
      <c r="ND39" s="120">
        <v>0</v>
      </c>
      <c r="NE39" s="145"/>
      <c r="NF39" s="119">
        <v>826288</v>
      </c>
      <c r="NG39" s="119">
        <v>3296687</v>
      </c>
      <c r="NH39" s="119">
        <v>3217633</v>
      </c>
      <c r="NI39" s="119">
        <v>3138598</v>
      </c>
      <c r="NJ39" s="119">
        <v>1741156</v>
      </c>
      <c r="NK39" s="120">
        <v>12220362</v>
      </c>
      <c r="NL39" s="318">
        <v>12220362</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331425</v>
      </c>
      <c r="OF39" s="119">
        <v>361422</v>
      </c>
      <c r="OG39" s="120">
        <v>692847</v>
      </c>
      <c r="OH39" s="121">
        <v>692847</v>
      </c>
      <c r="OI39" s="142">
        <v>539784</v>
      </c>
      <c r="OJ39" s="119">
        <v>861728</v>
      </c>
      <c r="OK39" s="141">
        <v>1401512</v>
      </c>
      <c r="OL39" s="118">
        <v>0</v>
      </c>
      <c r="OM39" s="119">
        <v>11214175</v>
      </c>
      <c r="ON39" s="119">
        <v>12538061</v>
      </c>
      <c r="OO39" s="119">
        <v>12346759</v>
      </c>
      <c r="OP39" s="119">
        <v>18375413</v>
      </c>
      <c r="OQ39" s="119">
        <v>9380758</v>
      </c>
      <c r="OR39" s="120">
        <v>63855166</v>
      </c>
      <c r="OS39" s="143">
        <v>65256678</v>
      </c>
    </row>
    <row r="40" spans="2:409" ht="21" customHeight="1" x14ac:dyDescent="0.2">
      <c r="B40" s="62" t="s">
        <v>35</v>
      </c>
      <c r="C40" s="110">
        <v>2075688</v>
      </c>
      <c r="D40" s="114">
        <v>3978021</v>
      </c>
      <c r="E40" s="113">
        <v>6053709</v>
      </c>
      <c r="F40" s="109">
        <v>0</v>
      </c>
      <c r="G40" s="114">
        <v>31848711</v>
      </c>
      <c r="H40" s="114">
        <v>23083100</v>
      </c>
      <c r="I40" s="114">
        <v>17535381</v>
      </c>
      <c r="J40" s="114">
        <v>24917226</v>
      </c>
      <c r="K40" s="114">
        <v>11101775</v>
      </c>
      <c r="L40" s="173">
        <v>108486193</v>
      </c>
      <c r="M40" s="116">
        <v>114539902</v>
      </c>
      <c r="N40" s="110">
        <v>343578</v>
      </c>
      <c r="O40" s="114">
        <v>744702</v>
      </c>
      <c r="P40" s="113">
        <v>1088280</v>
      </c>
      <c r="Q40" s="110">
        <v>0</v>
      </c>
      <c r="R40" s="114">
        <v>6980239</v>
      </c>
      <c r="S40" s="114">
        <v>5906237</v>
      </c>
      <c r="T40" s="114">
        <v>5749999</v>
      </c>
      <c r="U40" s="114">
        <v>7712189</v>
      </c>
      <c r="V40" s="114">
        <v>4999024</v>
      </c>
      <c r="W40" s="113">
        <v>31347688</v>
      </c>
      <c r="X40" s="116">
        <v>32435968</v>
      </c>
      <c r="Y40" s="110">
        <v>0</v>
      </c>
      <c r="Z40" s="114">
        <v>0</v>
      </c>
      <c r="AA40" s="113">
        <v>0</v>
      </c>
      <c r="AB40" s="110">
        <v>0</v>
      </c>
      <c r="AC40" s="114">
        <v>3233483</v>
      </c>
      <c r="AD40" s="114">
        <v>2654635</v>
      </c>
      <c r="AE40" s="114">
        <v>3418784</v>
      </c>
      <c r="AF40" s="114">
        <v>4344389</v>
      </c>
      <c r="AG40" s="114">
        <v>2621095</v>
      </c>
      <c r="AH40" s="113">
        <v>16272386</v>
      </c>
      <c r="AI40" s="116">
        <v>16272386</v>
      </c>
      <c r="AJ40" s="110">
        <v>0</v>
      </c>
      <c r="AK40" s="114">
        <v>0</v>
      </c>
      <c r="AL40" s="113">
        <v>0</v>
      </c>
      <c r="AM40" s="110">
        <v>0</v>
      </c>
      <c r="AN40" s="114">
        <v>11480</v>
      </c>
      <c r="AO40" s="114">
        <v>431766</v>
      </c>
      <c r="AP40" s="114">
        <v>255861</v>
      </c>
      <c r="AQ40" s="114">
        <v>561055</v>
      </c>
      <c r="AR40" s="114">
        <v>771322</v>
      </c>
      <c r="AS40" s="113">
        <v>2031484</v>
      </c>
      <c r="AT40" s="116">
        <v>2031484</v>
      </c>
      <c r="AU40" s="110">
        <v>70798</v>
      </c>
      <c r="AV40" s="114">
        <v>286837</v>
      </c>
      <c r="AW40" s="113">
        <v>357635</v>
      </c>
      <c r="AX40" s="110">
        <v>0</v>
      </c>
      <c r="AY40" s="114">
        <v>1734307</v>
      </c>
      <c r="AZ40" s="114">
        <v>1421575</v>
      </c>
      <c r="BA40" s="114">
        <v>897625</v>
      </c>
      <c r="BB40" s="114">
        <v>1113647</v>
      </c>
      <c r="BC40" s="114">
        <v>863988</v>
      </c>
      <c r="BD40" s="113">
        <v>6031142</v>
      </c>
      <c r="BE40" s="116">
        <v>6388777</v>
      </c>
      <c r="BF40" s="110">
        <v>37344</v>
      </c>
      <c r="BG40" s="114">
        <v>180774</v>
      </c>
      <c r="BH40" s="112">
        <v>218118</v>
      </c>
      <c r="BI40" s="111">
        <v>0</v>
      </c>
      <c r="BJ40" s="114">
        <v>697404</v>
      </c>
      <c r="BK40" s="114">
        <v>402093</v>
      </c>
      <c r="BL40" s="114">
        <v>172503</v>
      </c>
      <c r="BM40" s="114">
        <v>452319</v>
      </c>
      <c r="BN40" s="114">
        <v>129861</v>
      </c>
      <c r="BO40" s="113">
        <v>1854180</v>
      </c>
      <c r="BP40" s="116">
        <v>2072298</v>
      </c>
      <c r="BQ40" s="110">
        <v>235436</v>
      </c>
      <c r="BR40" s="114">
        <v>277091</v>
      </c>
      <c r="BS40" s="113">
        <v>512527</v>
      </c>
      <c r="BT40" s="110">
        <v>0</v>
      </c>
      <c r="BU40" s="114">
        <v>1303565</v>
      </c>
      <c r="BV40" s="114">
        <v>996168</v>
      </c>
      <c r="BW40" s="114">
        <v>1005226</v>
      </c>
      <c r="BX40" s="114">
        <v>1240779</v>
      </c>
      <c r="BY40" s="114">
        <v>612758</v>
      </c>
      <c r="BZ40" s="113">
        <v>5158496</v>
      </c>
      <c r="CA40" s="116">
        <v>5671023</v>
      </c>
      <c r="CB40" s="110">
        <v>215137</v>
      </c>
      <c r="CC40" s="114">
        <v>936738</v>
      </c>
      <c r="CD40" s="113">
        <v>1151875</v>
      </c>
      <c r="CE40" s="110">
        <v>0</v>
      </c>
      <c r="CF40" s="114">
        <v>11761321</v>
      </c>
      <c r="CG40" s="114">
        <v>7848339</v>
      </c>
      <c r="CH40" s="114">
        <v>3665202</v>
      </c>
      <c r="CI40" s="114">
        <v>4950515</v>
      </c>
      <c r="CJ40" s="114">
        <v>2131442</v>
      </c>
      <c r="CK40" s="113">
        <v>30356819</v>
      </c>
      <c r="CL40" s="116">
        <v>31508694</v>
      </c>
      <c r="CM40" s="110">
        <v>0</v>
      </c>
      <c r="CN40" s="114">
        <v>0</v>
      </c>
      <c r="CO40" s="113">
        <v>0</v>
      </c>
      <c r="CP40" s="111">
        <v>0</v>
      </c>
      <c r="CQ40" s="114">
        <v>8325189</v>
      </c>
      <c r="CR40" s="114">
        <v>6267751</v>
      </c>
      <c r="CS40" s="114">
        <v>3077331</v>
      </c>
      <c r="CT40" s="114">
        <v>3937667</v>
      </c>
      <c r="CU40" s="114">
        <v>2105324</v>
      </c>
      <c r="CV40" s="113">
        <v>23713262</v>
      </c>
      <c r="CW40" s="116">
        <v>23713262</v>
      </c>
      <c r="CX40" s="110">
        <v>215137</v>
      </c>
      <c r="CY40" s="114">
        <v>936738</v>
      </c>
      <c r="CZ40" s="113">
        <v>1151875</v>
      </c>
      <c r="DA40" s="110">
        <v>0</v>
      </c>
      <c r="DB40" s="114">
        <v>3436132</v>
      </c>
      <c r="DC40" s="114">
        <v>1580588</v>
      </c>
      <c r="DD40" s="114">
        <v>587871</v>
      </c>
      <c r="DE40" s="114">
        <v>1012848</v>
      </c>
      <c r="DF40" s="114">
        <v>26118</v>
      </c>
      <c r="DG40" s="113">
        <v>6643557</v>
      </c>
      <c r="DH40" s="116">
        <v>7795432</v>
      </c>
      <c r="DI40" s="110">
        <v>0</v>
      </c>
      <c r="DJ40" s="114">
        <v>0</v>
      </c>
      <c r="DK40" s="112">
        <v>0</v>
      </c>
      <c r="DL40" s="111">
        <v>0</v>
      </c>
      <c r="DM40" s="114">
        <v>1027756</v>
      </c>
      <c r="DN40" s="114">
        <v>808208</v>
      </c>
      <c r="DO40" s="114">
        <v>596610</v>
      </c>
      <c r="DP40" s="114">
        <v>2077847</v>
      </c>
      <c r="DQ40" s="114">
        <v>130122</v>
      </c>
      <c r="DR40" s="113">
        <v>4640543</v>
      </c>
      <c r="DS40" s="116">
        <v>4640543</v>
      </c>
      <c r="DT40" s="110">
        <v>0</v>
      </c>
      <c r="DU40" s="114">
        <v>0</v>
      </c>
      <c r="DV40" s="113">
        <v>0</v>
      </c>
      <c r="DW40" s="110">
        <v>0</v>
      </c>
      <c r="DX40" s="114">
        <v>748210</v>
      </c>
      <c r="DY40" s="114">
        <v>738854</v>
      </c>
      <c r="DZ40" s="114">
        <v>511686</v>
      </c>
      <c r="EA40" s="114">
        <v>1911482</v>
      </c>
      <c r="EB40" s="114">
        <v>130122</v>
      </c>
      <c r="EC40" s="113">
        <v>4040354</v>
      </c>
      <c r="ED40" s="116">
        <v>4040354</v>
      </c>
      <c r="EE40" s="110">
        <v>0</v>
      </c>
      <c r="EF40" s="112">
        <v>0</v>
      </c>
      <c r="EG40" s="113">
        <v>0</v>
      </c>
      <c r="EH40" s="110">
        <v>0</v>
      </c>
      <c r="EI40" s="114">
        <v>279546</v>
      </c>
      <c r="EJ40" s="114">
        <v>69354</v>
      </c>
      <c r="EK40" s="114">
        <v>84924</v>
      </c>
      <c r="EL40" s="114">
        <v>166365</v>
      </c>
      <c r="EM40" s="114">
        <v>0</v>
      </c>
      <c r="EN40" s="112">
        <v>600189</v>
      </c>
      <c r="EO40" s="116">
        <v>600189</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5"/>
      <c r="FE40" s="114">
        <v>0</v>
      </c>
      <c r="FF40" s="114">
        <v>0</v>
      </c>
      <c r="FG40" s="114">
        <v>0</v>
      </c>
      <c r="FH40" s="114">
        <v>0</v>
      </c>
      <c r="FI40" s="114">
        <v>0</v>
      </c>
      <c r="FJ40" s="113">
        <v>0</v>
      </c>
      <c r="FK40" s="116">
        <v>0</v>
      </c>
      <c r="FL40" s="110">
        <v>249989</v>
      </c>
      <c r="FM40" s="114">
        <v>659844</v>
      </c>
      <c r="FN40" s="113">
        <v>909833</v>
      </c>
      <c r="FO40" s="110">
        <v>0</v>
      </c>
      <c r="FP40" s="114">
        <v>1467508</v>
      </c>
      <c r="FQ40" s="114">
        <v>2130205</v>
      </c>
      <c r="FR40" s="114">
        <v>1339849</v>
      </c>
      <c r="FS40" s="114">
        <v>1669252</v>
      </c>
      <c r="FT40" s="114">
        <v>929694</v>
      </c>
      <c r="FU40" s="113">
        <v>7536508</v>
      </c>
      <c r="FV40" s="116">
        <v>8446341</v>
      </c>
      <c r="FW40" s="115">
        <v>221477</v>
      </c>
      <c r="FX40" s="114">
        <v>486101</v>
      </c>
      <c r="FY40" s="112">
        <v>707578</v>
      </c>
      <c r="FZ40" s="111">
        <v>0</v>
      </c>
      <c r="GA40" s="114">
        <v>1203269</v>
      </c>
      <c r="GB40" s="114">
        <v>1899922</v>
      </c>
      <c r="GC40" s="114">
        <v>1314439</v>
      </c>
      <c r="GD40" s="114">
        <v>1467589</v>
      </c>
      <c r="GE40" s="114">
        <v>733854</v>
      </c>
      <c r="GF40" s="113">
        <v>6619073</v>
      </c>
      <c r="GG40" s="316">
        <v>7326651</v>
      </c>
      <c r="GH40" s="115">
        <v>28512</v>
      </c>
      <c r="GI40" s="114">
        <v>138015</v>
      </c>
      <c r="GJ40" s="112">
        <v>166527</v>
      </c>
      <c r="GK40" s="111">
        <v>0</v>
      </c>
      <c r="GL40" s="114">
        <v>194246</v>
      </c>
      <c r="GM40" s="114">
        <v>179793</v>
      </c>
      <c r="GN40" s="114">
        <v>25410</v>
      </c>
      <c r="GO40" s="114">
        <v>127413</v>
      </c>
      <c r="GP40" s="114">
        <v>0</v>
      </c>
      <c r="GQ40" s="113">
        <v>526862</v>
      </c>
      <c r="GR40" s="116">
        <v>693389</v>
      </c>
      <c r="GS40" s="110">
        <v>0</v>
      </c>
      <c r="GT40" s="114">
        <v>35728</v>
      </c>
      <c r="GU40" s="113">
        <v>35728</v>
      </c>
      <c r="GV40" s="110">
        <v>0</v>
      </c>
      <c r="GW40" s="114">
        <v>69993</v>
      </c>
      <c r="GX40" s="114">
        <v>50490</v>
      </c>
      <c r="GY40" s="114">
        <v>0</v>
      </c>
      <c r="GZ40" s="114">
        <v>74250</v>
      </c>
      <c r="HA40" s="114">
        <v>195840</v>
      </c>
      <c r="HB40" s="112">
        <v>390573</v>
      </c>
      <c r="HC40" s="116">
        <v>426301</v>
      </c>
      <c r="HD40" s="110">
        <v>1016594</v>
      </c>
      <c r="HE40" s="114">
        <v>1171179</v>
      </c>
      <c r="HF40" s="112">
        <v>2187773</v>
      </c>
      <c r="HG40" s="111">
        <v>0</v>
      </c>
      <c r="HH40" s="114">
        <v>6511971</v>
      </c>
      <c r="HI40" s="114">
        <v>3906733</v>
      </c>
      <c r="HJ40" s="114">
        <v>4745696</v>
      </c>
      <c r="HK40" s="114">
        <v>7060770</v>
      </c>
      <c r="HL40" s="114">
        <v>2369619</v>
      </c>
      <c r="HM40" s="113">
        <v>24594789</v>
      </c>
      <c r="HN40" s="109">
        <v>26782562</v>
      </c>
      <c r="HO40" s="115">
        <v>250390</v>
      </c>
      <c r="HP40" s="114">
        <v>465558</v>
      </c>
      <c r="HQ40" s="113">
        <v>715948</v>
      </c>
      <c r="HR40" s="110">
        <v>0</v>
      </c>
      <c r="HS40" s="114">
        <v>4099916</v>
      </c>
      <c r="HT40" s="114">
        <v>2483378</v>
      </c>
      <c r="HU40" s="114">
        <v>1438025</v>
      </c>
      <c r="HV40" s="114">
        <v>1446653</v>
      </c>
      <c r="HW40" s="114">
        <v>541874</v>
      </c>
      <c r="HX40" s="112">
        <v>10009846</v>
      </c>
      <c r="HY40" s="116">
        <v>10725794</v>
      </c>
      <c r="HZ40" s="150">
        <v>133623</v>
      </c>
      <c r="IA40" s="135">
        <v>162630</v>
      </c>
      <c r="IB40" s="150">
        <v>296253</v>
      </c>
      <c r="IC40" s="146">
        <v>0</v>
      </c>
      <c r="ID40" s="132">
        <v>5913193</v>
      </c>
      <c r="IE40" s="147">
        <v>6717902</v>
      </c>
      <c r="IF40" s="133">
        <v>5844911</v>
      </c>
      <c r="IG40" s="132">
        <v>6122971</v>
      </c>
      <c r="IH40" s="133">
        <v>3523896</v>
      </c>
      <c r="II40" s="148">
        <v>28122873</v>
      </c>
      <c r="IJ40" s="150">
        <v>28419126</v>
      </c>
      <c r="IK40" s="232">
        <v>0</v>
      </c>
      <c r="IL40" s="236">
        <v>0</v>
      </c>
      <c r="IM40" s="237">
        <v>0</v>
      </c>
      <c r="IN40" s="140"/>
      <c r="IO40" s="119">
        <v>0</v>
      </c>
      <c r="IP40" s="119">
        <v>0</v>
      </c>
      <c r="IQ40" s="119">
        <v>312838</v>
      </c>
      <c r="IR40" s="119">
        <v>232794</v>
      </c>
      <c r="IS40" s="119">
        <v>0</v>
      </c>
      <c r="IT40" s="141">
        <v>545632</v>
      </c>
      <c r="IU40" s="318">
        <v>545632</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343670</v>
      </c>
      <c r="JL40" s="119">
        <v>2556290</v>
      </c>
      <c r="JM40" s="119">
        <v>1096621</v>
      </c>
      <c r="JN40" s="119">
        <v>1566058</v>
      </c>
      <c r="JO40" s="119">
        <v>1521549</v>
      </c>
      <c r="JP40" s="120">
        <v>8084188</v>
      </c>
      <c r="JQ40" s="318">
        <v>8084188</v>
      </c>
      <c r="JR40" s="142">
        <v>0</v>
      </c>
      <c r="JS40" s="119">
        <v>0</v>
      </c>
      <c r="JT40" s="141">
        <v>0</v>
      </c>
      <c r="JU40" s="118">
        <v>0</v>
      </c>
      <c r="JV40" s="119">
        <v>0</v>
      </c>
      <c r="JW40" s="119">
        <v>0</v>
      </c>
      <c r="JX40" s="119">
        <v>0</v>
      </c>
      <c r="JY40" s="119">
        <v>0</v>
      </c>
      <c r="JZ40" s="119">
        <v>0</v>
      </c>
      <c r="KA40" s="120">
        <v>0</v>
      </c>
      <c r="KB40" s="318">
        <v>0</v>
      </c>
      <c r="KC40" s="234">
        <v>133623</v>
      </c>
      <c r="KD40" s="230">
        <v>162630</v>
      </c>
      <c r="KE40" s="120">
        <v>296253</v>
      </c>
      <c r="KF40" s="118">
        <v>0</v>
      </c>
      <c r="KG40" s="119">
        <v>1512448</v>
      </c>
      <c r="KH40" s="119">
        <v>909108</v>
      </c>
      <c r="KI40" s="119">
        <v>1252800</v>
      </c>
      <c r="KJ40" s="119">
        <v>661216</v>
      </c>
      <c r="KK40" s="119">
        <v>616176</v>
      </c>
      <c r="KL40" s="120">
        <v>4951748</v>
      </c>
      <c r="KM40" s="143">
        <v>5248001</v>
      </c>
      <c r="KN40" s="232">
        <v>0</v>
      </c>
      <c r="KO40" s="236">
        <v>0</v>
      </c>
      <c r="KP40" s="237">
        <v>0</v>
      </c>
      <c r="KQ40" s="140"/>
      <c r="KR40" s="119">
        <v>3057075</v>
      </c>
      <c r="KS40" s="119">
        <v>3252504</v>
      </c>
      <c r="KT40" s="119">
        <v>3182652</v>
      </c>
      <c r="KU40" s="119">
        <v>3662903</v>
      </c>
      <c r="KV40" s="119">
        <v>1386171</v>
      </c>
      <c r="KW40" s="120">
        <v>14541305</v>
      </c>
      <c r="KX40" s="318">
        <v>14541305</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18">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5300306</v>
      </c>
      <c r="MK40" s="119">
        <v>9247572</v>
      </c>
      <c r="ML40" s="119">
        <v>13490396</v>
      </c>
      <c r="MM40" s="119">
        <v>19526055</v>
      </c>
      <c r="MN40" s="119">
        <v>13228017</v>
      </c>
      <c r="MO40" s="120">
        <v>60792346</v>
      </c>
      <c r="MP40" s="143">
        <v>60792346</v>
      </c>
      <c r="MQ40" s="142">
        <v>0</v>
      </c>
      <c r="MR40" s="119">
        <v>0</v>
      </c>
      <c r="MS40" s="120">
        <v>0</v>
      </c>
      <c r="MT40" s="145"/>
      <c r="MU40" s="119">
        <v>195489</v>
      </c>
      <c r="MV40" s="119">
        <v>461601</v>
      </c>
      <c r="MW40" s="119">
        <v>6241591</v>
      </c>
      <c r="MX40" s="119">
        <v>11757948</v>
      </c>
      <c r="MY40" s="119">
        <v>8110451</v>
      </c>
      <c r="MZ40" s="120">
        <v>26767080</v>
      </c>
      <c r="NA40" s="143">
        <v>26767080</v>
      </c>
      <c r="NB40" s="142">
        <v>0</v>
      </c>
      <c r="NC40" s="119">
        <v>0</v>
      </c>
      <c r="ND40" s="120">
        <v>0</v>
      </c>
      <c r="NE40" s="145"/>
      <c r="NF40" s="119">
        <v>4659641</v>
      </c>
      <c r="NG40" s="119">
        <v>8034876</v>
      </c>
      <c r="NH40" s="119">
        <v>6023896</v>
      </c>
      <c r="NI40" s="119">
        <v>5082454</v>
      </c>
      <c r="NJ40" s="119">
        <v>1953702</v>
      </c>
      <c r="NK40" s="120">
        <v>25754569</v>
      </c>
      <c r="NL40" s="318">
        <v>25754569</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445176</v>
      </c>
      <c r="OC40" s="119">
        <v>751095</v>
      </c>
      <c r="OD40" s="119">
        <v>1224909</v>
      </c>
      <c r="OE40" s="119">
        <v>2685653</v>
      </c>
      <c r="OF40" s="119">
        <v>3163864</v>
      </c>
      <c r="OG40" s="120">
        <v>8270697</v>
      </c>
      <c r="OH40" s="121">
        <v>8270697</v>
      </c>
      <c r="OI40" s="142">
        <v>2209311</v>
      </c>
      <c r="OJ40" s="119">
        <v>4140651</v>
      </c>
      <c r="OK40" s="141">
        <v>6349962</v>
      </c>
      <c r="OL40" s="118">
        <v>0</v>
      </c>
      <c r="OM40" s="119">
        <v>43062210</v>
      </c>
      <c r="ON40" s="119">
        <v>39048574</v>
      </c>
      <c r="OO40" s="119">
        <v>36870688</v>
      </c>
      <c r="OP40" s="119">
        <v>50566252</v>
      </c>
      <c r="OQ40" s="119">
        <v>27853688</v>
      </c>
      <c r="OR40" s="120">
        <v>197401412</v>
      </c>
      <c r="OS40" s="143">
        <v>203751374</v>
      </c>
    </row>
    <row r="41" spans="2:409" ht="21" customHeight="1" x14ac:dyDescent="0.2">
      <c r="B41" s="62" t="s">
        <v>36</v>
      </c>
      <c r="C41" s="110">
        <v>1160792</v>
      </c>
      <c r="D41" s="114">
        <v>2820550</v>
      </c>
      <c r="E41" s="113">
        <v>3981342</v>
      </c>
      <c r="F41" s="109">
        <v>0</v>
      </c>
      <c r="G41" s="114">
        <v>21260860</v>
      </c>
      <c r="H41" s="114">
        <v>27343954</v>
      </c>
      <c r="I41" s="114">
        <v>21166673</v>
      </c>
      <c r="J41" s="114">
        <v>23184834</v>
      </c>
      <c r="K41" s="114">
        <v>16753412</v>
      </c>
      <c r="L41" s="173">
        <v>109709733</v>
      </c>
      <c r="M41" s="116">
        <v>113691075</v>
      </c>
      <c r="N41" s="110">
        <v>407809</v>
      </c>
      <c r="O41" s="114">
        <v>966309</v>
      </c>
      <c r="P41" s="113">
        <v>1374118</v>
      </c>
      <c r="Q41" s="110">
        <v>0</v>
      </c>
      <c r="R41" s="114">
        <v>5554706</v>
      </c>
      <c r="S41" s="114">
        <v>8091790</v>
      </c>
      <c r="T41" s="114">
        <v>7083980</v>
      </c>
      <c r="U41" s="114">
        <v>10855025</v>
      </c>
      <c r="V41" s="114">
        <v>9078104</v>
      </c>
      <c r="W41" s="113">
        <v>40663605</v>
      </c>
      <c r="X41" s="116">
        <v>42037723</v>
      </c>
      <c r="Y41" s="110">
        <v>0</v>
      </c>
      <c r="Z41" s="114">
        <v>0</v>
      </c>
      <c r="AA41" s="113">
        <v>0</v>
      </c>
      <c r="AB41" s="110">
        <v>0</v>
      </c>
      <c r="AC41" s="114">
        <v>1987676</v>
      </c>
      <c r="AD41" s="114">
        <v>4028233</v>
      </c>
      <c r="AE41" s="114">
        <v>4159885</v>
      </c>
      <c r="AF41" s="114">
        <v>7489534</v>
      </c>
      <c r="AG41" s="114">
        <v>5486691</v>
      </c>
      <c r="AH41" s="113">
        <v>23152019</v>
      </c>
      <c r="AI41" s="116">
        <v>23152019</v>
      </c>
      <c r="AJ41" s="110">
        <v>0</v>
      </c>
      <c r="AK41" s="114">
        <v>0</v>
      </c>
      <c r="AL41" s="113">
        <v>0</v>
      </c>
      <c r="AM41" s="110">
        <v>0</v>
      </c>
      <c r="AN41" s="114">
        <v>407823</v>
      </c>
      <c r="AO41" s="114">
        <v>431526</v>
      </c>
      <c r="AP41" s="114">
        <v>370021</v>
      </c>
      <c r="AQ41" s="114">
        <v>353063</v>
      </c>
      <c r="AR41" s="114">
        <v>686485</v>
      </c>
      <c r="AS41" s="113">
        <v>2248918</v>
      </c>
      <c r="AT41" s="116">
        <v>2248918</v>
      </c>
      <c r="AU41" s="110">
        <v>283646</v>
      </c>
      <c r="AV41" s="114">
        <v>601876</v>
      </c>
      <c r="AW41" s="113">
        <v>885522</v>
      </c>
      <c r="AX41" s="110">
        <v>0</v>
      </c>
      <c r="AY41" s="114">
        <v>2298831</v>
      </c>
      <c r="AZ41" s="114">
        <v>2351764</v>
      </c>
      <c r="BA41" s="114">
        <v>1423444</v>
      </c>
      <c r="BB41" s="114">
        <v>1831669</v>
      </c>
      <c r="BC41" s="114">
        <v>1958679</v>
      </c>
      <c r="BD41" s="113">
        <v>9864387</v>
      </c>
      <c r="BE41" s="116">
        <v>10749909</v>
      </c>
      <c r="BF41" s="110">
        <v>93428</v>
      </c>
      <c r="BG41" s="114">
        <v>297185</v>
      </c>
      <c r="BH41" s="112">
        <v>390613</v>
      </c>
      <c r="BI41" s="111">
        <v>0</v>
      </c>
      <c r="BJ41" s="114">
        <v>485012</v>
      </c>
      <c r="BK41" s="114">
        <v>417677</v>
      </c>
      <c r="BL41" s="114">
        <v>147170</v>
      </c>
      <c r="BM41" s="114">
        <v>255072</v>
      </c>
      <c r="BN41" s="114">
        <v>193939</v>
      </c>
      <c r="BO41" s="113">
        <v>1498870</v>
      </c>
      <c r="BP41" s="116">
        <v>1889483</v>
      </c>
      <c r="BQ41" s="110">
        <v>30735</v>
      </c>
      <c r="BR41" s="114">
        <v>67248</v>
      </c>
      <c r="BS41" s="113">
        <v>97983</v>
      </c>
      <c r="BT41" s="110">
        <v>0</v>
      </c>
      <c r="BU41" s="114">
        <v>375364</v>
      </c>
      <c r="BV41" s="114">
        <v>862590</v>
      </c>
      <c r="BW41" s="114">
        <v>983460</v>
      </c>
      <c r="BX41" s="114">
        <v>925687</v>
      </c>
      <c r="BY41" s="114">
        <v>752310</v>
      </c>
      <c r="BZ41" s="113">
        <v>3899411</v>
      </c>
      <c r="CA41" s="116">
        <v>3997394</v>
      </c>
      <c r="CB41" s="110">
        <v>94641</v>
      </c>
      <c r="CC41" s="114">
        <v>428908</v>
      </c>
      <c r="CD41" s="113">
        <v>523549</v>
      </c>
      <c r="CE41" s="110">
        <v>0</v>
      </c>
      <c r="CF41" s="114">
        <v>6965282</v>
      </c>
      <c r="CG41" s="114">
        <v>9430668</v>
      </c>
      <c r="CH41" s="114">
        <v>5713878</v>
      </c>
      <c r="CI41" s="114">
        <v>3737722</v>
      </c>
      <c r="CJ41" s="114">
        <v>2411621</v>
      </c>
      <c r="CK41" s="113">
        <v>28259171</v>
      </c>
      <c r="CL41" s="116">
        <v>28782720</v>
      </c>
      <c r="CM41" s="110">
        <v>0</v>
      </c>
      <c r="CN41" s="114">
        <v>0</v>
      </c>
      <c r="CO41" s="113">
        <v>0</v>
      </c>
      <c r="CP41" s="111">
        <v>0</v>
      </c>
      <c r="CQ41" s="114">
        <v>5433322</v>
      </c>
      <c r="CR41" s="114">
        <v>7800967</v>
      </c>
      <c r="CS41" s="114">
        <v>4394767</v>
      </c>
      <c r="CT41" s="114">
        <v>3404799</v>
      </c>
      <c r="CU41" s="114">
        <v>2070955</v>
      </c>
      <c r="CV41" s="113">
        <v>23104810</v>
      </c>
      <c r="CW41" s="116">
        <v>23104810</v>
      </c>
      <c r="CX41" s="110">
        <v>94641</v>
      </c>
      <c r="CY41" s="114">
        <v>428908</v>
      </c>
      <c r="CZ41" s="113">
        <v>523549</v>
      </c>
      <c r="DA41" s="110">
        <v>0</v>
      </c>
      <c r="DB41" s="114">
        <v>1531960</v>
      </c>
      <c r="DC41" s="114">
        <v>1629701</v>
      </c>
      <c r="DD41" s="114">
        <v>1319111</v>
      </c>
      <c r="DE41" s="114">
        <v>332923</v>
      </c>
      <c r="DF41" s="114">
        <v>340666</v>
      </c>
      <c r="DG41" s="113">
        <v>5154361</v>
      </c>
      <c r="DH41" s="116">
        <v>5677910</v>
      </c>
      <c r="DI41" s="110">
        <v>0</v>
      </c>
      <c r="DJ41" s="114">
        <v>0</v>
      </c>
      <c r="DK41" s="112">
        <v>0</v>
      </c>
      <c r="DL41" s="111">
        <v>0</v>
      </c>
      <c r="DM41" s="114">
        <v>1124673</v>
      </c>
      <c r="DN41" s="114">
        <v>1395181</v>
      </c>
      <c r="DO41" s="114">
        <v>1830877</v>
      </c>
      <c r="DP41" s="114">
        <v>3078070</v>
      </c>
      <c r="DQ41" s="114">
        <v>1344708</v>
      </c>
      <c r="DR41" s="113">
        <v>8773509</v>
      </c>
      <c r="DS41" s="116">
        <v>8773509</v>
      </c>
      <c r="DT41" s="110">
        <v>0</v>
      </c>
      <c r="DU41" s="114">
        <v>0</v>
      </c>
      <c r="DV41" s="113">
        <v>0</v>
      </c>
      <c r="DW41" s="110">
        <v>0</v>
      </c>
      <c r="DX41" s="114">
        <v>1058745</v>
      </c>
      <c r="DY41" s="114">
        <v>1395181</v>
      </c>
      <c r="DZ41" s="114">
        <v>1830877</v>
      </c>
      <c r="EA41" s="114">
        <v>3078070</v>
      </c>
      <c r="EB41" s="114">
        <v>1344708</v>
      </c>
      <c r="EC41" s="113">
        <v>8707581</v>
      </c>
      <c r="ED41" s="116">
        <v>8707581</v>
      </c>
      <c r="EE41" s="110">
        <v>0</v>
      </c>
      <c r="EF41" s="112">
        <v>0</v>
      </c>
      <c r="EG41" s="113">
        <v>0</v>
      </c>
      <c r="EH41" s="110">
        <v>0</v>
      </c>
      <c r="EI41" s="114">
        <v>65928</v>
      </c>
      <c r="EJ41" s="114">
        <v>0</v>
      </c>
      <c r="EK41" s="114">
        <v>0</v>
      </c>
      <c r="EL41" s="114">
        <v>0</v>
      </c>
      <c r="EM41" s="114">
        <v>0</v>
      </c>
      <c r="EN41" s="112">
        <v>65928</v>
      </c>
      <c r="EO41" s="116">
        <v>65928</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5"/>
      <c r="FE41" s="114">
        <v>0</v>
      </c>
      <c r="FF41" s="114">
        <v>0</v>
      </c>
      <c r="FG41" s="114">
        <v>0</v>
      </c>
      <c r="FH41" s="114">
        <v>0</v>
      </c>
      <c r="FI41" s="114">
        <v>0</v>
      </c>
      <c r="FJ41" s="113">
        <v>0</v>
      </c>
      <c r="FK41" s="116">
        <v>0</v>
      </c>
      <c r="FL41" s="110">
        <v>319716</v>
      </c>
      <c r="FM41" s="114">
        <v>744474</v>
      </c>
      <c r="FN41" s="113">
        <v>1064190</v>
      </c>
      <c r="FO41" s="110">
        <v>0</v>
      </c>
      <c r="FP41" s="114">
        <v>2174025</v>
      </c>
      <c r="FQ41" s="114">
        <v>2713037</v>
      </c>
      <c r="FR41" s="114">
        <v>1455188</v>
      </c>
      <c r="FS41" s="114">
        <v>1827918</v>
      </c>
      <c r="FT41" s="114">
        <v>1171586</v>
      </c>
      <c r="FU41" s="113">
        <v>9341754</v>
      </c>
      <c r="FV41" s="116">
        <v>10405944</v>
      </c>
      <c r="FW41" s="115">
        <v>205173</v>
      </c>
      <c r="FX41" s="114">
        <v>649038</v>
      </c>
      <c r="FY41" s="112">
        <v>854211</v>
      </c>
      <c r="FZ41" s="111">
        <v>0</v>
      </c>
      <c r="GA41" s="114">
        <v>1652646</v>
      </c>
      <c r="GB41" s="114">
        <v>2419018</v>
      </c>
      <c r="GC41" s="114">
        <v>1360688</v>
      </c>
      <c r="GD41" s="114">
        <v>1773918</v>
      </c>
      <c r="GE41" s="114">
        <v>1171586</v>
      </c>
      <c r="GF41" s="113">
        <v>8377856</v>
      </c>
      <c r="GG41" s="316">
        <v>9232067</v>
      </c>
      <c r="GH41" s="115">
        <v>0</v>
      </c>
      <c r="GI41" s="114">
        <v>26136</v>
      </c>
      <c r="GJ41" s="112">
        <v>26136</v>
      </c>
      <c r="GK41" s="111">
        <v>0</v>
      </c>
      <c r="GL41" s="114">
        <v>138069</v>
      </c>
      <c r="GM41" s="114">
        <v>64613</v>
      </c>
      <c r="GN41" s="114">
        <v>0</v>
      </c>
      <c r="GO41" s="114">
        <v>46800</v>
      </c>
      <c r="GP41" s="114">
        <v>0</v>
      </c>
      <c r="GQ41" s="113">
        <v>249482</v>
      </c>
      <c r="GR41" s="116">
        <v>275618</v>
      </c>
      <c r="GS41" s="110">
        <v>114543</v>
      </c>
      <c r="GT41" s="114">
        <v>69300</v>
      </c>
      <c r="GU41" s="113">
        <v>183843</v>
      </c>
      <c r="GV41" s="110">
        <v>0</v>
      </c>
      <c r="GW41" s="114">
        <v>383310</v>
      </c>
      <c r="GX41" s="114">
        <v>229406</v>
      </c>
      <c r="GY41" s="114">
        <v>94500</v>
      </c>
      <c r="GZ41" s="114">
        <v>7200</v>
      </c>
      <c r="HA41" s="114">
        <v>0</v>
      </c>
      <c r="HB41" s="112">
        <v>714416</v>
      </c>
      <c r="HC41" s="116">
        <v>898259</v>
      </c>
      <c r="HD41" s="110">
        <v>123009</v>
      </c>
      <c r="HE41" s="114">
        <v>100755</v>
      </c>
      <c r="HF41" s="112">
        <v>223764</v>
      </c>
      <c r="HG41" s="111">
        <v>0</v>
      </c>
      <c r="HH41" s="114">
        <v>1556161</v>
      </c>
      <c r="HI41" s="114">
        <v>2352187</v>
      </c>
      <c r="HJ41" s="114">
        <v>3109501</v>
      </c>
      <c r="HK41" s="114">
        <v>1852921</v>
      </c>
      <c r="HL41" s="114">
        <v>1512149</v>
      </c>
      <c r="HM41" s="113">
        <v>10382919</v>
      </c>
      <c r="HN41" s="109">
        <v>10606683</v>
      </c>
      <c r="HO41" s="115">
        <v>215617</v>
      </c>
      <c r="HP41" s="114">
        <v>580104</v>
      </c>
      <c r="HQ41" s="113">
        <v>795721</v>
      </c>
      <c r="HR41" s="110">
        <v>0</v>
      </c>
      <c r="HS41" s="114">
        <v>3886013</v>
      </c>
      <c r="HT41" s="114">
        <v>3361091</v>
      </c>
      <c r="HU41" s="114">
        <v>1973249</v>
      </c>
      <c r="HV41" s="114">
        <v>1833178</v>
      </c>
      <c r="HW41" s="114">
        <v>1235244</v>
      </c>
      <c r="HX41" s="112">
        <v>12288775</v>
      </c>
      <c r="HY41" s="116">
        <v>13084496</v>
      </c>
      <c r="HZ41" s="131">
        <v>142965</v>
      </c>
      <c r="IA41" s="132">
        <v>242746</v>
      </c>
      <c r="IB41" s="133">
        <v>385711</v>
      </c>
      <c r="IC41" s="146">
        <v>0</v>
      </c>
      <c r="ID41" s="132">
        <v>5502172</v>
      </c>
      <c r="IE41" s="147">
        <v>8185484</v>
      </c>
      <c r="IF41" s="133">
        <v>9473290</v>
      </c>
      <c r="IG41" s="132">
        <v>7201941</v>
      </c>
      <c r="IH41" s="133">
        <v>4521285</v>
      </c>
      <c r="II41" s="148">
        <v>34884172</v>
      </c>
      <c r="IJ41" s="139">
        <v>35269883</v>
      </c>
      <c r="IK41" s="232">
        <v>0</v>
      </c>
      <c r="IL41" s="236">
        <v>0</v>
      </c>
      <c r="IM41" s="237">
        <v>0</v>
      </c>
      <c r="IN41" s="140"/>
      <c r="IO41" s="119">
        <v>0</v>
      </c>
      <c r="IP41" s="119">
        <v>0</v>
      </c>
      <c r="IQ41" s="119">
        <v>0</v>
      </c>
      <c r="IR41" s="119">
        <v>0</v>
      </c>
      <c r="IS41" s="119">
        <v>0</v>
      </c>
      <c r="IT41" s="141">
        <v>0</v>
      </c>
      <c r="IU41" s="318">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287947</v>
      </c>
      <c r="JL41" s="119">
        <v>3248835</v>
      </c>
      <c r="JM41" s="119">
        <v>4136140</v>
      </c>
      <c r="JN41" s="119">
        <v>3533753</v>
      </c>
      <c r="JO41" s="119">
        <v>2545338</v>
      </c>
      <c r="JP41" s="120">
        <v>15752013</v>
      </c>
      <c r="JQ41" s="318">
        <v>15752013</v>
      </c>
      <c r="JR41" s="142">
        <v>0</v>
      </c>
      <c r="JS41" s="119">
        <v>0</v>
      </c>
      <c r="JT41" s="141">
        <v>0</v>
      </c>
      <c r="JU41" s="118">
        <v>0</v>
      </c>
      <c r="JV41" s="119">
        <v>0</v>
      </c>
      <c r="JW41" s="119">
        <v>0</v>
      </c>
      <c r="JX41" s="119">
        <v>0</v>
      </c>
      <c r="JY41" s="119">
        <v>0</v>
      </c>
      <c r="JZ41" s="119">
        <v>0</v>
      </c>
      <c r="KA41" s="120">
        <v>0</v>
      </c>
      <c r="KB41" s="318">
        <v>0</v>
      </c>
      <c r="KC41" s="234">
        <v>142965</v>
      </c>
      <c r="KD41" s="230">
        <v>242746</v>
      </c>
      <c r="KE41" s="120">
        <v>385711</v>
      </c>
      <c r="KF41" s="118">
        <v>0</v>
      </c>
      <c r="KG41" s="119">
        <v>1722270</v>
      </c>
      <c r="KH41" s="119">
        <v>1458526</v>
      </c>
      <c r="KI41" s="119">
        <v>1519574</v>
      </c>
      <c r="KJ41" s="119">
        <v>1118233</v>
      </c>
      <c r="KK41" s="119">
        <v>310543</v>
      </c>
      <c r="KL41" s="120">
        <v>6129146</v>
      </c>
      <c r="KM41" s="143">
        <v>6514857</v>
      </c>
      <c r="KN41" s="232">
        <v>0</v>
      </c>
      <c r="KO41" s="236">
        <v>0</v>
      </c>
      <c r="KP41" s="237">
        <v>0</v>
      </c>
      <c r="KQ41" s="140"/>
      <c r="KR41" s="119">
        <v>1491955</v>
      </c>
      <c r="KS41" s="119">
        <v>3478123</v>
      </c>
      <c r="KT41" s="119">
        <v>3817576</v>
      </c>
      <c r="KU41" s="119">
        <v>2549955</v>
      </c>
      <c r="KV41" s="119">
        <v>1665404</v>
      </c>
      <c r="KW41" s="120">
        <v>13003013</v>
      </c>
      <c r="KX41" s="318">
        <v>13003013</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18">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3975273</v>
      </c>
      <c r="MK41" s="119">
        <v>6679119</v>
      </c>
      <c r="ML41" s="119">
        <v>25911783</v>
      </c>
      <c r="MM41" s="119">
        <v>35563369</v>
      </c>
      <c r="MN41" s="119">
        <v>25665123</v>
      </c>
      <c r="MO41" s="120">
        <v>97794667</v>
      </c>
      <c r="MP41" s="143">
        <v>97794667</v>
      </c>
      <c r="MQ41" s="142">
        <v>0</v>
      </c>
      <c r="MR41" s="119">
        <v>0</v>
      </c>
      <c r="MS41" s="120">
        <v>0</v>
      </c>
      <c r="MT41" s="145"/>
      <c r="MU41" s="119">
        <v>0</v>
      </c>
      <c r="MV41" s="119">
        <v>700956</v>
      </c>
      <c r="MW41" s="119">
        <v>13772613</v>
      </c>
      <c r="MX41" s="119">
        <v>20652900</v>
      </c>
      <c r="MY41" s="119">
        <v>18344057</v>
      </c>
      <c r="MZ41" s="120">
        <v>53470526</v>
      </c>
      <c r="NA41" s="143">
        <v>53470526</v>
      </c>
      <c r="NB41" s="142">
        <v>0</v>
      </c>
      <c r="NC41" s="119">
        <v>0</v>
      </c>
      <c r="ND41" s="120">
        <v>0</v>
      </c>
      <c r="NE41" s="145"/>
      <c r="NF41" s="119">
        <v>3975273</v>
      </c>
      <c r="NG41" s="119">
        <v>5978163</v>
      </c>
      <c r="NH41" s="119">
        <v>12139170</v>
      </c>
      <c r="NI41" s="119">
        <v>12523253</v>
      </c>
      <c r="NJ41" s="119">
        <v>6982307</v>
      </c>
      <c r="NK41" s="120">
        <v>41598166</v>
      </c>
      <c r="NL41" s="318">
        <v>41598166</v>
      </c>
      <c r="NM41" s="142">
        <v>0</v>
      </c>
      <c r="NN41" s="119">
        <v>0</v>
      </c>
      <c r="NO41" s="120">
        <v>0</v>
      </c>
      <c r="NP41" s="145"/>
      <c r="NQ41" s="119">
        <v>0</v>
      </c>
      <c r="NR41" s="119">
        <v>0</v>
      </c>
      <c r="NS41" s="119">
        <v>0</v>
      </c>
      <c r="NT41" s="119">
        <v>631416</v>
      </c>
      <c r="NU41" s="119">
        <v>338759</v>
      </c>
      <c r="NV41" s="120">
        <v>970175</v>
      </c>
      <c r="NW41" s="121">
        <v>970175</v>
      </c>
      <c r="NX41" s="142">
        <v>0</v>
      </c>
      <c r="NY41" s="119">
        <v>0</v>
      </c>
      <c r="NZ41" s="120">
        <v>0</v>
      </c>
      <c r="OA41" s="145"/>
      <c r="OB41" s="119">
        <v>0</v>
      </c>
      <c r="OC41" s="119">
        <v>0</v>
      </c>
      <c r="OD41" s="119">
        <v>0</v>
      </c>
      <c r="OE41" s="119">
        <v>1755800</v>
      </c>
      <c r="OF41" s="119">
        <v>0</v>
      </c>
      <c r="OG41" s="120">
        <v>1755800</v>
      </c>
      <c r="OH41" s="121">
        <v>1755800</v>
      </c>
      <c r="OI41" s="142">
        <v>1303757</v>
      </c>
      <c r="OJ41" s="119">
        <v>3063296</v>
      </c>
      <c r="OK41" s="141">
        <v>4367053</v>
      </c>
      <c r="OL41" s="118">
        <v>0</v>
      </c>
      <c r="OM41" s="119">
        <v>30738305</v>
      </c>
      <c r="ON41" s="119">
        <v>42208557</v>
      </c>
      <c r="OO41" s="119">
        <v>56551746</v>
      </c>
      <c r="OP41" s="119">
        <v>65950144</v>
      </c>
      <c r="OQ41" s="119">
        <v>46939820</v>
      </c>
      <c r="OR41" s="120">
        <v>242388572</v>
      </c>
      <c r="OS41" s="143">
        <v>246755625</v>
      </c>
    </row>
    <row r="42" spans="2:409" ht="21" customHeight="1" thickBot="1" x14ac:dyDescent="0.25">
      <c r="B42" s="63" t="s">
        <v>37</v>
      </c>
      <c r="C42" s="117">
        <v>230185</v>
      </c>
      <c r="D42" s="178">
        <v>127956</v>
      </c>
      <c r="E42" s="179">
        <v>358141</v>
      </c>
      <c r="F42" s="180">
        <v>0</v>
      </c>
      <c r="G42" s="178">
        <v>1525157</v>
      </c>
      <c r="H42" s="178">
        <v>1445402</v>
      </c>
      <c r="I42" s="178">
        <v>2714695</v>
      </c>
      <c r="J42" s="178">
        <v>1894313</v>
      </c>
      <c r="K42" s="178">
        <v>767653</v>
      </c>
      <c r="L42" s="180">
        <v>8347220</v>
      </c>
      <c r="M42" s="181">
        <v>8705361</v>
      </c>
      <c r="N42" s="117">
        <v>36269</v>
      </c>
      <c r="O42" s="178">
        <v>37361</v>
      </c>
      <c r="P42" s="179">
        <v>73630</v>
      </c>
      <c r="Q42" s="117">
        <v>0</v>
      </c>
      <c r="R42" s="178">
        <v>116422</v>
      </c>
      <c r="S42" s="178">
        <v>345688</v>
      </c>
      <c r="T42" s="178">
        <v>365861</v>
      </c>
      <c r="U42" s="178">
        <v>439872</v>
      </c>
      <c r="V42" s="178">
        <v>450322</v>
      </c>
      <c r="W42" s="179">
        <v>1718165</v>
      </c>
      <c r="X42" s="181">
        <v>1791795</v>
      </c>
      <c r="Y42" s="117">
        <v>0</v>
      </c>
      <c r="Z42" s="178">
        <v>0</v>
      </c>
      <c r="AA42" s="179">
        <v>0</v>
      </c>
      <c r="AB42" s="117">
        <v>0</v>
      </c>
      <c r="AC42" s="178">
        <v>37864</v>
      </c>
      <c r="AD42" s="178">
        <v>207310</v>
      </c>
      <c r="AE42" s="178">
        <v>210026</v>
      </c>
      <c r="AF42" s="178">
        <v>97479</v>
      </c>
      <c r="AG42" s="178">
        <v>339850</v>
      </c>
      <c r="AH42" s="179">
        <v>892529</v>
      </c>
      <c r="AI42" s="181">
        <v>892529</v>
      </c>
      <c r="AJ42" s="117">
        <v>0</v>
      </c>
      <c r="AK42" s="178">
        <v>0</v>
      </c>
      <c r="AL42" s="179">
        <v>0</v>
      </c>
      <c r="AM42" s="117">
        <v>0</v>
      </c>
      <c r="AN42" s="178">
        <v>0</v>
      </c>
      <c r="AO42" s="178">
        <v>0</v>
      </c>
      <c r="AP42" s="178">
        <v>0</v>
      </c>
      <c r="AQ42" s="178">
        <v>0</v>
      </c>
      <c r="AR42" s="178">
        <v>0</v>
      </c>
      <c r="AS42" s="179">
        <v>0</v>
      </c>
      <c r="AT42" s="181">
        <v>0</v>
      </c>
      <c r="AU42" s="117">
        <v>26477</v>
      </c>
      <c r="AV42" s="178">
        <v>37361</v>
      </c>
      <c r="AW42" s="179">
        <v>63838</v>
      </c>
      <c r="AX42" s="117">
        <v>0</v>
      </c>
      <c r="AY42" s="178">
        <v>56283</v>
      </c>
      <c r="AZ42" s="178">
        <v>116112</v>
      </c>
      <c r="BA42" s="178">
        <v>59607</v>
      </c>
      <c r="BB42" s="178">
        <v>184904</v>
      </c>
      <c r="BC42" s="178">
        <v>64869</v>
      </c>
      <c r="BD42" s="179">
        <v>481775</v>
      </c>
      <c r="BE42" s="181">
        <v>545613</v>
      </c>
      <c r="BF42" s="117">
        <v>0</v>
      </c>
      <c r="BG42" s="178">
        <v>0</v>
      </c>
      <c r="BH42" s="183">
        <v>0</v>
      </c>
      <c r="BI42" s="182">
        <v>0</v>
      </c>
      <c r="BJ42" s="178">
        <v>0</v>
      </c>
      <c r="BK42" s="178">
        <v>16902</v>
      </c>
      <c r="BL42" s="178">
        <v>0</v>
      </c>
      <c r="BM42" s="178">
        <v>68145</v>
      </c>
      <c r="BN42" s="178">
        <v>0</v>
      </c>
      <c r="BO42" s="179">
        <v>85047</v>
      </c>
      <c r="BP42" s="181">
        <v>85047</v>
      </c>
      <c r="BQ42" s="117">
        <v>9792</v>
      </c>
      <c r="BR42" s="178">
        <v>0</v>
      </c>
      <c r="BS42" s="179">
        <v>9792</v>
      </c>
      <c r="BT42" s="117">
        <v>0</v>
      </c>
      <c r="BU42" s="178">
        <v>22275</v>
      </c>
      <c r="BV42" s="178">
        <v>5364</v>
      </c>
      <c r="BW42" s="178">
        <v>96228</v>
      </c>
      <c r="BX42" s="178">
        <v>89344</v>
      </c>
      <c r="BY42" s="178">
        <v>45603</v>
      </c>
      <c r="BZ42" s="179">
        <v>258814</v>
      </c>
      <c r="CA42" s="181">
        <v>268606</v>
      </c>
      <c r="CB42" s="117">
        <v>44552</v>
      </c>
      <c r="CC42" s="178">
        <v>36772</v>
      </c>
      <c r="CD42" s="179">
        <v>81324</v>
      </c>
      <c r="CE42" s="117">
        <v>0</v>
      </c>
      <c r="CF42" s="178">
        <v>827997</v>
      </c>
      <c r="CG42" s="178">
        <v>402422</v>
      </c>
      <c r="CH42" s="178">
        <v>995465</v>
      </c>
      <c r="CI42" s="178">
        <v>489143</v>
      </c>
      <c r="CJ42" s="178">
        <v>143739</v>
      </c>
      <c r="CK42" s="179">
        <v>2858766</v>
      </c>
      <c r="CL42" s="181">
        <v>2940090</v>
      </c>
      <c r="CM42" s="117">
        <v>0</v>
      </c>
      <c r="CN42" s="178">
        <v>0</v>
      </c>
      <c r="CO42" s="179">
        <v>0</v>
      </c>
      <c r="CP42" s="182">
        <v>0</v>
      </c>
      <c r="CQ42" s="178">
        <v>419399</v>
      </c>
      <c r="CR42" s="178">
        <v>322313</v>
      </c>
      <c r="CS42" s="178">
        <v>684018</v>
      </c>
      <c r="CT42" s="178">
        <v>166171</v>
      </c>
      <c r="CU42" s="178">
        <v>143739</v>
      </c>
      <c r="CV42" s="179">
        <v>1735640</v>
      </c>
      <c r="CW42" s="181">
        <v>1735640</v>
      </c>
      <c r="CX42" s="117">
        <v>44552</v>
      </c>
      <c r="CY42" s="178">
        <v>36772</v>
      </c>
      <c r="CZ42" s="179">
        <v>81324</v>
      </c>
      <c r="DA42" s="117">
        <v>0</v>
      </c>
      <c r="DB42" s="178">
        <v>408598</v>
      </c>
      <c r="DC42" s="178">
        <v>80109</v>
      </c>
      <c r="DD42" s="178">
        <v>311447</v>
      </c>
      <c r="DE42" s="178">
        <v>322972</v>
      </c>
      <c r="DF42" s="178">
        <v>0</v>
      </c>
      <c r="DG42" s="179">
        <v>1123126</v>
      </c>
      <c r="DH42" s="181">
        <v>1204450</v>
      </c>
      <c r="DI42" s="117">
        <v>0</v>
      </c>
      <c r="DJ42" s="178">
        <v>0</v>
      </c>
      <c r="DK42" s="183">
        <v>0</v>
      </c>
      <c r="DL42" s="182">
        <v>0</v>
      </c>
      <c r="DM42" s="178">
        <v>0</v>
      </c>
      <c r="DN42" s="178">
        <v>97798</v>
      </c>
      <c r="DO42" s="178">
        <v>591726</v>
      </c>
      <c r="DP42" s="178">
        <v>123364</v>
      </c>
      <c r="DQ42" s="178">
        <v>40932</v>
      </c>
      <c r="DR42" s="179">
        <v>853820</v>
      </c>
      <c r="DS42" s="181">
        <v>853820</v>
      </c>
      <c r="DT42" s="117">
        <v>0</v>
      </c>
      <c r="DU42" s="178">
        <v>0</v>
      </c>
      <c r="DV42" s="179">
        <v>0</v>
      </c>
      <c r="DW42" s="117">
        <v>0</v>
      </c>
      <c r="DX42" s="178">
        <v>0</v>
      </c>
      <c r="DY42" s="178">
        <v>97798</v>
      </c>
      <c r="DZ42" s="178">
        <v>534972</v>
      </c>
      <c r="EA42" s="178">
        <v>94394</v>
      </c>
      <c r="EB42" s="178">
        <v>0</v>
      </c>
      <c r="EC42" s="179">
        <v>727164</v>
      </c>
      <c r="ED42" s="181">
        <v>727164</v>
      </c>
      <c r="EE42" s="117">
        <v>0</v>
      </c>
      <c r="EF42" s="183">
        <v>0</v>
      </c>
      <c r="EG42" s="179">
        <v>0</v>
      </c>
      <c r="EH42" s="117">
        <v>0</v>
      </c>
      <c r="EI42" s="178">
        <v>0</v>
      </c>
      <c r="EJ42" s="178">
        <v>0</v>
      </c>
      <c r="EK42" s="178">
        <v>56754</v>
      </c>
      <c r="EL42" s="178">
        <v>28970</v>
      </c>
      <c r="EM42" s="178">
        <v>40932</v>
      </c>
      <c r="EN42" s="183">
        <v>126656</v>
      </c>
      <c r="EO42" s="181">
        <v>126656</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6"/>
      <c r="FE42" s="178">
        <v>0</v>
      </c>
      <c r="FF42" s="178">
        <v>0</v>
      </c>
      <c r="FG42" s="178">
        <v>0</v>
      </c>
      <c r="FH42" s="178">
        <v>0</v>
      </c>
      <c r="FI42" s="178">
        <v>0</v>
      </c>
      <c r="FJ42" s="179">
        <v>0</v>
      </c>
      <c r="FK42" s="181">
        <v>0</v>
      </c>
      <c r="FL42" s="117">
        <v>85482</v>
      </c>
      <c r="FM42" s="178">
        <v>21882</v>
      </c>
      <c r="FN42" s="179">
        <v>107364</v>
      </c>
      <c r="FO42" s="117">
        <v>0</v>
      </c>
      <c r="FP42" s="178">
        <v>178875</v>
      </c>
      <c r="FQ42" s="178">
        <v>296505</v>
      </c>
      <c r="FR42" s="178">
        <v>323964</v>
      </c>
      <c r="FS42" s="178">
        <v>224874</v>
      </c>
      <c r="FT42" s="178">
        <v>69800</v>
      </c>
      <c r="FU42" s="179">
        <v>1094018</v>
      </c>
      <c r="FV42" s="181">
        <v>1201382</v>
      </c>
      <c r="FW42" s="184">
        <v>85482</v>
      </c>
      <c r="FX42" s="178">
        <v>21882</v>
      </c>
      <c r="FY42" s="183">
        <v>107364</v>
      </c>
      <c r="FZ42" s="182">
        <v>0</v>
      </c>
      <c r="GA42" s="178">
        <v>178875</v>
      </c>
      <c r="GB42" s="178">
        <v>276705</v>
      </c>
      <c r="GC42" s="178">
        <v>323964</v>
      </c>
      <c r="GD42" s="178">
        <v>224874</v>
      </c>
      <c r="GE42" s="178">
        <v>69800</v>
      </c>
      <c r="GF42" s="179">
        <v>1074218</v>
      </c>
      <c r="GG42" s="317">
        <v>1181582</v>
      </c>
      <c r="GH42" s="184">
        <v>0</v>
      </c>
      <c r="GI42" s="178">
        <v>0</v>
      </c>
      <c r="GJ42" s="183">
        <v>0</v>
      </c>
      <c r="GK42" s="182">
        <v>0</v>
      </c>
      <c r="GL42" s="178">
        <v>0</v>
      </c>
      <c r="GM42" s="178">
        <v>19800</v>
      </c>
      <c r="GN42" s="178">
        <v>0</v>
      </c>
      <c r="GO42" s="178">
        <v>0</v>
      </c>
      <c r="GP42" s="178">
        <v>0</v>
      </c>
      <c r="GQ42" s="179">
        <v>19800</v>
      </c>
      <c r="GR42" s="181">
        <v>1980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394986</v>
      </c>
      <c r="HL42" s="178">
        <v>0</v>
      </c>
      <c r="HM42" s="179">
        <v>394986</v>
      </c>
      <c r="HN42" s="180">
        <v>394986</v>
      </c>
      <c r="HO42" s="184">
        <v>63882</v>
      </c>
      <c r="HP42" s="178">
        <v>31941</v>
      </c>
      <c r="HQ42" s="179">
        <v>95823</v>
      </c>
      <c r="HR42" s="117">
        <v>0</v>
      </c>
      <c r="HS42" s="178">
        <v>401863</v>
      </c>
      <c r="HT42" s="178">
        <v>302989</v>
      </c>
      <c r="HU42" s="178">
        <v>437679</v>
      </c>
      <c r="HV42" s="178">
        <v>222074</v>
      </c>
      <c r="HW42" s="178">
        <v>62860</v>
      </c>
      <c r="HX42" s="183">
        <v>1427465</v>
      </c>
      <c r="HY42" s="181">
        <v>1523288</v>
      </c>
      <c r="HZ42" s="151">
        <v>0</v>
      </c>
      <c r="IA42" s="152">
        <v>0</v>
      </c>
      <c r="IB42" s="153">
        <v>0</v>
      </c>
      <c r="IC42" s="154">
        <v>0</v>
      </c>
      <c r="ID42" s="155">
        <v>1091242</v>
      </c>
      <c r="IE42" s="156">
        <v>787868</v>
      </c>
      <c r="IF42" s="157">
        <v>2233366</v>
      </c>
      <c r="IG42" s="155">
        <v>737573</v>
      </c>
      <c r="IH42" s="157">
        <v>555094</v>
      </c>
      <c r="II42" s="158">
        <v>5405143</v>
      </c>
      <c r="IJ42" s="159">
        <v>5405143</v>
      </c>
      <c r="IK42" s="233">
        <v>0</v>
      </c>
      <c r="IL42" s="238">
        <v>0</v>
      </c>
      <c r="IM42" s="239">
        <v>0</v>
      </c>
      <c r="IN42" s="160"/>
      <c r="IO42" s="161">
        <v>0</v>
      </c>
      <c r="IP42" s="161">
        <v>0</v>
      </c>
      <c r="IQ42" s="161">
        <v>0</v>
      </c>
      <c r="IR42" s="161">
        <v>223127</v>
      </c>
      <c r="IS42" s="161">
        <v>0</v>
      </c>
      <c r="IT42" s="162">
        <v>223127</v>
      </c>
      <c r="IU42" s="319">
        <v>223127</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798929</v>
      </c>
      <c r="JL42" s="161">
        <v>787868</v>
      </c>
      <c r="JM42" s="161">
        <v>1001944</v>
      </c>
      <c r="JN42" s="161">
        <v>0</v>
      </c>
      <c r="JO42" s="161">
        <v>300317</v>
      </c>
      <c r="JP42" s="165">
        <v>2889058</v>
      </c>
      <c r="JQ42" s="319">
        <v>2889058</v>
      </c>
      <c r="JR42" s="163">
        <v>0</v>
      </c>
      <c r="JS42" s="161">
        <v>0</v>
      </c>
      <c r="JT42" s="162">
        <v>0</v>
      </c>
      <c r="JU42" s="164">
        <v>0</v>
      </c>
      <c r="JV42" s="161">
        <v>37577</v>
      </c>
      <c r="JW42" s="161">
        <v>0</v>
      </c>
      <c r="JX42" s="161">
        <v>0</v>
      </c>
      <c r="JY42" s="161">
        <v>235641</v>
      </c>
      <c r="JZ42" s="161">
        <v>254777</v>
      </c>
      <c r="KA42" s="165">
        <v>527995</v>
      </c>
      <c r="KB42" s="319">
        <v>527995</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54736</v>
      </c>
      <c r="KS42" s="161">
        <v>0</v>
      </c>
      <c r="KT42" s="161">
        <v>1231422</v>
      </c>
      <c r="KU42" s="161">
        <v>278805</v>
      </c>
      <c r="KV42" s="161">
        <v>0</v>
      </c>
      <c r="KW42" s="165">
        <v>1764963</v>
      </c>
      <c r="KX42" s="319">
        <v>1764963</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19">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497568</v>
      </c>
      <c r="MK42" s="161">
        <v>0</v>
      </c>
      <c r="ML42" s="161">
        <v>4891878</v>
      </c>
      <c r="MM42" s="161">
        <v>1967826</v>
      </c>
      <c r="MN42" s="161">
        <v>2464276</v>
      </c>
      <c r="MO42" s="165">
        <v>9821548</v>
      </c>
      <c r="MP42" s="167">
        <v>9821548</v>
      </c>
      <c r="MQ42" s="163">
        <v>0</v>
      </c>
      <c r="MR42" s="161">
        <v>0</v>
      </c>
      <c r="MS42" s="165">
        <v>0</v>
      </c>
      <c r="MT42" s="169"/>
      <c r="MU42" s="161">
        <v>0</v>
      </c>
      <c r="MV42" s="161">
        <v>0</v>
      </c>
      <c r="MW42" s="161">
        <v>2562134</v>
      </c>
      <c r="MX42" s="161">
        <v>1627782</v>
      </c>
      <c r="MY42" s="161">
        <v>2131299</v>
      </c>
      <c r="MZ42" s="165">
        <v>6321215</v>
      </c>
      <c r="NA42" s="167">
        <v>6321215</v>
      </c>
      <c r="NB42" s="163">
        <v>0</v>
      </c>
      <c r="NC42" s="161">
        <v>0</v>
      </c>
      <c r="ND42" s="165">
        <v>0</v>
      </c>
      <c r="NE42" s="169"/>
      <c r="NF42" s="161">
        <v>497568</v>
      </c>
      <c r="NG42" s="161">
        <v>0</v>
      </c>
      <c r="NH42" s="161">
        <v>2329744</v>
      </c>
      <c r="NI42" s="161">
        <v>340044</v>
      </c>
      <c r="NJ42" s="161">
        <v>332977</v>
      </c>
      <c r="NK42" s="165">
        <v>3500333</v>
      </c>
      <c r="NL42" s="319">
        <v>3500333</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230185</v>
      </c>
      <c r="OJ42" s="161">
        <v>127956</v>
      </c>
      <c r="OK42" s="162">
        <v>358141</v>
      </c>
      <c r="OL42" s="164">
        <v>0</v>
      </c>
      <c r="OM42" s="161">
        <v>3113967</v>
      </c>
      <c r="ON42" s="161">
        <v>2233270</v>
      </c>
      <c r="OO42" s="161">
        <v>9839939</v>
      </c>
      <c r="OP42" s="161">
        <v>4599712</v>
      </c>
      <c r="OQ42" s="161">
        <v>3787023</v>
      </c>
      <c r="OR42" s="165">
        <v>23573911</v>
      </c>
      <c r="OS42" s="167">
        <v>23932052</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2" customWidth="1"/>
    <col min="83" max="83" width="7.6640625" style="322" customWidth="1"/>
    <col min="84" max="84" width="9.88671875" style="322" customWidth="1"/>
    <col min="85" max="85" width="10" style="322" customWidth="1"/>
    <col min="86" max="86" width="9.77734375" style="322" customWidth="1"/>
    <col min="87" max="87" width="9.21875" style="322" customWidth="1"/>
    <col min="88" max="88" width="8.77734375" style="322" customWidth="1"/>
    <col min="89" max="89" width="9.88671875" style="322" customWidth="1"/>
    <col min="90" max="90" width="9.77734375" style="322"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2" customWidth="1"/>
    <col min="116" max="116" width="7.21875" style="322" customWidth="1"/>
    <col min="117" max="121" width="8.21875" style="322" customWidth="1"/>
    <col min="122" max="122" width="10.109375" style="322" customWidth="1"/>
    <col min="123" max="123" width="9.77734375" style="322"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2" customWidth="1"/>
    <col min="171" max="171" width="6.6640625" style="322" customWidth="1"/>
    <col min="172" max="176" width="8.21875" style="322" customWidth="1"/>
    <col min="177" max="177" width="10.109375" style="322" customWidth="1"/>
    <col min="178" max="178" width="9.88671875" style="322"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5</v>
      </c>
      <c r="E1" s="490">
        <f>第１表!F2</f>
        <v>5</v>
      </c>
      <c r="F1" s="246">
        <f>第１表!G2</f>
        <v>6</v>
      </c>
      <c r="G1" s="677">
        <f>IF(F1&lt;3,F1-2+12,F1-2)</f>
        <v>4</v>
      </c>
      <c r="H1" s="677"/>
      <c r="IB1" s="365"/>
      <c r="IC1" s="252"/>
      <c r="ID1" s="647"/>
      <c r="IE1" s="647"/>
    </row>
    <row r="2" spans="1:409" ht="24" customHeight="1" x14ac:dyDescent="0.2">
      <c r="B2" s="20" t="s">
        <v>146</v>
      </c>
      <c r="E2" s="249"/>
      <c r="F2" s="250"/>
      <c r="G2" s="339"/>
      <c r="H2" s="339"/>
      <c r="IB2" s="251"/>
      <c r="IC2" s="252"/>
      <c r="ID2" s="368"/>
      <c r="IE2" s="368"/>
    </row>
    <row r="3" spans="1:409" ht="24" customHeight="1" thickBot="1" x14ac:dyDescent="0.25">
      <c r="B3" s="20" t="s">
        <v>136</v>
      </c>
    </row>
    <row r="4" spans="1:409" ht="21" customHeight="1" thickBot="1" x14ac:dyDescent="0.25">
      <c r="B4" s="707" t="s">
        <v>42</v>
      </c>
      <c r="C4" s="710" t="s">
        <v>63</v>
      </c>
      <c r="D4" s="710"/>
      <c r="E4" s="710"/>
      <c r="F4" s="710"/>
      <c r="G4" s="710"/>
      <c r="H4" s="710"/>
      <c r="I4" s="710"/>
      <c r="J4" s="710"/>
      <c r="K4" s="710"/>
      <c r="L4" s="710"/>
      <c r="M4" s="710"/>
      <c r="N4" s="713"/>
      <c r="O4" s="713"/>
      <c r="P4" s="713"/>
      <c r="Q4" s="713"/>
      <c r="R4" s="713"/>
      <c r="S4" s="713"/>
      <c r="T4" s="713"/>
      <c r="U4" s="713"/>
      <c r="V4" s="713"/>
      <c r="W4" s="713"/>
      <c r="X4" s="713"/>
      <c r="Y4" s="713"/>
      <c r="Z4" s="713"/>
      <c r="AA4" s="713"/>
      <c r="AB4" s="713"/>
      <c r="AC4" s="713"/>
      <c r="AD4" s="713"/>
      <c r="AE4" s="713"/>
      <c r="AF4" s="713"/>
      <c r="AG4" s="713"/>
      <c r="AH4" s="713"/>
      <c r="AI4" s="713"/>
      <c r="AJ4" s="713"/>
      <c r="AK4" s="713"/>
      <c r="AL4" s="713"/>
      <c r="AM4" s="713"/>
      <c r="AN4" s="713"/>
      <c r="AO4" s="713"/>
      <c r="AP4" s="713"/>
      <c r="AQ4" s="713"/>
      <c r="AR4" s="713"/>
      <c r="AS4" s="713"/>
      <c r="AT4" s="713"/>
      <c r="AU4" s="713"/>
      <c r="AV4" s="713"/>
      <c r="AW4" s="713"/>
      <c r="AX4" s="713"/>
      <c r="AY4" s="713"/>
      <c r="AZ4" s="713"/>
      <c r="BA4" s="713"/>
      <c r="BB4" s="713"/>
      <c r="BC4" s="713"/>
      <c r="BD4" s="713"/>
      <c r="BE4" s="713"/>
      <c r="BF4" s="713"/>
      <c r="BG4" s="713"/>
      <c r="BH4" s="713"/>
      <c r="BI4" s="713"/>
      <c r="BJ4" s="713"/>
      <c r="BK4" s="713"/>
      <c r="BL4" s="713"/>
      <c r="BM4" s="713"/>
      <c r="BN4" s="713"/>
      <c r="BO4" s="713"/>
      <c r="BP4" s="713"/>
      <c r="BQ4" s="713"/>
      <c r="BR4" s="713"/>
      <c r="BS4" s="713"/>
      <c r="BT4" s="713"/>
      <c r="BU4" s="713"/>
      <c r="BV4" s="713"/>
      <c r="BW4" s="713"/>
      <c r="BX4" s="713"/>
      <c r="BY4" s="713"/>
      <c r="BZ4" s="713"/>
      <c r="CA4" s="713"/>
      <c r="CB4" s="713"/>
      <c r="CC4" s="713"/>
      <c r="CD4" s="713"/>
      <c r="CE4" s="713"/>
      <c r="CF4" s="713"/>
      <c r="CG4" s="713"/>
      <c r="CH4" s="713"/>
      <c r="CI4" s="713"/>
      <c r="CJ4" s="713"/>
      <c r="CK4" s="713"/>
      <c r="CL4" s="713"/>
      <c r="CM4" s="713"/>
      <c r="CN4" s="713"/>
      <c r="CO4" s="713"/>
      <c r="CP4" s="713"/>
      <c r="CQ4" s="713"/>
      <c r="CR4" s="713"/>
      <c r="CS4" s="713"/>
      <c r="CT4" s="713"/>
      <c r="CU4" s="713"/>
      <c r="CV4" s="713"/>
      <c r="CW4" s="713"/>
      <c r="CX4" s="713"/>
      <c r="CY4" s="713"/>
      <c r="CZ4" s="713"/>
      <c r="DA4" s="713"/>
      <c r="DB4" s="713"/>
      <c r="DC4" s="713"/>
      <c r="DD4" s="713"/>
      <c r="DE4" s="713"/>
      <c r="DF4" s="713"/>
      <c r="DG4" s="713"/>
      <c r="DH4" s="713"/>
      <c r="DI4" s="713"/>
      <c r="DJ4" s="713"/>
      <c r="DK4" s="713"/>
      <c r="DL4" s="713"/>
      <c r="DM4" s="713"/>
      <c r="DN4" s="713"/>
      <c r="DO4" s="713"/>
      <c r="DP4" s="713"/>
      <c r="DQ4" s="713"/>
      <c r="DR4" s="713"/>
      <c r="DS4" s="713"/>
      <c r="DT4" s="713"/>
      <c r="DU4" s="713"/>
      <c r="DV4" s="713"/>
      <c r="DW4" s="713"/>
      <c r="DX4" s="713"/>
      <c r="DY4" s="713"/>
      <c r="DZ4" s="713"/>
      <c r="EA4" s="713"/>
      <c r="EB4" s="713"/>
      <c r="EC4" s="713"/>
      <c r="ED4" s="713"/>
      <c r="EE4" s="713"/>
      <c r="EF4" s="713"/>
      <c r="EG4" s="713"/>
      <c r="EH4" s="713"/>
      <c r="EI4" s="713"/>
      <c r="EJ4" s="713"/>
      <c r="EK4" s="713"/>
      <c r="EL4" s="713"/>
      <c r="EM4" s="713"/>
      <c r="EN4" s="713"/>
      <c r="EO4" s="713"/>
      <c r="EP4" s="713"/>
      <c r="EQ4" s="713"/>
      <c r="ER4" s="713"/>
      <c r="ES4" s="713"/>
      <c r="ET4" s="713"/>
      <c r="EU4" s="713"/>
      <c r="EV4" s="713"/>
      <c r="EW4" s="713"/>
      <c r="EX4" s="713"/>
      <c r="EY4" s="713"/>
      <c r="EZ4" s="713"/>
      <c r="FA4" s="713"/>
      <c r="FB4" s="713"/>
      <c r="FC4" s="713"/>
      <c r="FD4" s="713"/>
      <c r="FE4" s="713"/>
      <c r="FF4" s="713"/>
      <c r="FG4" s="713"/>
      <c r="FH4" s="713"/>
      <c r="FI4" s="713"/>
      <c r="FJ4" s="713"/>
      <c r="FK4" s="713"/>
      <c r="FL4" s="713"/>
      <c r="FM4" s="713"/>
      <c r="FN4" s="713"/>
      <c r="FO4" s="713"/>
      <c r="FP4" s="713"/>
      <c r="FQ4" s="713"/>
      <c r="FR4" s="713"/>
      <c r="FS4" s="713"/>
      <c r="FT4" s="713"/>
      <c r="FU4" s="713"/>
      <c r="FV4" s="713"/>
      <c r="FW4" s="713"/>
      <c r="FX4" s="713"/>
      <c r="FY4" s="713"/>
      <c r="FZ4" s="713"/>
      <c r="GA4" s="713"/>
      <c r="GB4" s="713"/>
      <c r="GC4" s="713"/>
      <c r="GD4" s="713"/>
      <c r="GE4" s="713"/>
      <c r="GF4" s="713"/>
      <c r="GG4" s="713"/>
      <c r="GH4" s="713"/>
      <c r="GI4" s="713"/>
      <c r="GJ4" s="713"/>
      <c r="GK4" s="713"/>
      <c r="GL4" s="713"/>
      <c r="GM4" s="713"/>
      <c r="GN4" s="713"/>
      <c r="GO4" s="713"/>
      <c r="GP4" s="713"/>
      <c r="GQ4" s="713"/>
      <c r="GR4" s="713"/>
      <c r="GS4" s="713"/>
      <c r="GT4" s="713"/>
      <c r="GU4" s="713"/>
      <c r="GV4" s="713"/>
      <c r="GW4" s="713"/>
      <c r="GX4" s="713"/>
      <c r="GY4" s="713"/>
      <c r="GZ4" s="713"/>
      <c r="HA4" s="713"/>
      <c r="HB4" s="713"/>
      <c r="HC4" s="713"/>
      <c r="HD4" s="713"/>
      <c r="HE4" s="713"/>
      <c r="HF4" s="713"/>
      <c r="HG4" s="713"/>
      <c r="HH4" s="713"/>
      <c r="HI4" s="713"/>
      <c r="HJ4" s="713"/>
      <c r="HK4" s="713"/>
      <c r="HL4" s="713"/>
      <c r="HM4" s="713"/>
      <c r="HN4" s="713"/>
      <c r="HO4" s="713"/>
      <c r="HP4" s="713"/>
      <c r="HQ4" s="713"/>
      <c r="HR4" s="713"/>
      <c r="HS4" s="713"/>
      <c r="HT4" s="713"/>
      <c r="HU4" s="713"/>
      <c r="HV4" s="713"/>
      <c r="HW4" s="713"/>
      <c r="HX4" s="713"/>
      <c r="HY4" s="714"/>
      <c r="HZ4" s="608" t="s">
        <v>85</v>
      </c>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09"/>
      <c r="ME4" s="610"/>
      <c r="MF4" s="608" t="s">
        <v>86</v>
      </c>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09"/>
      <c r="OH4" s="610"/>
      <c r="OI4" s="597" t="s">
        <v>60</v>
      </c>
      <c r="OJ4" s="502"/>
      <c r="OK4" s="502"/>
      <c r="OL4" s="502"/>
      <c r="OM4" s="502"/>
      <c r="ON4" s="502"/>
      <c r="OO4" s="502"/>
      <c r="OP4" s="502"/>
      <c r="OQ4" s="502"/>
      <c r="OR4" s="502"/>
      <c r="OS4" s="503"/>
    </row>
    <row r="5" spans="1:409" ht="21" customHeight="1" thickBot="1" x14ac:dyDescent="0.25">
      <c r="B5" s="708"/>
      <c r="C5" s="711"/>
      <c r="D5" s="711"/>
      <c r="E5" s="711"/>
      <c r="F5" s="711"/>
      <c r="G5" s="711"/>
      <c r="H5" s="711"/>
      <c r="I5" s="711"/>
      <c r="J5" s="711"/>
      <c r="K5" s="711"/>
      <c r="L5" s="711"/>
      <c r="M5" s="711"/>
      <c r="N5" s="715" t="s">
        <v>64</v>
      </c>
      <c r="O5" s="716"/>
      <c r="P5" s="716"/>
      <c r="Q5" s="716"/>
      <c r="R5" s="716"/>
      <c r="S5" s="716"/>
      <c r="T5" s="716"/>
      <c r="U5" s="716"/>
      <c r="V5" s="716"/>
      <c r="W5" s="716"/>
      <c r="X5" s="716"/>
      <c r="Y5" s="716"/>
      <c r="Z5" s="716"/>
      <c r="AA5" s="716"/>
      <c r="AB5" s="716"/>
      <c r="AC5" s="716"/>
      <c r="AD5" s="716"/>
      <c r="AE5" s="716"/>
      <c r="AF5" s="716"/>
      <c r="AG5" s="716"/>
      <c r="AH5" s="716"/>
      <c r="AI5" s="716"/>
      <c r="AJ5" s="716"/>
      <c r="AK5" s="716"/>
      <c r="AL5" s="716"/>
      <c r="AM5" s="716"/>
      <c r="AN5" s="716"/>
      <c r="AO5" s="716"/>
      <c r="AP5" s="716"/>
      <c r="AQ5" s="716"/>
      <c r="AR5" s="716"/>
      <c r="AS5" s="716"/>
      <c r="AT5" s="716"/>
      <c r="AU5" s="716"/>
      <c r="AV5" s="716"/>
      <c r="AW5" s="716"/>
      <c r="AX5" s="716"/>
      <c r="AY5" s="716"/>
      <c r="AZ5" s="716"/>
      <c r="BA5" s="716"/>
      <c r="BB5" s="716"/>
      <c r="BC5" s="716"/>
      <c r="BD5" s="716"/>
      <c r="BE5" s="716"/>
      <c r="BF5" s="716"/>
      <c r="BG5" s="716"/>
      <c r="BH5" s="716"/>
      <c r="BI5" s="716"/>
      <c r="BJ5" s="716"/>
      <c r="BK5" s="716"/>
      <c r="BL5" s="716"/>
      <c r="BM5" s="716"/>
      <c r="BN5" s="716"/>
      <c r="BO5" s="716"/>
      <c r="BP5" s="716"/>
      <c r="BQ5" s="716"/>
      <c r="BR5" s="716"/>
      <c r="BS5" s="716"/>
      <c r="BT5" s="716"/>
      <c r="BU5" s="716"/>
      <c r="BV5" s="716"/>
      <c r="BW5" s="716"/>
      <c r="BX5" s="716"/>
      <c r="BY5" s="716"/>
      <c r="BZ5" s="716"/>
      <c r="CA5" s="717"/>
      <c r="CB5" s="715" t="s">
        <v>65</v>
      </c>
      <c r="CC5" s="716"/>
      <c r="CD5" s="716"/>
      <c r="CE5" s="716"/>
      <c r="CF5" s="716"/>
      <c r="CG5" s="716"/>
      <c r="CH5" s="716"/>
      <c r="CI5" s="716"/>
      <c r="CJ5" s="716"/>
      <c r="CK5" s="716"/>
      <c r="CL5" s="716"/>
      <c r="CM5" s="716"/>
      <c r="CN5" s="716"/>
      <c r="CO5" s="716"/>
      <c r="CP5" s="716"/>
      <c r="CQ5" s="716"/>
      <c r="CR5" s="716"/>
      <c r="CS5" s="716"/>
      <c r="CT5" s="716"/>
      <c r="CU5" s="716"/>
      <c r="CV5" s="716"/>
      <c r="CW5" s="716"/>
      <c r="CX5" s="716"/>
      <c r="CY5" s="716"/>
      <c r="CZ5" s="716"/>
      <c r="DA5" s="716"/>
      <c r="DB5" s="716"/>
      <c r="DC5" s="716"/>
      <c r="DD5" s="716"/>
      <c r="DE5" s="716"/>
      <c r="DF5" s="716"/>
      <c r="DG5" s="716"/>
      <c r="DH5" s="717"/>
      <c r="DI5" s="519" t="s">
        <v>66</v>
      </c>
      <c r="DJ5" s="520"/>
      <c r="DK5" s="520"/>
      <c r="DL5" s="520"/>
      <c r="DM5" s="520"/>
      <c r="DN5" s="520"/>
      <c r="DO5" s="520"/>
      <c r="DP5" s="520"/>
      <c r="DQ5" s="520"/>
      <c r="DR5" s="520"/>
      <c r="DS5" s="520"/>
      <c r="DT5" s="520"/>
      <c r="DU5" s="520"/>
      <c r="DV5" s="520"/>
      <c r="DW5" s="520"/>
      <c r="DX5" s="520"/>
      <c r="DY5" s="520"/>
      <c r="DZ5" s="520"/>
      <c r="EA5" s="520"/>
      <c r="EB5" s="520"/>
      <c r="EC5" s="520"/>
      <c r="ED5" s="520"/>
      <c r="EE5" s="520"/>
      <c r="EF5" s="520"/>
      <c r="EG5" s="520"/>
      <c r="EH5" s="520"/>
      <c r="EI5" s="520"/>
      <c r="EJ5" s="520"/>
      <c r="EK5" s="520"/>
      <c r="EL5" s="520"/>
      <c r="EM5" s="520"/>
      <c r="EN5" s="520"/>
      <c r="EO5" s="520"/>
      <c r="EP5" s="520"/>
      <c r="EQ5" s="520"/>
      <c r="ER5" s="520"/>
      <c r="ES5" s="520"/>
      <c r="ET5" s="520"/>
      <c r="EU5" s="520"/>
      <c r="EV5" s="520"/>
      <c r="EW5" s="520"/>
      <c r="EX5" s="520"/>
      <c r="EY5" s="520"/>
      <c r="EZ5" s="520"/>
      <c r="FA5" s="520"/>
      <c r="FB5" s="520"/>
      <c r="FC5" s="520"/>
      <c r="FD5" s="520"/>
      <c r="FE5" s="520"/>
      <c r="FF5" s="520"/>
      <c r="FG5" s="520"/>
      <c r="FH5" s="520"/>
      <c r="FI5" s="520"/>
      <c r="FJ5" s="520"/>
      <c r="FK5" s="521"/>
      <c r="FL5" s="715" t="s">
        <v>67</v>
      </c>
      <c r="FM5" s="716"/>
      <c r="FN5" s="716"/>
      <c r="FO5" s="716"/>
      <c r="FP5" s="716"/>
      <c r="FQ5" s="716"/>
      <c r="FR5" s="716"/>
      <c r="FS5" s="716"/>
      <c r="FT5" s="716"/>
      <c r="FU5" s="716"/>
      <c r="FV5" s="716"/>
      <c r="FW5" s="716"/>
      <c r="FX5" s="716"/>
      <c r="FY5" s="716"/>
      <c r="FZ5" s="716"/>
      <c r="GA5" s="716"/>
      <c r="GB5" s="716"/>
      <c r="GC5" s="716"/>
      <c r="GD5" s="716"/>
      <c r="GE5" s="716"/>
      <c r="GF5" s="716"/>
      <c r="GG5" s="716"/>
      <c r="GH5" s="716"/>
      <c r="GI5" s="716"/>
      <c r="GJ5" s="716"/>
      <c r="GK5" s="716"/>
      <c r="GL5" s="716"/>
      <c r="GM5" s="716"/>
      <c r="GN5" s="716"/>
      <c r="GO5" s="716"/>
      <c r="GP5" s="716"/>
      <c r="GQ5" s="716"/>
      <c r="GR5" s="716"/>
      <c r="GS5" s="716"/>
      <c r="GT5" s="716"/>
      <c r="GU5" s="716"/>
      <c r="GV5" s="716"/>
      <c r="GW5" s="716"/>
      <c r="GX5" s="716"/>
      <c r="GY5" s="716"/>
      <c r="GZ5" s="716"/>
      <c r="HA5" s="716"/>
      <c r="HB5" s="716"/>
      <c r="HC5" s="717"/>
      <c r="HD5" s="718" t="s">
        <v>68</v>
      </c>
      <c r="HE5" s="719"/>
      <c r="HF5" s="719"/>
      <c r="HG5" s="719"/>
      <c r="HH5" s="719"/>
      <c r="HI5" s="719"/>
      <c r="HJ5" s="719"/>
      <c r="HK5" s="719"/>
      <c r="HL5" s="719"/>
      <c r="HM5" s="719"/>
      <c r="HN5" s="720"/>
      <c r="HO5" s="718" t="s">
        <v>69</v>
      </c>
      <c r="HP5" s="719"/>
      <c r="HQ5" s="719"/>
      <c r="HR5" s="719"/>
      <c r="HS5" s="719"/>
      <c r="HT5" s="719"/>
      <c r="HU5" s="719"/>
      <c r="HV5" s="719"/>
      <c r="HW5" s="719"/>
      <c r="HX5" s="719"/>
      <c r="HY5" s="720"/>
      <c r="HZ5" s="659"/>
      <c r="IA5" s="660"/>
      <c r="IB5" s="660"/>
      <c r="IC5" s="660"/>
      <c r="ID5" s="660"/>
      <c r="IE5" s="660"/>
      <c r="IF5" s="660"/>
      <c r="IG5" s="660"/>
      <c r="IH5" s="660"/>
      <c r="II5" s="660"/>
      <c r="IJ5" s="661"/>
      <c r="IK5" s="597" t="s">
        <v>94</v>
      </c>
      <c r="IL5" s="502"/>
      <c r="IM5" s="502"/>
      <c r="IN5" s="502"/>
      <c r="IO5" s="502"/>
      <c r="IP5" s="502"/>
      <c r="IQ5" s="502"/>
      <c r="IR5" s="502"/>
      <c r="IS5" s="502"/>
      <c r="IT5" s="502"/>
      <c r="IU5" s="503"/>
      <c r="IV5" s="597" t="s">
        <v>88</v>
      </c>
      <c r="IW5" s="502"/>
      <c r="IX5" s="502"/>
      <c r="IY5" s="502"/>
      <c r="IZ5" s="502"/>
      <c r="JA5" s="502"/>
      <c r="JB5" s="502"/>
      <c r="JC5" s="502"/>
      <c r="JD5" s="502"/>
      <c r="JE5" s="502"/>
      <c r="JF5" s="503"/>
      <c r="JG5" s="662" t="s">
        <v>143</v>
      </c>
      <c r="JH5" s="663"/>
      <c r="JI5" s="663"/>
      <c r="JJ5" s="663"/>
      <c r="JK5" s="663"/>
      <c r="JL5" s="663"/>
      <c r="JM5" s="663"/>
      <c r="JN5" s="663"/>
      <c r="JO5" s="663"/>
      <c r="JP5" s="663"/>
      <c r="JQ5" s="664"/>
      <c r="JR5" s="597" t="s">
        <v>90</v>
      </c>
      <c r="JS5" s="502"/>
      <c r="JT5" s="502"/>
      <c r="JU5" s="502"/>
      <c r="JV5" s="502"/>
      <c r="JW5" s="502"/>
      <c r="JX5" s="502"/>
      <c r="JY5" s="502"/>
      <c r="JZ5" s="502"/>
      <c r="KA5" s="502"/>
      <c r="KB5" s="503"/>
      <c r="KC5" s="597" t="s">
        <v>89</v>
      </c>
      <c r="KD5" s="502"/>
      <c r="KE5" s="502"/>
      <c r="KF5" s="502"/>
      <c r="KG5" s="502"/>
      <c r="KH5" s="502"/>
      <c r="KI5" s="502"/>
      <c r="KJ5" s="502"/>
      <c r="KK5" s="502"/>
      <c r="KL5" s="502"/>
      <c r="KM5" s="503"/>
      <c r="KN5" s="597" t="s">
        <v>91</v>
      </c>
      <c r="KO5" s="502"/>
      <c r="KP5" s="502"/>
      <c r="KQ5" s="502"/>
      <c r="KR5" s="502"/>
      <c r="KS5" s="502"/>
      <c r="KT5" s="502"/>
      <c r="KU5" s="502"/>
      <c r="KV5" s="502"/>
      <c r="KW5" s="502"/>
      <c r="KX5" s="503"/>
      <c r="KY5" s="597" t="s">
        <v>92</v>
      </c>
      <c r="KZ5" s="502"/>
      <c r="LA5" s="502"/>
      <c r="LB5" s="502"/>
      <c r="LC5" s="502"/>
      <c r="LD5" s="502"/>
      <c r="LE5" s="502"/>
      <c r="LF5" s="502"/>
      <c r="LG5" s="502"/>
      <c r="LH5" s="502"/>
      <c r="LI5" s="503"/>
      <c r="LJ5" s="668" t="s">
        <v>93</v>
      </c>
      <c r="LK5" s="669"/>
      <c r="LL5" s="669"/>
      <c r="LM5" s="669"/>
      <c r="LN5" s="669"/>
      <c r="LO5" s="669"/>
      <c r="LP5" s="669"/>
      <c r="LQ5" s="669"/>
      <c r="LR5" s="669"/>
      <c r="LS5" s="669"/>
      <c r="LT5" s="670"/>
      <c r="LU5" s="671" t="s">
        <v>144</v>
      </c>
      <c r="LV5" s="672"/>
      <c r="LW5" s="672"/>
      <c r="LX5" s="672"/>
      <c r="LY5" s="672"/>
      <c r="LZ5" s="672"/>
      <c r="MA5" s="672"/>
      <c r="MB5" s="672"/>
      <c r="MC5" s="672"/>
      <c r="MD5" s="672"/>
      <c r="ME5" s="673"/>
      <c r="MF5" s="659"/>
      <c r="MG5" s="660"/>
      <c r="MH5" s="660"/>
      <c r="MI5" s="660"/>
      <c r="MJ5" s="660"/>
      <c r="MK5" s="660"/>
      <c r="ML5" s="660"/>
      <c r="MM5" s="660"/>
      <c r="MN5" s="660"/>
      <c r="MO5" s="660"/>
      <c r="MP5" s="661"/>
      <c r="MQ5" s="597" t="s">
        <v>57</v>
      </c>
      <c r="MR5" s="502"/>
      <c r="MS5" s="502"/>
      <c r="MT5" s="502"/>
      <c r="MU5" s="502"/>
      <c r="MV5" s="502"/>
      <c r="MW5" s="502"/>
      <c r="MX5" s="502"/>
      <c r="MY5" s="502"/>
      <c r="MZ5" s="502"/>
      <c r="NA5" s="503"/>
      <c r="NB5" s="597" t="s">
        <v>58</v>
      </c>
      <c r="NC5" s="502"/>
      <c r="ND5" s="502"/>
      <c r="NE5" s="502"/>
      <c r="NF5" s="502"/>
      <c r="NG5" s="502"/>
      <c r="NH5" s="502"/>
      <c r="NI5" s="502"/>
      <c r="NJ5" s="502"/>
      <c r="NK5" s="502"/>
      <c r="NL5" s="503"/>
      <c r="NM5" s="597" t="s">
        <v>59</v>
      </c>
      <c r="NN5" s="502"/>
      <c r="NO5" s="502"/>
      <c r="NP5" s="502"/>
      <c r="NQ5" s="502"/>
      <c r="NR5" s="502"/>
      <c r="NS5" s="502"/>
      <c r="NT5" s="502"/>
      <c r="NU5" s="502"/>
      <c r="NV5" s="502"/>
      <c r="NW5" s="503"/>
      <c r="NX5" s="649" t="s">
        <v>150</v>
      </c>
      <c r="NY5" s="650"/>
      <c r="NZ5" s="650"/>
      <c r="OA5" s="650"/>
      <c r="OB5" s="650"/>
      <c r="OC5" s="650"/>
      <c r="OD5" s="650"/>
      <c r="OE5" s="650"/>
      <c r="OF5" s="650"/>
      <c r="OG5" s="650"/>
      <c r="OH5" s="651"/>
      <c r="OI5" s="656"/>
      <c r="OJ5" s="657"/>
      <c r="OK5" s="657"/>
      <c r="OL5" s="657"/>
      <c r="OM5" s="657"/>
      <c r="ON5" s="657"/>
      <c r="OO5" s="657"/>
      <c r="OP5" s="657"/>
      <c r="OQ5" s="657"/>
      <c r="OR5" s="657"/>
      <c r="OS5" s="658"/>
    </row>
    <row r="6" spans="1:409" ht="21" customHeight="1" thickBot="1" x14ac:dyDescent="0.25">
      <c r="B6" s="708"/>
      <c r="C6" s="712"/>
      <c r="D6" s="712"/>
      <c r="E6" s="712"/>
      <c r="F6" s="712"/>
      <c r="G6" s="712"/>
      <c r="H6" s="712"/>
      <c r="I6" s="712"/>
      <c r="J6" s="712"/>
      <c r="K6" s="712"/>
      <c r="L6" s="712"/>
      <c r="M6" s="712"/>
      <c r="N6" s="511"/>
      <c r="O6" s="512"/>
      <c r="P6" s="512"/>
      <c r="Q6" s="512"/>
      <c r="R6" s="512"/>
      <c r="S6" s="512"/>
      <c r="T6" s="512"/>
      <c r="U6" s="512"/>
      <c r="V6" s="512"/>
      <c r="W6" s="512"/>
      <c r="X6" s="513"/>
      <c r="Y6" s="700" t="s">
        <v>70</v>
      </c>
      <c r="Z6" s="515"/>
      <c r="AA6" s="515"/>
      <c r="AB6" s="515"/>
      <c r="AC6" s="515"/>
      <c r="AD6" s="515"/>
      <c r="AE6" s="515"/>
      <c r="AF6" s="515"/>
      <c r="AG6" s="515"/>
      <c r="AH6" s="515"/>
      <c r="AI6" s="516"/>
      <c r="AJ6" s="695" t="s">
        <v>71</v>
      </c>
      <c r="AK6" s="696"/>
      <c r="AL6" s="696"/>
      <c r="AM6" s="696"/>
      <c r="AN6" s="696"/>
      <c r="AO6" s="696"/>
      <c r="AP6" s="696"/>
      <c r="AQ6" s="696"/>
      <c r="AR6" s="696"/>
      <c r="AS6" s="696"/>
      <c r="AT6" s="697"/>
      <c r="AU6" s="695" t="s">
        <v>72</v>
      </c>
      <c r="AV6" s="696"/>
      <c r="AW6" s="696"/>
      <c r="AX6" s="696"/>
      <c r="AY6" s="696"/>
      <c r="AZ6" s="696"/>
      <c r="BA6" s="696"/>
      <c r="BB6" s="696"/>
      <c r="BC6" s="696"/>
      <c r="BD6" s="696"/>
      <c r="BE6" s="697"/>
      <c r="BF6" s="695" t="s">
        <v>73</v>
      </c>
      <c r="BG6" s="696"/>
      <c r="BH6" s="696"/>
      <c r="BI6" s="696"/>
      <c r="BJ6" s="696"/>
      <c r="BK6" s="696"/>
      <c r="BL6" s="696"/>
      <c r="BM6" s="696"/>
      <c r="BN6" s="696"/>
      <c r="BO6" s="696"/>
      <c r="BP6" s="697"/>
      <c r="BQ6" s="695" t="s">
        <v>74</v>
      </c>
      <c r="BR6" s="696"/>
      <c r="BS6" s="696"/>
      <c r="BT6" s="696"/>
      <c r="BU6" s="696"/>
      <c r="BV6" s="696"/>
      <c r="BW6" s="696"/>
      <c r="BX6" s="696"/>
      <c r="BY6" s="696"/>
      <c r="BZ6" s="696"/>
      <c r="CA6" s="697"/>
      <c r="CB6" s="698"/>
      <c r="CC6" s="699"/>
      <c r="CD6" s="699"/>
      <c r="CE6" s="699"/>
      <c r="CF6" s="699"/>
      <c r="CG6" s="699"/>
      <c r="CH6" s="699"/>
      <c r="CI6" s="699"/>
      <c r="CJ6" s="699"/>
      <c r="CK6" s="699"/>
      <c r="CL6" s="724"/>
      <c r="CM6" s="695" t="s">
        <v>75</v>
      </c>
      <c r="CN6" s="696"/>
      <c r="CO6" s="696"/>
      <c r="CP6" s="696"/>
      <c r="CQ6" s="696"/>
      <c r="CR6" s="696"/>
      <c r="CS6" s="696"/>
      <c r="CT6" s="696"/>
      <c r="CU6" s="696"/>
      <c r="CV6" s="696"/>
      <c r="CW6" s="697"/>
      <c r="CX6" s="695" t="s">
        <v>76</v>
      </c>
      <c r="CY6" s="696"/>
      <c r="CZ6" s="696"/>
      <c r="DA6" s="696"/>
      <c r="DB6" s="696"/>
      <c r="DC6" s="696"/>
      <c r="DD6" s="696"/>
      <c r="DE6" s="696"/>
      <c r="DF6" s="696"/>
      <c r="DG6" s="696"/>
      <c r="DH6" s="697"/>
      <c r="DI6" s="698"/>
      <c r="DJ6" s="699"/>
      <c r="DK6" s="699"/>
      <c r="DL6" s="699"/>
      <c r="DM6" s="699"/>
      <c r="DN6" s="699"/>
      <c r="DO6" s="699"/>
      <c r="DP6" s="699"/>
      <c r="DQ6" s="699"/>
      <c r="DR6" s="699"/>
      <c r="DS6" s="699"/>
      <c r="DT6" s="695" t="s">
        <v>77</v>
      </c>
      <c r="DU6" s="696"/>
      <c r="DV6" s="696"/>
      <c r="DW6" s="696"/>
      <c r="DX6" s="696"/>
      <c r="DY6" s="696"/>
      <c r="DZ6" s="696"/>
      <c r="EA6" s="696"/>
      <c r="EB6" s="696"/>
      <c r="EC6" s="696"/>
      <c r="ED6" s="697"/>
      <c r="EE6" s="695" t="s">
        <v>78</v>
      </c>
      <c r="EF6" s="696"/>
      <c r="EG6" s="696"/>
      <c r="EH6" s="696"/>
      <c r="EI6" s="696"/>
      <c r="EJ6" s="696"/>
      <c r="EK6" s="696"/>
      <c r="EL6" s="696"/>
      <c r="EM6" s="696"/>
      <c r="EN6" s="696"/>
      <c r="EO6" s="697"/>
      <c r="EP6" s="695" t="s">
        <v>79</v>
      </c>
      <c r="EQ6" s="696"/>
      <c r="ER6" s="696"/>
      <c r="ES6" s="696"/>
      <c r="ET6" s="696"/>
      <c r="EU6" s="696"/>
      <c r="EV6" s="696"/>
      <c r="EW6" s="696"/>
      <c r="EX6" s="696"/>
      <c r="EY6" s="696"/>
      <c r="EZ6" s="697"/>
      <c r="FA6" s="617" t="s">
        <v>151</v>
      </c>
      <c r="FB6" s="696"/>
      <c r="FC6" s="696"/>
      <c r="FD6" s="696"/>
      <c r="FE6" s="696"/>
      <c r="FF6" s="696"/>
      <c r="FG6" s="696"/>
      <c r="FH6" s="696"/>
      <c r="FI6" s="696"/>
      <c r="FJ6" s="696"/>
      <c r="FK6" s="697"/>
      <c r="FL6" s="698"/>
      <c r="FM6" s="699"/>
      <c r="FN6" s="699"/>
      <c r="FO6" s="699"/>
      <c r="FP6" s="699"/>
      <c r="FQ6" s="699"/>
      <c r="FR6" s="699"/>
      <c r="FS6" s="699"/>
      <c r="FT6" s="699"/>
      <c r="FU6" s="699"/>
      <c r="FV6" s="699"/>
      <c r="FW6" s="695" t="s">
        <v>80</v>
      </c>
      <c r="FX6" s="696"/>
      <c r="FY6" s="696"/>
      <c r="FZ6" s="696"/>
      <c r="GA6" s="696"/>
      <c r="GB6" s="696"/>
      <c r="GC6" s="696"/>
      <c r="GD6" s="696"/>
      <c r="GE6" s="696"/>
      <c r="GF6" s="696"/>
      <c r="GG6" s="697"/>
      <c r="GH6" s="700" t="s">
        <v>81</v>
      </c>
      <c r="GI6" s="515"/>
      <c r="GJ6" s="515"/>
      <c r="GK6" s="515"/>
      <c r="GL6" s="515"/>
      <c r="GM6" s="515"/>
      <c r="GN6" s="515"/>
      <c r="GO6" s="515"/>
      <c r="GP6" s="515"/>
      <c r="GQ6" s="515"/>
      <c r="GR6" s="516"/>
      <c r="GS6" s="700" t="s">
        <v>82</v>
      </c>
      <c r="GT6" s="515"/>
      <c r="GU6" s="515"/>
      <c r="GV6" s="515"/>
      <c r="GW6" s="515"/>
      <c r="GX6" s="515"/>
      <c r="GY6" s="515"/>
      <c r="GZ6" s="515"/>
      <c r="HA6" s="515"/>
      <c r="HB6" s="515"/>
      <c r="HC6" s="516"/>
      <c r="HD6" s="721"/>
      <c r="HE6" s="722"/>
      <c r="HF6" s="722"/>
      <c r="HG6" s="722"/>
      <c r="HH6" s="722"/>
      <c r="HI6" s="722"/>
      <c r="HJ6" s="722"/>
      <c r="HK6" s="722"/>
      <c r="HL6" s="722"/>
      <c r="HM6" s="722"/>
      <c r="HN6" s="723"/>
      <c r="HO6" s="721"/>
      <c r="HP6" s="722"/>
      <c r="HQ6" s="722"/>
      <c r="HR6" s="722"/>
      <c r="HS6" s="722"/>
      <c r="HT6" s="722"/>
      <c r="HU6" s="722"/>
      <c r="HV6" s="722"/>
      <c r="HW6" s="722"/>
      <c r="HX6" s="722"/>
      <c r="HY6" s="723"/>
      <c r="HZ6" s="611"/>
      <c r="IA6" s="612"/>
      <c r="IB6" s="612"/>
      <c r="IC6" s="612"/>
      <c r="ID6" s="612"/>
      <c r="IE6" s="612"/>
      <c r="IF6" s="612"/>
      <c r="IG6" s="612"/>
      <c r="IH6" s="612"/>
      <c r="II6" s="612"/>
      <c r="IJ6" s="613"/>
      <c r="IK6" s="598"/>
      <c r="IL6" s="591"/>
      <c r="IM6" s="591"/>
      <c r="IN6" s="591"/>
      <c r="IO6" s="591"/>
      <c r="IP6" s="591"/>
      <c r="IQ6" s="591"/>
      <c r="IR6" s="591"/>
      <c r="IS6" s="591"/>
      <c r="IT6" s="591"/>
      <c r="IU6" s="599"/>
      <c r="IV6" s="598"/>
      <c r="IW6" s="591"/>
      <c r="IX6" s="591"/>
      <c r="IY6" s="591"/>
      <c r="IZ6" s="591"/>
      <c r="JA6" s="591"/>
      <c r="JB6" s="591"/>
      <c r="JC6" s="591"/>
      <c r="JD6" s="591"/>
      <c r="JE6" s="591"/>
      <c r="JF6" s="599"/>
      <c r="JG6" s="665"/>
      <c r="JH6" s="666"/>
      <c r="JI6" s="666"/>
      <c r="JJ6" s="666"/>
      <c r="JK6" s="666"/>
      <c r="JL6" s="666"/>
      <c r="JM6" s="666"/>
      <c r="JN6" s="666"/>
      <c r="JO6" s="666"/>
      <c r="JP6" s="666"/>
      <c r="JQ6" s="667"/>
      <c r="JR6" s="598"/>
      <c r="JS6" s="591"/>
      <c r="JT6" s="591"/>
      <c r="JU6" s="591"/>
      <c r="JV6" s="591"/>
      <c r="JW6" s="591"/>
      <c r="JX6" s="591"/>
      <c r="JY6" s="591"/>
      <c r="JZ6" s="591"/>
      <c r="KA6" s="591"/>
      <c r="KB6" s="599"/>
      <c r="KC6" s="598"/>
      <c r="KD6" s="591"/>
      <c r="KE6" s="591"/>
      <c r="KF6" s="591"/>
      <c r="KG6" s="591"/>
      <c r="KH6" s="591"/>
      <c r="KI6" s="591"/>
      <c r="KJ6" s="591"/>
      <c r="KK6" s="591"/>
      <c r="KL6" s="591"/>
      <c r="KM6" s="599"/>
      <c r="KN6" s="598"/>
      <c r="KO6" s="591"/>
      <c r="KP6" s="591"/>
      <c r="KQ6" s="591"/>
      <c r="KR6" s="591"/>
      <c r="KS6" s="591"/>
      <c r="KT6" s="591"/>
      <c r="KU6" s="591"/>
      <c r="KV6" s="591"/>
      <c r="KW6" s="591"/>
      <c r="KX6" s="599"/>
      <c r="KY6" s="598"/>
      <c r="KZ6" s="591"/>
      <c r="LA6" s="591"/>
      <c r="LB6" s="591"/>
      <c r="LC6" s="591"/>
      <c r="LD6" s="591"/>
      <c r="LE6" s="591"/>
      <c r="LF6" s="591"/>
      <c r="LG6" s="591"/>
      <c r="LH6" s="591"/>
      <c r="LI6" s="599"/>
      <c r="LJ6" s="611"/>
      <c r="LK6" s="612"/>
      <c r="LL6" s="612"/>
      <c r="LM6" s="612"/>
      <c r="LN6" s="612"/>
      <c r="LO6" s="612"/>
      <c r="LP6" s="612"/>
      <c r="LQ6" s="612"/>
      <c r="LR6" s="612"/>
      <c r="LS6" s="612"/>
      <c r="LT6" s="613"/>
      <c r="LU6" s="674"/>
      <c r="LV6" s="675"/>
      <c r="LW6" s="675"/>
      <c r="LX6" s="675"/>
      <c r="LY6" s="675"/>
      <c r="LZ6" s="675"/>
      <c r="MA6" s="675"/>
      <c r="MB6" s="675"/>
      <c r="MC6" s="675"/>
      <c r="MD6" s="675"/>
      <c r="ME6" s="676"/>
      <c r="MF6" s="611"/>
      <c r="MG6" s="612"/>
      <c r="MH6" s="612"/>
      <c r="MI6" s="612"/>
      <c r="MJ6" s="612"/>
      <c r="MK6" s="612"/>
      <c r="ML6" s="612"/>
      <c r="MM6" s="612"/>
      <c r="MN6" s="612"/>
      <c r="MO6" s="612"/>
      <c r="MP6" s="613"/>
      <c r="MQ6" s="598"/>
      <c r="MR6" s="591"/>
      <c r="MS6" s="591"/>
      <c r="MT6" s="591"/>
      <c r="MU6" s="591"/>
      <c r="MV6" s="591"/>
      <c r="MW6" s="591"/>
      <c r="MX6" s="591"/>
      <c r="MY6" s="591"/>
      <c r="MZ6" s="591"/>
      <c r="NA6" s="599"/>
      <c r="NB6" s="598"/>
      <c r="NC6" s="591"/>
      <c r="ND6" s="591"/>
      <c r="NE6" s="591"/>
      <c r="NF6" s="591"/>
      <c r="NG6" s="591"/>
      <c r="NH6" s="591"/>
      <c r="NI6" s="591"/>
      <c r="NJ6" s="591"/>
      <c r="NK6" s="591"/>
      <c r="NL6" s="599"/>
      <c r="NM6" s="598"/>
      <c r="NN6" s="591"/>
      <c r="NO6" s="591"/>
      <c r="NP6" s="591"/>
      <c r="NQ6" s="591"/>
      <c r="NR6" s="591"/>
      <c r="NS6" s="591"/>
      <c r="NT6" s="591"/>
      <c r="NU6" s="591"/>
      <c r="NV6" s="591"/>
      <c r="NW6" s="599"/>
      <c r="NX6" s="652"/>
      <c r="NY6" s="653"/>
      <c r="NZ6" s="653"/>
      <c r="OA6" s="653"/>
      <c r="OB6" s="653"/>
      <c r="OC6" s="653"/>
      <c r="OD6" s="653"/>
      <c r="OE6" s="653"/>
      <c r="OF6" s="653"/>
      <c r="OG6" s="653"/>
      <c r="OH6" s="654"/>
      <c r="OI6" s="598"/>
      <c r="OJ6" s="591"/>
      <c r="OK6" s="591"/>
      <c r="OL6" s="591"/>
      <c r="OM6" s="591"/>
      <c r="ON6" s="591"/>
      <c r="OO6" s="591"/>
      <c r="OP6" s="591"/>
      <c r="OQ6" s="591"/>
      <c r="OR6" s="591"/>
      <c r="OS6" s="599"/>
    </row>
    <row r="7" spans="1:409" ht="21" customHeight="1" x14ac:dyDescent="0.2">
      <c r="B7" s="708"/>
      <c r="C7" s="693" t="s">
        <v>61</v>
      </c>
      <c r="D7" s="693"/>
      <c r="E7" s="693"/>
      <c r="F7" s="705" t="s">
        <v>62</v>
      </c>
      <c r="G7" s="693"/>
      <c r="H7" s="693"/>
      <c r="I7" s="693"/>
      <c r="J7" s="693"/>
      <c r="K7" s="693"/>
      <c r="L7" s="693"/>
      <c r="M7" s="705" t="s">
        <v>52</v>
      </c>
      <c r="N7" s="704" t="s">
        <v>61</v>
      </c>
      <c r="O7" s="693"/>
      <c r="P7" s="693"/>
      <c r="Q7" s="705" t="s">
        <v>62</v>
      </c>
      <c r="R7" s="693"/>
      <c r="S7" s="693"/>
      <c r="T7" s="693"/>
      <c r="U7" s="693"/>
      <c r="V7" s="693"/>
      <c r="W7" s="706"/>
      <c r="X7" s="701" t="s">
        <v>52</v>
      </c>
      <c r="Y7" s="511" t="s">
        <v>61</v>
      </c>
      <c r="Z7" s="512"/>
      <c r="AA7" s="687"/>
      <c r="AB7" s="686" t="s">
        <v>62</v>
      </c>
      <c r="AC7" s="512"/>
      <c r="AD7" s="512"/>
      <c r="AE7" s="512"/>
      <c r="AF7" s="512"/>
      <c r="AG7" s="512"/>
      <c r="AH7" s="687"/>
      <c r="AI7" s="513" t="s">
        <v>52</v>
      </c>
      <c r="AJ7" s="681" t="s">
        <v>61</v>
      </c>
      <c r="AK7" s="682"/>
      <c r="AL7" s="683"/>
      <c r="AM7" s="684" t="s">
        <v>62</v>
      </c>
      <c r="AN7" s="682"/>
      <c r="AO7" s="682"/>
      <c r="AP7" s="682"/>
      <c r="AQ7" s="682"/>
      <c r="AR7" s="682"/>
      <c r="AS7" s="685"/>
      <c r="AT7" s="513" t="s">
        <v>52</v>
      </c>
      <c r="AU7" s="681" t="s">
        <v>61</v>
      </c>
      <c r="AV7" s="682"/>
      <c r="AW7" s="683"/>
      <c r="AX7" s="684" t="s">
        <v>62</v>
      </c>
      <c r="AY7" s="682"/>
      <c r="AZ7" s="682"/>
      <c r="BA7" s="682"/>
      <c r="BB7" s="682"/>
      <c r="BC7" s="682"/>
      <c r="BD7" s="685"/>
      <c r="BE7" s="513" t="s">
        <v>52</v>
      </c>
      <c r="BF7" s="681" t="s">
        <v>61</v>
      </c>
      <c r="BG7" s="682"/>
      <c r="BH7" s="683"/>
      <c r="BI7" s="684" t="s">
        <v>62</v>
      </c>
      <c r="BJ7" s="682"/>
      <c r="BK7" s="682"/>
      <c r="BL7" s="682"/>
      <c r="BM7" s="682"/>
      <c r="BN7" s="682"/>
      <c r="BO7" s="685"/>
      <c r="BP7" s="513" t="s">
        <v>52</v>
      </c>
      <c r="BQ7" s="681" t="s">
        <v>61</v>
      </c>
      <c r="BR7" s="682"/>
      <c r="BS7" s="683"/>
      <c r="BT7" s="684" t="s">
        <v>62</v>
      </c>
      <c r="BU7" s="682"/>
      <c r="BV7" s="682"/>
      <c r="BW7" s="682"/>
      <c r="BX7" s="682"/>
      <c r="BY7" s="682"/>
      <c r="BZ7" s="685"/>
      <c r="CA7" s="513" t="s">
        <v>52</v>
      </c>
      <c r="CB7" s="688" t="s">
        <v>61</v>
      </c>
      <c r="CC7" s="689"/>
      <c r="CD7" s="690"/>
      <c r="CE7" s="691" t="s">
        <v>62</v>
      </c>
      <c r="CF7" s="689"/>
      <c r="CG7" s="689"/>
      <c r="CH7" s="689"/>
      <c r="CI7" s="689"/>
      <c r="CJ7" s="689"/>
      <c r="CK7" s="692"/>
      <c r="CL7" s="701" t="s">
        <v>52</v>
      </c>
      <c r="CM7" s="681" t="s">
        <v>61</v>
      </c>
      <c r="CN7" s="682"/>
      <c r="CO7" s="685"/>
      <c r="CP7" s="684" t="s">
        <v>62</v>
      </c>
      <c r="CQ7" s="682"/>
      <c r="CR7" s="682"/>
      <c r="CS7" s="682"/>
      <c r="CT7" s="682"/>
      <c r="CU7" s="682"/>
      <c r="CV7" s="685"/>
      <c r="CW7" s="703" t="s">
        <v>52</v>
      </c>
      <c r="CX7" s="681" t="s">
        <v>61</v>
      </c>
      <c r="CY7" s="682"/>
      <c r="CZ7" s="685"/>
      <c r="DA7" s="684" t="s">
        <v>62</v>
      </c>
      <c r="DB7" s="682"/>
      <c r="DC7" s="682"/>
      <c r="DD7" s="682"/>
      <c r="DE7" s="682"/>
      <c r="DF7" s="682"/>
      <c r="DG7" s="685"/>
      <c r="DH7" s="703" t="s">
        <v>52</v>
      </c>
      <c r="DI7" s="688" t="s">
        <v>61</v>
      </c>
      <c r="DJ7" s="689"/>
      <c r="DK7" s="692"/>
      <c r="DL7" s="691" t="s">
        <v>62</v>
      </c>
      <c r="DM7" s="689"/>
      <c r="DN7" s="689"/>
      <c r="DO7" s="689"/>
      <c r="DP7" s="689"/>
      <c r="DQ7" s="689"/>
      <c r="DR7" s="692"/>
      <c r="DS7" s="701" t="s">
        <v>52</v>
      </c>
      <c r="DT7" s="681" t="s">
        <v>61</v>
      </c>
      <c r="DU7" s="682"/>
      <c r="DV7" s="683"/>
      <c r="DW7" s="684" t="s">
        <v>62</v>
      </c>
      <c r="DX7" s="682"/>
      <c r="DY7" s="682"/>
      <c r="DZ7" s="682"/>
      <c r="EA7" s="682"/>
      <c r="EB7" s="682"/>
      <c r="EC7" s="685"/>
      <c r="ED7" s="513" t="s">
        <v>52</v>
      </c>
      <c r="EE7" s="681" t="s">
        <v>61</v>
      </c>
      <c r="EF7" s="682"/>
      <c r="EG7" s="683"/>
      <c r="EH7" s="684" t="s">
        <v>62</v>
      </c>
      <c r="EI7" s="682"/>
      <c r="EJ7" s="682"/>
      <c r="EK7" s="682"/>
      <c r="EL7" s="682"/>
      <c r="EM7" s="682"/>
      <c r="EN7" s="685"/>
      <c r="EO7" s="513" t="s">
        <v>52</v>
      </c>
      <c r="EP7" s="681" t="s">
        <v>61</v>
      </c>
      <c r="EQ7" s="682"/>
      <c r="ER7" s="683"/>
      <c r="ES7" s="684" t="s">
        <v>62</v>
      </c>
      <c r="ET7" s="682"/>
      <c r="EU7" s="682"/>
      <c r="EV7" s="682"/>
      <c r="EW7" s="682"/>
      <c r="EX7" s="682"/>
      <c r="EY7" s="685"/>
      <c r="EZ7" s="513" t="s">
        <v>52</v>
      </c>
      <c r="FA7" s="681" t="s">
        <v>61</v>
      </c>
      <c r="FB7" s="682"/>
      <c r="FC7" s="683"/>
      <c r="FD7" s="684" t="s">
        <v>62</v>
      </c>
      <c r="FE7" s="682"/>
      <c r="FF7" s="682"/>
      <c r="FG7" s="682"/>
      <c r="FH7" s="682"/>
      <c r="FI7" s="682"/>
      <c r="FJ7" s="685"/>
      <c r="FK7" s="513" t="s">
        <v>52</v>
      </c>
      <c r="FL7" s="688" t="s">
        <v>61</v>
      </c>
      <c r="FM7" s="689"/>
      <c r="FN7" s="690"/>
      <c r="FO7" s="691" t="s">
        <v>62</v>
      </c>
      <c r="FP7" s="689"/>
      <c r="FQ7" s="689"/>
      <c r="FR7" s="689"/>
      <c r="FS7" s="689"/>
      <c r="FT7" s="689"/>
      <c r="FU7" s="692"/>
      <c r="FV7" s="693" t="s">
        <v>52</v>
      </c>
      <c r="FW7" s="681" t="s">
        <v>61</v>
      </c>
      <c r="FX7" s="682"/>
      <c r="FY7" s="683"/>
      <c r="FZ7" s="684" t="s">
        <v>62</v>
      </c>
      <c r="GA7" s="682"/>
      <c r="GB7" s="682"/>
      <c r="GC7" s="682"/>
      <c r="GD7" s="682"/>
      <c r="GE7" s="682"/>
      <c r="GF7" s="685"/>
      <c r="GG7" s="513" t="s">
        <v>52</v>
      </c>
      <c r="GH7" s="511" t="s">
        <v>61</v>
      </c>
      <c r="GI7" s="512"/>
      <c r="GJ7" s="512"/>
      <c r="GK7" s="686" t="s">
        <v>62</v>
      </c>
      <c r="GL7" s="512"/>
      <c r="GM7" s="512"/>
      <c r="GN7" s="512"/>
      <c r="GO7" s="512"/>
      <c r="GP7" s="512"/>
      <c r="GQ7" s="687"/>
      <c r="GR7" s="679" t="s">
        <v>52</v>
      </c>
      <c r="GS7" s="511" t="s">
        <v>61</v>
      </c>
      <c r="GT7" s="512"/>
      <c r="GU7" s="687"/>
      <c r="GV7" s="686" t="s">
        <v>62</v>
      </c>
      <c r="GW7" s="512"/>
      <c r="GX7" s="512"/>
      <c r="GY7" s="512"/>
      <c r="GZ7" s="512"/>
      <c r="HA7" s="512"/>
      <c r="HB7" s="687"/>
      <c r="HC7" s="679" t="s">
        <v>52</v>
      </c>
      <c r="HD7" s="681" t="s">
        <v>61</v>
      </c>
      <c r="HE7" s="682"/>
      <c r="HF7" s="683"/>
      <c r="HG7" s="684" t="s">
        <v>62</v>
      </c>
      <c r="HH7" s="682"/>
      <c r="HI7" s="682"/>
      <c r="HJ7" s="682"/>
      <c r="HK7" s="682"/>
      <c r="HL7" s="682"/>
      <c r="HM7" s="685"/>
      <c r="HN7" s="513" t="s">
        <v>52</v>
      </c>
      <c r="HO7" s="681" t="s">
        <v>61</v>
      </c>
      <c r="HP7" s="682"/>
      <c r="HQ7" s="683"/>
      <c r="HR7" s="684" t="s">
        <v>62</v>
      </c>
      <c r="HS7" s="682"/>
      <c r="HT7" s="682"/>
      <c r="HU7" s="682"/>
      <c r="HV7" s="682"/>
      <c r="HW7" s="682"/>
      <c r="HX7" s="685"/>
      <c r="HY7" s="513" t="s">
        <v>52</v>
      </c>
      <c r="HZ7" s="579" t="s">
        <v>61</v>
      </c>
      <c r="IA7" s="580"/>
      <c r="IB7" s="581"/>
      <c r="IC7" s="640" t="s">
        <v>62</v>
      </c>
      <c r="ID7" s="580"/>
      <c r="IE7" s="580"/>
      <c r="IF7" s="580"/>
      <c r="IG7" s="580"/>
      <c r="IH7" s="580"/>
      <c r="II7" s="641"/>
      <c r="IJ7" s="583" t="s">
        <v>52</v>
      </c>
      <c r="IK7" s="587" t="s">
        <v>61</v>
      </c>
      <c r="IL7" s="588"/>
      <c r="IM7" s="589"/>
      <c r="IN7" s="622" t="s">
        <v>62</v>
      </c>
      <c r="IO7" s="588"/>
      <c r="IP7" s="588"/>
      <c r="IQ7" s="588"/>
      <c r="IR7" s="588"/>
      <c r="IS7" s="588"/>
      <c r="IT7" s="623"/>
      <c r="IU7" s="599" t="s">
        <v>52</v>
      </c>
      <c r="IV7" s="587" t="s">
        <v>61</v>
      </c>
      <c r="IW7" s="588"/>
      <c r="IX7" s="623"/>
      <c r="IY7" s="622" t="s">
        <v>62</v>
      </c>
      <c r="IZ7" s="588"/>
      <c r="JA7" s="588"/>
      <c r="JB7" s="588"/>
      <c r="JC7" s="588"/>
      <c r="JD7" s="588"/>
      <c r="JE7" s="623"/>
      <c r="JF7" s="599" t="s">
        <v>52</v>
      </c>
      <c r="JG7" s="587" t="s">
        <v>61</v>
      </c>
      <c r="JH7" s="588"/>
      <c r="JI7" s="589"/>
      <c r="JJ7" s="622" t="s">
        <v>62</v>
      </c>
      <c r="JK7" s="588"/>
      <c r="JL7" s="588"/>
      <c r="JM7" s="588"/>
      <c r="JN7" s="588"/>
      <c r="JO7" s="588"/>
      <c r="JP7" s="623"/>
      <c r="JQ7" s="646" t="s">
        <v>52</v>
      </c>
      <c r="JR7" s="587" t="s">
        <v>61</v>
      </c>
      <c r="JS7" s="588"/>
      <c r="JT7" s="589"/>
      <c r="JU7" s="622" t="s">
        <v>62</v>
      </c>
      <c r="JV7" s="588"/>
      <c r="JW7" s="588"/>
      <c r="JX7" s="588"/>
      <c r="JY7" s="588"/>
      <c r="JZ7" s="588"/>
      <c r="KA7" s="623"/>
      <c r="KB7" s="646" t="s">
        <v>52</v>
      </c>
      <c r="KC7" s="587" t="s">
        <v>61</v>
      </c>
      <c r="KD7" s="588"/>
      <c r="KE7" s="589"/>
      <c r="KF7" s="622" t="s">
        <v>62</v>
      </c>
      <c r="KG7" s="588"/>
      <c r="KH7" s="588"/>
      <c r="KI7" s="588"/>
      <c r="KJ7" s="588"/>
      <c r="KK7" s="588"/>
      <c r="KL7" s="623"/>
      <c r="KM7" s="646" t="s">
        <v>52</v>
      </c>
      <c r="KN7" s="587" t="s">
        <v>61</v>
      </c>
      <c r="KO7" s="588"/>
      <c r="KP7" s="589"/>
      <c r="KQ7" s="622" t="s">
        <v>62</v>
      </c>
      <c r="KR7" s="588"/>
      <c r="KS7" s="588"/>
      <c r="KT7" s="588"/>
      <c r="KU7" s="588"/>
      <c r="KV7" s="588"/>
      <c r="KW7" s="623"/>
      <c r="KX7" s="646" t="s">
        <v>52</v>
      </c>
      <c r="KY7" s="587" t="s">
        <v>61</v>
      </c>
      <c r="KZ7" s="588"/>
      <c r="LA7" s="589"/>
      <c r="LB7" s="622" t="s">
        <v>62</v>
      </c>
      <c r="LC7" s="588"/>
      <c r="LD7" s="588"/>
      <c r="LE7" s="588"/>
      <c r="LF7" s="588"/>
      <c r="LG7" s="588"/>
      <c r="LH7" s="623"/>
      <c r="LI7" s="646" t="s">
        <v>52</v>
      </c>
      <c r="LJ7" s="587" t="s">
        <v>61</v>
      </c>
      <c r="LK7" s="588"/>
      <c r="LL7" s="589"/>
      <c r="LM7" s="622" t="s">
        <v>62</v>
      </c>
      <c r="LN7" s="588"/>
      <c r="LO7" s="588"/>
      <c r="LP7" s="588"/>
      <c r="LQ7" s="588"/>
      <c r="LR7" s="588"/>
      <c r="LS7" s="623"/>
      <c r="LT7" s="646" t="s">
        <v>52</v>
      </c>
      <c r="LU7" s="587" t="s">
        <v>61</v>
      </c>
      <c r="LV7" s="588"/>
      <c r="LW7" s="589"/>
      <c r="LX7" s="622" t="s">
        <v>62</v>
      </c>
      <c r="LY7" s="588"/>
      <c r="LZ7" s="588"/>
      <c r="MA7" s="588"/>
      <c r="MB7" s="588"/>
      <c r="MC7" s="588"/>
      <c r="MD7" s="623"/>
      <c r="ME7" s="646" t="s">
        <v>52</v>
      </c>
      <c r="MF7" s="579" t="s">
        <v>61</v>
      </c>
      <c r="MG7" s="580"/>
      <c r="MH7" s="581"/>
      <c r="MI7" s="640" t="s">
        <v>62</v>
      </c>
      <c r="MJ7" s="580"/>
      <c r="MK7" s="580"/>
      <c r="ML7" s="580"/>
      <c r="MM7" s="580"/>
      <c r="MN7" s="580"/>
      <c r="MO7" s="641"/>
      <c r="MP7" s="624" t="s">
        <v>52</v>
      </c>
      <c r="MQ7" s="587" t="s">
        <v>61</v>
      </c>
      <c r="MR7" s="588"/>
      <c r="MS7" s="589"/>
      <c r="MT7" s="622" t="s">
        <v>62</v>
      </c>
      <c r="MU7" s="588"/>
      <c r="MV7" s="588"/>
      <c r="MW7" s="588"/>
      <c r="MX7" s="588"/>
      <c r="MY7" s="588"/>
      <c r="MZ7" s="623"/>
      <c r="NA7" s="646" t="s">
        <v>52</v>
      </c>
      <c r="NB7" s="587" t="s">
        <v>61</v>
      </c>
      <c r="NC7" s="588"/>
      <c r="ND7" s="589"/>
      <c r="NE7" s="622" t="s">
        <v>62</v>
      </c>
      <c r="NF7" s="588"/>
      <c r="NG7" s="588"/>
      <c r="NH7" s="588"/>
      <c r="NI7" s="588"/>
      <c r="NJ7" s="588"/>
      <c r="NK7" s="623"/>
      <c r="NL7" s="646" t="s">
        <v>52</v>
      </c>
      <c r="NM7" s="587" t="s">
        <v>61</v>
      </c>
      <c r="NN7" s="588"/>
      <c r="NO7" s="589"/>
      <c r="NP7" s="622" t="s">
        <v>62</v>
      </c>
      <c r="NQ7" s="588"/>
      <c r="NR7" s="588"/>
      <c r="NS7" s="588"/>
      <c r="NT7" s="588"/>
      <c r="NU7" s="588"/>
      <c r="NV7" s="623"/>
      <c r="NW7" s="646" t="s">
        <v>52</v>
      </c>
      <c r="NX7" s="587" t="s">
        <v>61</v>
      </c>
      <c r="NY7" s="588"/>
      <c r="NZ7" s="589"/>
      <c r="OA7" s="622" t="s">
        <v>62</v>
      </c>
      <c r="OB7" s="588"/>
      <c r="OC7" s="588"/>
      <c r="OD7" s="588"/>
      <c r="OE7" s="588"/>
      <c r="OF7" s="588"/>
      <c r="OG7" s="623"/>
      <c r="OH7" s="646" t="s">
        <v>52</v>
      </c>
      <c r="OI7" s="579" t="s">
        <v>61</v>
      </c>
      <c r="OJ7" s="580"/>
      <c r="OK7" s="581"/>
      <c r="OL7" s="640" t="s">
        <v>62</v>
      </c>
      <c r="OM7" s="580"/>
      <c r="ON7" s="580"/>
      <c r="OO7" s="580"/>
      <c r="OP7" s="580"/>
      <c r="OQ7" s="580"/>
      <c r="OR7" s="641"/>
      <c r="OS7" s="624" t="s">
        <v>52</v>
      </c>
    </row>
    <row r="8" spans="1:409" ht="30" customHeight="1" thickBot="1" x14ac:dyDescent="0.25">
      <c r="B8" s="709"/>
      <c r="C8" s="323" t="s">
        <v>43</v>
      </c>
      <c r="D8" s="47" t="s">
        <v>44</v>
      </c>
      <c r="E8" s="324" t="s">
        <v>45</v>
      </c>
      <c r="F8" s="52" t="s">
        <v>83</v>
      </c>
      <c r="G8" s="47" t="s">
        <v>47</v>
      </c>
      <c r="H8" s="47" t="s">
        <v>48</v>
      </c>
      <c r="I8" s="47" t="s">
        <v>49</v>
      </c>
      <c r="J8" s="47" t="s">
        <v>50</v>
      </c>
      <c r="K8" s="47" t="s">
        <v>51</v>
      </c>
      <c r="L8" s="48" t="s">
        <v>45</v>
      </c>
      <c r="M8" s="725"/>
      <c r="N8" s="51" t="s">
        <v>43</v>
      </c>
      <c r="O8" s="47" t="s">
        <v>44</v>
      </c>
      <c r="P8" s="48" t="s">
        <v>45</v>
      </c>
      <c r="Q8" s="52" t="s">
        <v>83</v>
      </c>
      <c r="R8" s="47" t="s">
        <v>47</v>
      </c>
      <c r="S8" s="47" t="s">
        <v>48</v>
      </c>
      <c r="T8" s="47" t="s">
        <v>49</v>
      </c>
      <c r="U8" s="47" t="s">
        <v>50</v>
      </c>
      <c r="V8" s="47" t="s">
        <v>51</v>
      </c>
      <c r="W8" s="48" t="s">
        <v>45</v>
      </c>
      <c r="X8" s="702"/>
      <c r="Y8" s="51" t="s">
        <v>43</v>
      </c>
      <c r="Z8" s="47" t="s">
        <v>44</v>
      </c>
      <c r="AA8" s="48" t="s">
        <v>45</v>
      </c>
      <c r="AB8" s="52" t="s">
        <v>83</v>
      </c>
      <c r="AC8" s="47" t="s">
        <v>47</v>
      </c>
      <c r="AD8" s="47" t="s">
        <v>48</v>
      </c>
      <c r="AE8" s="47" t="s">
        <v>49</v>
      </c>
      <c r="AF8" s="47" t="s">
        <v>50</v>
      </c>
      <c r="AG8" s="47" t="s">
        <v>51</v>
      </c>
      <c r="AH8" s="48" t="s">
        <v>45</v>
      </c>
      <c r="AI8" s="678"/>
      <c r="AJ8" s="51" t="s">
        <v>43</v>
      </c>
      <c r="AK8" s="47" t="s">
        <v>44</v>
      </c>
      <c r="AL8" s="324" t="s">
        <v>45</v>
      </c>
      <c r="AM8" s="52" t="s">
        <v>83</v>
      </c>
      <c r="AN8" s="47" t="s">
        <v>47</v>
      </c>
      <c r="AO8" s="47" t="s">
        <v>48</v>
      </c>
      <c r="AP8" s="47" t="s">
        <v>49</v>
      </c>
      <c r="AQ8" s="47" t="s">
        <v>50</v>
      </c>
      <c r="AR8" s="47" t="s">
        <v>51</v>
      </c>
      <c r="AS8" s="48" t="s">
        <v>45</v>
      </c>
      <c r="AT8" s="678"/>
      <c r="AU8" s="51" t="s">
        <v>43</v>
      </c>
      <c r="AV8" s="47" t="s">
        <v>44</v>
      </c>
      <c r="AW8" s="324" t="s">
        <v>45</v>
      </c>
      <c r="AX8" s="52" t="s">
        <v>83</v>
      </c>
      <c r="AY8" s="47" t="s">
        <v>47</v>
      </c>
      <c r="AZ8" s="47" t="s">
        <v>48</v>
      </c>
      <c r="BA8" s="47" t="s">
        <v>49</v>
      </c>
      <c r="BB8" s="47" t="s">
        <v>50</v>
      </c>
      <c r="BC8" s="47" t="s">
        <v>51</v>
      </c>
      <c r="BD8" s="48" t="s">
        <v>45</v>
      </c>
      <c r="BE8" s="678"/>
      <c r="BF8" s="325" t="s">
        <v>43</v>
      </c>
      <c r="BG8" s="47" t="s">
        <v>44</v>
      </c>
      <c r="BH8" s="324" t="s">
        <v>45</v>
      </c>
      <c r="BI8" s="52" t="s">
        <v>83</v>
      </c>
      <c r="BJ8" s="47" t="s">
        <v>47</v>
      </c>
      <c r="BK8" s="47" t="s">
        <v>48</v>
      </c>
      <c r="BL8" s="47" t="s">
        <v>49</v>
      </c>
      <c r="BM8" s="47" t="s">
        <v>50</v>
      </c>
      <c r="BN8" s="47" t="s">
        <v>51</v>
      </c>
      <c r="BO8" s="48" t="s">
        <v>45</v>
      </c>
      <c r="BP8" s="678"/>
      <c r="BQ8" s="51" t="s">
        <v>43</v>
      </c>
      <c r="BR8" s="47" t="s">
        <v>44</v>
      </c>
      <c r="BS8" s="324" t="s">
        <v>45</v>
      </c>
      <c r="BT8" s="52" t="s">
        <v>83</v>
      </c>
      <c r="BU8" s="47" t="s">
        <v>47</v>
      </c>
      <c r="BV8" s="47" t="s">
        <v>48</v>
      </c>
      <c r="BW8" s="47" t="s">
        <v>49</v>
      </c>
      <c r="BX8" s="47" t="s">
        <v>50</v>
      </c>
      <c r="BY8" s="47" t="s">
        <v>51</v>
      </c>
      <c r="BZ8" s="48" t="s">
        <v>45</v>
      </c>
      <c r="CA8" s="678"/>
      <c r="CB8" s="51" t="s">
        <v>43</v>
      </c>
      <c r="CC8" s="47" t="s">
        <v>44</v>
      </c>
      <c r="CD8" s="324" t="s">
        <v>45</v>
      </c>
      <c r="CE8" s="52" t="s">
        <v>83</v>
      </c>
      <c r="CF8" s="47" t="s">
        <v>47</v>
      </c>
      <c r="CG8" s="47" t="s">
        <v>48</v>
      </c>
      <c r="CH8" s="47" t="s">
        <v>49</v>
      </c>
      <c r="CI8" s="47" t="s">
        <v>50</v>
      </c>
      <c r="CJ8" s="47" t="s">
        <v>51</v>
      </c>
      <c r="CK8" s="48" t="s">
        <v>45</v>
      </c>
      <c r="CL8" s="702"/>
      <c r="CM8" s="51" t="s">
        <v>43</v>
      </c>
      <c r="CN8" s="47" t="s">
        <v>44</v>
      </c>
      <c r="CO8" s="48" t="s">
        <v>45</v>
      </c>
      <c r="CP8" s="52" t="s">
        <v>83</v>
      </c>
      <c r="CQ8" s="47" t="s">
        <v>47</v>
      </c>
      <c r="CR8" s="47" t="s">
        <v>48</v>
      </c>
      <c r="CS8" s="47" t="s">
        <v>49</v>
      </c>
      <c r="CT8" s="47" t="s">
        <v>50</v>
      </c>
      <c r="CU8" s="47" t="s">
        <v>51</v>
      </c>
      <c r="CV8" s="48" t="s">
        <v>45</v>
      </c>
      <c r="CW8" s="702"/>
      <c r="CX8" s="51" t="s">
        <v>43</v>
      </c>
      <c r="CY8" s="47" t="s">
        <v>44</v>
      </c>
      <c r="CZ8" s="48" t="s">
        <v>45</v>
      </c>
      <c r="DA8" s="52" t="s">
        <v>83</v>
      </c>
      <c r="DB8" s="47" t="s">
        <v>47</v>
      </c>
      <c r="DC8" s="47" t="s">
        <v>48</v>
      </c>
      <c r="DD8" s="47" t="s">
        <v>49</v>
      </c>
      <c r="DE8" s="47" t="s">
        <v>50</v>
      </c>
      <c r="DF8" s="47" t="s">
        <v>51</v>
      </c>
      <c r="DG8" s="48" t="s">
        <v>45</v>
      </c>
      <c r="DH8" s="702"/>
      <c r="DI8" s="51" t="s">
        <v>43</v>
      </c>
      <c r="DJ8" s="47" t="s">
        <v>44</v>
      </c>
      <c r="DK8" s="48" t="s">
        <v>45</v>
      </c>
      <c r="DL8" s="52" t="s">
        <v>83</v>
      </c>
      <c r="DM8" s="47" t="s">
        <v>47</v>
      </c>
      <c r="DN8" s="47" t="s">
        <v>48</v>
      </c>
      <c r="DO8" s="47" t="s">
        <v>49</v>
      </c>
      <c r="DP8" s="47" t="s">
        <v>50</v>
      </c>
      <c r="DQ8" s="47" t="s">
        <v>51</v>
      </c>
      <c r="DR8" s="48" t="s">
        <v>45</v>
      </c>
      <c r="DS8" s="702"/>
      <c r="DT8" s="51" t="s">
        <v>43</v>
      </c>
      <c r="DU8" s="47" t="s">
        <v>44</v>
      </c>
      <c r="DV8" s="324" t="s">
        <v>45</v>
      </c>
      <c r="DW8" s="52" t="s">
        <v>83</v>
      </c>
      <c r="DX8" s="47" t="s">
        <v>47</v>
      </c>
      <c r="DY8" s="47" t="s">
        <v>48</v>
      </c>
      <c r="DZ8" s="47" t="s">
        <v>49</v>
      </c>
      <c r="EA8" s="47" t="s">
        <v>50</v>
      </c>
      <c r="EB8" s="47" t="s">
        <v>51</v>
      </c>
      <c r="EC8" s="48" t="s">
        <v>45</v>
      </c>
      <c r="ED8" s="678"/>
      <c r="EE8" s="51" t="s">
        <v>43</v>
      </c>
      <c r="EF8" s="47" t="s">
        <v>44</v>
      </c>
      <c r="EG8" s="324" t="s">
        <v>45</v>
      </c>
      <c r="EH8" s="52" t="s">
        <v>83</v>
      </c>
      <c r="EI8" s="47" t="s">
        <v>47</v>
      </c>
      <c r="EJ8" s="47" t="s">
        <v>48</v>
      </c>
      <c r="EK8" s="47" t="s">
        <v>49</v>
      </c>
      <c r="EL8" s="47" t="s">
        <v>50</v>
      </c>
      <c r="EM8" s="47" t="s">
        <v>51</v>
      </c>
      <c r="EN8" s="48" t="s">
        <v>45</v>
      </c>
      <c r="EO8" s="678"/>
      <c r="EP8" s="51" t="s">
        <v>43</v>
      </c>
      <c r="EQ8" s="47" t="s">
        <v>44</v>
      </c>
      <c r="ER8" s="324" t="s">
        <v>45</v>
      </c>
      <c r="ES8" s="52" t="s">
        <v>83</v>
      </c>
      <c r="ET8" s="47" t="s">
        <v>47</v>
      </c>
      <c r="EU8" s="47" t="s">
        <v>48</v>
      </c>
      <c r="EV8" s="47" t="s">
        <v>49</v>
      </c>
      <c r="EW8" s="47" t="s">
        <v>50</v>
      </c>
      <c r="EX8" s="47" t="s">
        <v>51</v>
      </c>
      <c r="EY8" s="48" t="s">
        <v>45</v>
      </c>
      <c r="EZ8" s="678"/>
      <c r="FA8" s="51" t="s">
        <v>43</v>
      </c>
      <c r="FB8" s="47" t="s">
        <v>44</v>
      </c>
      <c r="FC8" s="324" t="s">
        <v>45</v>
      </c>
      <c r="FD8" s="52" t="s">
        <v>83</v>
      </c>
      <c r="FE8" s="47" t="s">
        <v>47</v>
      </c>
      <c r="FF8" s="47" t="s">
        <v>48</v>
      </c>
      <c r="FG8" s="47" t="s">
        <v>49</v>
      </c>
      <c r="FH8" s="47" t="s">
        <v>50</v>
      </c>
      <c r="FI8" s="47" t="s">
        <v>51</v>
      </c>
      <c r="FJ8" s="48" t="s">
        <v>45</v>
      </c>
      <c r="FK8" s="678"/>
      <c r="FL8" s="51" t="s">
        <v>43</v>
      </c>
      <c r="FM8" s="47" t="s">
        <v>44</v>
      </c>
      <c r="FN8" s="324" t="s">
        <v>45</v>
      </c>
      <c r="FO8" s="52" t="s">
        <v>83</v>
      </c>
      <c r="FP8" s="47" t="s">
        <v>47</v>
      </c>
      <c r="FQ8" s="47" t="s">
        <v>48</v>
      </c>
      <c r="FR8" s="47" t="s">
        <v>49</v>
      </c>
      <c r="FS8" s="47" t="s">
        <v>50</v>
      </c>
      <c r="FT8" s="47" t="s">
        <v>51</v>
      </c>
      <c r="FU8" s="48" t="s">
        <v>45</v>
      </c>
      <c r="FV8" s="694"/>
      <c r="FW8" s="51" t="s">
        <v>43</v>
      </c>
      <c r="FX8" s="47" t="s">
        <v>44</v>
      </c>
      <c r="FY8" s="324" t="s">
        <v>45</v>
      </c>
      <c r="FZ8" s="52" t="s">
        <v>83</v>
      </c>
      <c r="GA8" s="47" t="s">
        <v>47</v>
      </c>
      <c r="GB8" s="47" t="s">
        <v>48</v>
      </c>
      <c r="GC8" s="47" t="s">
        <v>49</v>
      </c>
      <c r="GD8" s="47" t="s">
        <v>50</v>
      </c>
      <c r="GE8" s="47" t="s">
        <v>51</v>
      </c>
      <c r="GF8" s="48" t="s">
        <v>45</v>
      </c>
      <c r="GG8" s="678"/>
      <c r="GH8" s="51" t="s">
        <v>43</v>
      </c>
      <c r="GI8" s="47" t="s">
        <v>44</v>
      </c>
      <c r="GJ8" s="324" t="s">
        <v>45</v>
      </c>
      <c r="GK8" s="52" t="s">
        <v>83</v>
      </c>
      <c r="GL8" s="47" t="s">
        <v>47</v>
      </c>
      <c r="GM8" s="47" t="s">
        <v>48</v>
      </c>
      <c r="GN8" s="47" t="s">
        <v>49</v>
      </c>
      <c r="GO8" s="47" t="s">
        <v>50</v>
      </c>
      <c r="GP8" s="47" t="s">
        <v>51</v>
      </c>
      <c r="GQ8" s="48" t="s">
        <v>45</v>
      </c>
      <c r="GR8" s="680"/>
      <c r="GS8" s="51" t="s">
        <v>43</v>
      </c>
      <c r="GT8" s="47" t="s">
        <v>44</v>
      </c>
      <c r="GU8" s="324" t="s">
        <v>45</v>
      </c>
      <c r="GV8" s="52" t="s">
        <v>83</v>
      </c>
      <c r="GW8" s="47" t="s">
        <v>47</v>
      </c>
      <c r="GX8" s="47" t="s">
        <v>48</v>
      </c>
      <c r="GY8" s="47" t="s">
        <v>49</v>
      </c>
      <c r="GZ8" s="47" t="s">
        <v>50</v>
      </c>
      <c r="HA8" s="47" t="s">
        <v>51</v>
      </c>
      <c r="HB8" s="48" t="s">
        <v>45</v>
      </c>
      <c r="HC8" s="680"/>
      <c r="HD8" s="51" t="s">
        <v>43</v>
      </c>
      <c r="HE8" s="47" t="s">
        <v>44</v>
      </c>
      <c r="HF8" s="324" t="s">
        <v>45</v>
      </c>
      <c r="HG8" s="52" t="s">
        <v>83</v>
      </c>
      <c r="HH8" s="47" t="s">
        <v>47</v>
      </c>
      <c r="HI8" s="47" t="s">
        <v>48</v>
      </c>
      <c r="HJ8" s="47" t="s">
        <v>49</v>
      </c>
      <c r="HK8" s="47" t="s">
        <v>50</v>
      </c>
      <c r="HL8" s="47" t="s">
        <v>51</v>
      </c>
      <c r="HM8" s="48" t="s">
        <v>45</v>
      </c>
      <c r="HN8" s="678"/>
      <c r="HO8" s="51" t="s">
        <v>43</v>
      </c>
      <c r="HP8" s="47" t="s">
        <v>44</v>
      </c>
      <c r="HQ8" s="324" t="s">
        <v>45</v>
      </c>
      <c r="HR8" s="52" t="s">
        <v>83</v>
      </c>
      <c r="HS8" s="47" t="s">
        <v>47</v>
      </c>
      <c r="HT8" s="47" t="s">
        <v>48</v>
      </c>
      <c r="HU8" s="47" t="s">
        <v>49</v>
      </c>
      <c r="HV8" s="47" t="s">
        <v>50</v>
      </c>
      <c r="HW8" s="47" t="s">
        <v>51</v>
      </c>
      <c r="HX8" s="48" t="s">
        <v>45</v>
      </c>
      <c r="HY8" s="678"/>
      <c r="HZ8" s="366" t="s">
        <v>43</v>
      </c>
      <c r="IA8" s="367" t="s">
        <v>44</v>
      </c>
      <c r="IB8" s="41" t="s">
        <v>45</v>
      </c>
      <c r="IC8" s="42" t="s">
        <v>83</v>
      </c>
      <c r="ID8" s="367" t="s">
        <v>47</v>
      </c>
      <c r="IE8" s="367" t="s">
        <v>48</v>
      </c>
      <c r="IF8" s="367" t="s">
        <v>49</v>
      </c>
      <c r="IG8" s="367" t="s">
        <v>50</v>
      </c>
      <c r="IH8" s="367" t="s">
        <v>51</v>
      </c>
      <c r="II8" s="17" t="s">
        <v>45</v>
      </c>
      <c r="IJ8" s="645"/>
      <c r="IK8" s="366" t="s">
        <v>43</v>
      </c>
      <c r="IL8" s="367" t="s">
        <v>44</v>
      </c>
      <c r="IM8" s="41" t="s">
        <v>45</v>
      </c>
      <c r="IN8" s="42" t="s">
        <v>83</v>
      </c>
      <c r="IO8" s="59" t="s">
        <v>47</v>
      </c>
      <c r="IP8" s="59" t="s">
        <v>48</v>
      </c>
      <c r="IQ8" s="59" t="s">
        <v>49</v>
      </c>
      <c r="IR8" s="59" t="s">
        <v>50</v>
      </c>
      <c r="IS8" s="59" t="s">
        <v>51</v>
      </c>
      <c r="IT8" s="64" t="s">
        <v>45</v>
      </c>
      <c r="IU8" s="655"/>
      <c r="IV8" s="61" t="s">
        <v>43</v>
      </c>
      <c r="IW8" s="59" t="s">
        <v>44</v>
      </c>
      <c r="IX8" s="64" t="s">
        <v>45</v>
      </c>
      <c r="IY8" s="33" t="s">
        <v>83</v>
      </c>
      <c r="IZ8" s="59" t="s">
        <v>47</v>
      </c>
      <c r="JA8" s="59" t="s">
        <v>48</v>
      </c>
      <c r="JB8" s="59" t="s">
        <v>49</v>
      </c>
      <c r="JC8" s="59" t="s">
        <v>50</v>
      </c>
      <c r="JD8" s="59" t="s">
        <v>51</v>
      </c>
      <c r="JE8" s="64" t="s">
        <v>45</v>
      </c>
      <c r="JF8" s="655"/>
      <c r="JG8" s="61" t="s">
        <v>43</v>
      </c>
      <c r="JH8" s="59" t="s">
        <v>44</v>
      </c>
      <c r="JI8" s="60" t="s">
        <v>45</v>
      </c>
      <c r="JJ8" s="33" t="s">
        <v>83</v>
      </c>
      <c r="JK8" s="59" t="s">
        <v>47</v>
      </c>
      <c r="JL8" s="59" t="s">
        <v>48</v>
      </c>
      <c r="JM8" s="59" t="s">
        <v>49</v>
      </c>
      <c r="JN8" s="59" t="s">
        <v>50</v>
      </c>
      <c r="JO8" s="59" t="s">
        <v>51</v>
      </c>
      <c r="JP8" s="64" t="s">
        <v>45</v>
      </c>
      <c r="JQ8" s="648"/>
      <c r="JR8" s="61" t="s">
        <v>43</v>
      </c>
      <c r="JS8" s="59" t="s">
        <v>44</v>
      </c>
      <c r="JT8" s="60" t="s">
        <v>45</v>
      </c>
      <c r="JU8" s="33" t="s">
        <v>83</v>
      </c>
      <c r="JV8" s="59" t="s">
        <v>47</v>
      </c>
      <c r="JW8" s="59" t="s">
        <v>48</v>
      </c>
      <c r="JX8" s="59" t="s">
        <v>49</v>
      </c>
      <c r="JY8" s="59" t="s">
        <v>50</v>
      </c>
      <c r="JZ8" s="59" t="s">
        <v>51</v>
      </c>
      <c r="KA8" s="64" t="s">
        <v>45</v>
      </c>
      <c r="KB8" s="648"/>
      <c r="KC8" s="61" t="s">
        <v>43</v>
      </c>
      <c r="KD8" s="59" t="s">
        <v>44</v>
      </c>
      <c r="KE8" s="60" t="s">
        <v>45</v>
      </c>
      <c r="KF8" s="33" t="s">
        <v>83</v>
      </c>
      <c r="KG8" s="59" t="s">
        <v>47</v>
      </c>
      <c r="KH8" s="59" t="s">
        <v>48</v>
      </c>
      <c r="KI8" s="59" t="s">
        <v>49</v>
      </c>
      <c r="KJ8" s="59" t="s">
        <v>50</v>
      </c>
      <c r="KK8" s="59" t="s">
        <v>51</v>
      </c>
      <c r="KL8" s="64" t="s">
        <v>45</v>
      </c>
      <c r="KM8" s="648"/>
      <c r="KN8" s="61" t="s">
        <v>43</v>
      </c>
      <c r="KO8" s="59" t="s">
        <v>44</v>
      </c>
      <c r="KP8" s="60" t="s">
        <v>45</v>
      </c>
      <c r="KQ8" s="42" t="s">
        <v>83</v>
      </c>
      <c r="KR8" s="59" t="s">
        <v>47</v>
      </c>
      <c r="KS8" s="59" t="s">
        <v>48</v>
      </c>
      <c r="KT8" s="59" t="s">
        <v>49</v>
      </c>
      <c r="KU8" s="59" t="s">
        <v>50</v>
      </c>
      <c r="KV8" s="59" t="s">
        <v>51</v>
      </c>
      <c r="KW8" s="64" t="s">
        <v>45</v>
      </c>
      <c r="KX8" s="648"/>
      <c r="KY8" s="61" t="s">
        <v>43</v>
      </c>
      <c r="KZ8" s="59" t="s">
        <v>44</v>
      </c>
      <c r="LA8" s="60" t="s">
        <v>45</v>
      </c>
      <c r="LB8" s="42" t="s">
        <v>83</v>
      </c>
      <c r="LC8" s="59" t="s">
        <v>47</v>
      </c>
      <c r="LD8" s="59" t="s">
        <v>48</v>
      </c>
      <c r="LE8" s="59" t="s">
        <v>49</v>
      </c>
      <c r="LF8" s="59" t="s">
        <v>50</v>
      </c>
      <c r="LG8" s="59" t="s">
        <v>51</v>
      </c>
      <c r="LH8" s="64" t="s">
        <v>45</v>
      </c>
      <c r="LI8" s="648"/>
      <c r="LJ8" s="61" t="s">
        <v>43</v>
      </c>
      <c r="LK8" s="59" t="s">
        <v>44</v>
      </c>
      <c r="LL8" s="60" t="s">
        <v>45</v>
      </c>
      <c r="LM8" s="42" t="s">
        <v>83</v>
      </c>
      <c r="LN8" s="59" t="s">
        <v>47</v>
      </c>
      <c r="LO8" s="59" t="s">
        <v>48</v>
      </c>
      <c r="LP8" s="59" t="s">
        <v>49</v>
      </c>
      <c r="LQ8" s="59" t="s">
        <v>50</v>
      </c>
      <c r="LR8" s="59" t="s">
        <v>51</v>
      </c>
      <c r="LS8" s="64" t="s">
        <v>45</v>
      </c>
      <c r="LT8" s="648"/>
      <c r="LU8" s="61" t="s">
        <v>43</v>
      </c>
      <c r="LV8" s="59" t="s">
        <v>44</v>
      </c>
      <c r="LW8" s="60" t="s">
        <v>45</v>
      </c>
      <c r="LX8" s="42" t="s">
        <v>83</v>
      </c>
      <c r="LY8" s="59" t="s">
        <v>47</v>
      </c>
      <c r="LZ8" s="59" t="s">
        <v>48</v>
      </c>
      <c r="MA8" s="59" t="s">
        <v>49</v>
      </c>
      <c r="MB8" s="59" t="s">
        <v>50</v>
      </c>
      <c r="MC8" s="59" t="s">
        <v>51</v>
      </c>
      <c r="MD8" s="64" t="s">
        <v>45</v>
      </c>
      <c r="ME8" s="648"/>
      <c r="MF8" s="61" t="s">
        <v>43</v>
      </c>
      <c r="MG8" s="59" t="s">
        <v>44</v>
      </c>
      <c r="MH8" s="60" t="s">
        <v>45</v>
      </c>
      <c r="MI8" s="42" t="s">
        <v>83</v>
      </c>
      <c r="MJ8" s="59" t="s">
        <v>47</v>
      </c>
      <c r="MK8" s="59" t="s">
        <v>48</v>
      </c>
      <c r="ML8" s="59" t="s">
        <v>49</v>
      </c>
      <c r="MM8" s="59" t="s">
        <v>50</v>
      </c>
      <c r="MN8" s="59" t="s">
        <v>51</v>
      </c>
      <c r="MO8" s="64" t="s">
        <v>45</v>
      </c>
      <c r="MP8" s="648"/>
      <c r="MQ8" s="61" t="s">
        <v>43</v>
      </c>
      <c r="MR8" s="59" t="s">
        <v>44</v>
      </c>
      <c r="MS8" s="60" t="s">
        <v>45</v>
      </c>
      <c r="MT8" s="42" t="s">
        <v>83</v>
      </c>
      <c r="MU8" s="59" t="s">
        <v>47</v>
      </c>
      <c r="MV8" s="59" t="s">
        <v>48</v>
      </c>
      <c r="MW8" s="59" t="s">
        <v>49</v>
      </c>
      <c r="MX8" s="59" t="s">
        <v>50</v>
      </c>
      <c r="MY8" s="59" t="s">
        <v>51</v>
      </c>
      <c r="MZ8" s="64" t="s">
        <v>45</v>
      </c>
      <c r="NA8" s="648"/>
      <c r="NB8" s="61" t="s">
        <v>43</v>
      </c>
      <c r="NC8" s="59" t="s">
        <v>44</v>
      </c>
      <c r="ND8" s="60" t="s">
        <v>45</v>
      </c>
      <c r="NE8" s="42" t="s">
        <v>83</v>
      </c>
      <c r="NF8" s="59" t="s">
        <v>47</v>
      </c>
      <c r="NG8" s="59" t="s">
        <v>48</v>
      </c>
      <c r="NH8" s="59" t="s">
        <v>49</v>
      </c>
      <c r="NI8" s="59" t="s">
        <v>50</v>
      </c>
      <c r="NJ8" s="59" t="s">
        <v>51</v>
      </c>
      <c r="NK8" s="64" t="s">
        <v>45</v>
      </c>
      <c r="NL8" s="648"/>
      <c r="NM8" s="61" t="s">
        <v>43</v>
      </c>
      <c r="NN8" s="59" t="s">
        <v>44</v>
      </c>
      <c r="NO8" s="60" t="s">
        <v>45</v>
      </c>
      <c r="NP8" s="42" t="s">
        <v>83</v>
      </c>
      <c r="NQ8" s="59" t="s">
        <v>47</v>
      </c>
      <c r="NR8" s="59" t="s">
        <v>48</v>
      </c>
      <c r="NS8" s="59" t="s">
        <v>49</v>
      </c>
      <c r="NT8" s="59" t="s">
        <v>50</v>
      </c>
      <c r="NU8" s="59" t="s">
        <v>51</v>
      </c>
      <c r="NV8" s="64" t="s">
        <v>45</v>
      </c>
      <c r="NW8" s="648"/>
      <c r="NX8" s="61" t="s">
        <v>43</v>
      </c>
      <c r="NY8" s="59" t="s">
        <v>44</v>
      </c>
      <c r="NZ8" s="60" t="s">
        <v>45</v>
      </c>
      <c r="OA8" s="42" t="s">
        <v>83</v>
      </c>
      <c r="OB8" s="59" t="s">
        <v>47</v>
      </c>
      <c r="OC8" s="59" t="s">
        <v>48</v>
      </c>
      <c r="OD8" s="59" t="s">
        <v>49</v>
      </c>
      <c r="OE8" s="59" t="s">
        <v>50</v>
      </c>
      <c r="OF8" s="59" t="s">
        <v>51</v>
      </c>
      <c r="OG8" s="64" t="s">
        <v>45</v>
      </c>
      <c r="OH8" s="648"/>
      <c r="OI8" s="61" t="s">
        <v>43</v>
      </c>
      <c r="OJ8" s="59" t="s">
        <v>44</v>
      </c>
      <c r="OK8" s="60" t="s">
        <v>45</v>
      </c>
      <c r="OL8" s="33" t="s">
        <v>83</v>
      </c>
      <c r="OM8" s="59" t="s">
        <v>47</v>
      </c>
      <c r="ON8" s="59" t="s">
        <v>48</v>
      </c>
      <c r="OO8" s="59" t="s">
        <v>49</v>
      </c>
      <c r="OP8" s="59" t="s">
        <v>50</v>
      </c>
      <c r="OQ8" s="59" t="s">
        <v>51</v>
      </c>
      <c r="OR8" s="64" t="s">
        <v>45</v>
      </c>
      <c r="OS8" s="648"/>
    </row>
    <row r="9" spans="1:409" s="465" customFormat="1" ht="21" customHeight="1" x14ac:dyDescent="0.2">
      <c r="A9" s="44"/>
      <c r="B9" s="459" t="s">
        <v>4</v>
      </c>
      <c r="C9" s="379">
        <v>26468837</v>
      </c>
      <c r="D9" s="380">
        <v>45741101</v>
      </c>
      <c r="E9" s="381">
        <v>72209938</v>
      </c>
      <c r="F9" s="382">
        <v>0</v>
      </c>
      <c r="G9" s="380">
        <v>285824368</v>
      </c>
      <c r="H9" s="380">
        <v>382432431</v>
      </c>
      <c r="I9" s="380">
        <v>344385580</v>
      </c>
      <c r="J9" s="380">
        <v>309185477</v>
      </c>
      <c r="K9" s="380">
        <v>214324227</v>
      </c>
      <c r="L9" s="383">
        <v>1536152083</v>
      </c>
      <c r="M9" s="384">
        <v>1608362021</v>
      </c>
      <c r="N9" s="379">
        <v>7449854</v>
      </c>
      <c r="O9" s="380">
        <v>14583848</v>
      </c>
      <c r="P9" s="385">
        <v>22033702</v>
      </c>
      <c r="Q9" s="379">
        <v>0</v>
      </c>
      <c r="R9" s="380">
        <v>89841980</v>
      </c>
      <c r="S9" s="380">
        <v>128923881</v>
      </c>
      <c r="T9" s="380">
        <v>111761082</v>
      </c>
      <c r="U9" s="380">
        <v>117082106</v>
      </c>
      <c r="V9" s="380">
        <v>106206456</v>
      </c>
      <c r="W9" s="385">
        <v>553815505</v>
      </c>
      <c r="X9" s="384">
        <v>575849207</v>
      </c>
      <c r="Y9" s="379">
        <v>0</v>
      </c>
      <c r="Z9" s="380">
        <v>0</v>
      </c>
      <c r="AA9" s="385">
        <v>0</v>
      </c>
      <c r="AB9" s="386">
        <v>0</v>
      </c>
      <c r="AC9" s="387">
        <v>38212162</v>
      </c>
      <c r="AD9" s="387">
        <v>54026200</v>
      </c>
      <c r="AE9" s="387">
        <v>54378558</v>
      </c>
      <c r="AF9" s="387">
        <v>59693019</v>
      </c>
      <c r="AG9" s="387">
        <v>58498587</v>
      </c>
      <c r="AH9" s="385">
        <v>264808526</v>
      </c>
      <c r="AI9" s="384">
        <v>264808526</v>
      </c>
      <c r="AJ9" s="388">
        <v>0</v>
      </c>
      <c r="AK9" s="387">
        <v>17898</v>
      </c>
      <c r="AL9" s="385">
        <v>17898</v>
      </c>
      <c r="AM9" s="386">
        <v>0</v>
      </c>
      <c r="AN9" s="387">
        <v>528563</v>
      </c>
      <c r="AO9" s="383">
        <v>1589266</v>
      </c>
      <c r="AP9" s="387">
        <v>2846383</v>
      </c>
      <c r="AQ9" s="387">
        <v>7124152</v>
      </c>
      <c r="AR9" s="387">
        <v>11484803</v>
      </c>
      <c r="AS9" s="385">
        <v>23573167</v>
      </c>
      <c r="AT9" s="384">
        <v>23591065</v>
      </c>
      <c r="AU9" s="388">
        <v>3840913</v>
      </c>
      <c r="AV9" s="387">
        <v>9709059</v>
      </c>
      <c r="AW9" s="385">
        <v>13549972</v>
      </c>
      <c r="AX9" s="386">
        <v>0</v>
      </c>
      <c r="AY9" s="387">
        <v>32113365</v>
      </c>
      <c r="AZ9" s="387">
        <v>49611435</v>
      </c>
      <c r="BA9" s="387">
        <v>33524694</v>
      </c>
      <c r="BB9" s="387">
        <v>30402248</v>
      </c>
      <c r="BC9" s="387">
        <v>23020357</v>
      </c>
      <c r="BD9" s="385">
        <v>168672099</v>
      </c>
      <c r="BE9" s="389">
        <v>182222071</v>
      </c>
      <c r="BF9" s="388">
        <v>337773</v>
      </c>
      <c r="BG9" s="383">
        <v>1496235</v>
      </c>
      <c r="BH9" s="390">
        <v>1834008</v>
      </c>
      <c r="BI9" s="386">
        <v>0</v>
      </c>
      <c r="BJ9" s="387">
        <v>2345930</v>
      </c>
      <c r="BK9" s="387">
        <v>4206460</v>
      </c>
      <c r="BL9" s="387">
        <v>2445599</v>
      </c>
      <c r="BM9" s="387">
        <v>2603677</v>
      </c>
      <c r="BN9" s="387">
        <v>833101</v>
      </c>
      <c r="BO9" s="385">
        <v>12434767</v>
      </c>
      <c r="BP9" s="384">
        <v>14268775</v>
      </c>
      <c r="BQ9" s="388">
        <v>3271168</v>
      </c>
      <c r="BR9" s="387">
        <v>3360656</v>
      </c>
      <c r="BS9" s="385">
        <v>6631824</v>
      </c>
      <c r="BT9" s="386">
        <v>0</v>
      </c>
      <c r="BU9" s="387">
        <v>16641960</v>
      </c>
      <c r="BV9" s="387">
        <v>19490520</v>
      </c>
      <c r="BW9" s="387">
        <v>18565848</v>
      </c>
      <c r="BX9" s="387">
        <v>17259010</v>
      </c>
      <c r="BY9" s="387">
        <v>12369608</v>
      </c>
      <c r="BZ9" s="385">
        <v>84326946</v>
      </c>
      <c r="CA9" s="384">
        <v>90958770</v>
      </c>
      <c r="CB9" s="388">
        <v>2871423</v>
      </c>
      <c r="CC9" s="387">
        <v>6806981</v>
      </c>
      <c r="CD9" s="385">
        <v>9678404</v>
      </c>
      <c r="CE9" s="386">
        <v>0</v>
      </c>
      <c r="CF9" s="387">
        <v>87748595</v>
      </c>
      <c r="CG9" s="387">
        <v>113302882</v>
      </c>
      <c r="CH9" s="391">
        <v>80348803</v>
      </c>
      <c r="CI9" s="387">
        <v>49110744</v>
      </c>
      <c r="CJ9" s="387">
        <v>19554131</v>
      </c>
      <c r="CK9" s="385">
        <v>350065155</v>
      </c>
      <c r="CL9" s="384">
        <v>359743559</v>
      </c>
      <c r="CM9" s="379">
        <v>0</v>
      </c>
      <c r="CN9" s="380">
        <v>0</v>
      </c>
      <c r="CO9" s="385">
        <v>0</v>
      </c>
      <c r="CP9" s="386">
        <v>0</v>
      </c>
      <c r="CQ9" s="387">
        <v>71237268</v>
      </c>
      <c r="CR9" s="387">
        <v>84234297</v>
      </c>
      <c r="CS9" s="387">
        <v>58553532</v>
      </c>
      <c r="CT9" s="387">
        <v>34343579</v>
      </c>
      <c r="CU9" s="387">
        <v>14695246</v>
      </c>
      <c r="CV9" s="392">
        <v>263063922</v>
      </c>
      <c r="CW9" s="384">
        <v>263063922</v>
      </c>
      <c r="CX9" s="388">
        <v>2871423</v>
      </c>
      <c r="CY9" s="387">
        <v>6806981</v>
      </c>
      <c r="CZ9" s="385">
        <v>9678404</v>
      </c>
      <c r="DA9" s="386">
        <v>0</v>
      </c>
      <c r="DB9" s="387">
        <v>16511327</v>
      </c>
      <c r="DC9" s="387">
        <v>29068585</v>
      </c>
      <c r="DD9" s="387">
        <v>21795271</v>
      </c>
      <c r="DE9" s="387">
        <v>14767165</v>
      </c>
      <c r="DF9" s="387">
        <v>4858885</v>
      </c>
      <c r="DG9" s="385">
        <v>87001233</v>
      </c>
      <c r="DH9" s="384">
        <v>96679637</v>
      </c>
      <c r="DI9" s="388">
        <v>302475</v>
      </c>
      <c r="DJ9" s="387">
        <v>946601</v>
      </c>
      <c r="DK9" s="390">
        <v>1249076</v>
      </c>
      <c r="DL9" s="386">
        <v>0</v>
      </c>
      <c r="DM9" s="387">
        <v>9839104</v>
      </c>
      <c r="DN9" s="387">
        <v>19159521</v>
      </c>
      <c r="DO9" s="387">
        <v>35169364</v>
      </c>
      <c r="DP9" s="387">
        <v>28787691</v>
      </c>
      <c r="DQ9" s="387">
        <v>12562764</v>
      </c>
      <c r="DR9" s="393">
        <v>105518444</v>
      </c>
      <c r="DS9" s="384">
        <v>106767520</v>
      </c>
      <c r="DT9" s="388">
        <v>275022</v>
      </c>
      <c r="DU9" s="387">
        <v>896672</v>
      </c>
      <c r="DV9" s="385">
        <v>1171694</v>
      </c>
      <c r="DW9" s="386">
        <v>0</v>
      </c>
      <c r="DX9" s="387">
        <v>8732096</v>
      </c>
      <c r="DY9" s="387">
        <v>15559021</v>
      </c>
      <c r="DZ9" s="387">
        <v>30606327</v>
      </c>
      <c r="EA9" s="387">
        <v>25436141</v>
      </c>
      <c r="EB9" s="387">
        <v>10194249</v>
      </c>
      <c r="EC9" s="385">
        <v>90527834</v>
      </c>
      <c r="ED9" s="384">
        <v>91699528</v>
      </c>
      <c r="EE9" s="388">
        <v>27453</v>
      </c>
      <c r="EF9" s="383">
        <v>49929</v>
      </c>
      <c r="EG9" s="385">
        <v>77382</v>
      </c>
      <c r="EH9" s="389">
        <v>0</v>
      </c>
      <c r="EI9" s="387">
        <v>1107008</v>
      </c>
      <c r="EJ9" s="387">
        <v>3600500</v>
      </c>
      <c r="EK9" s="387">
        <v>4563037</v>
      </c>
      <c r="EL9" s="387">
        <v>3351550</v>
      </c>
      <c r="EM9" s="391">
        <v>2368515</v>
      </c>
      <c r="EN9" s="383">
        <v>14990610</v>
      </c>
      <c r="EO9" s="384">
        <v>15067992</v>
      </c>
      <c r="EP9" s="388">
        <v>0</v>
      </c>
      <c r="EQ9" s="387">
        <v>0</v>
      </c>
      <c r="ER9" s="383">
        <v>0</v>
      </c>
      <c r="ES9" s="386">
        <v>0</v>
      </c>
      <c r="ET9" s="387">
        <v>0</v>
      </c>
      <c r="EU9" s="387">
        <v>0</v>
      </c>
      <c r="EV9" s="387">
        <v>0</v>
      </c>
      <c r="EW9" s="387">
        <v>0</v>
      </c>
      <c r="EX9" s="387">
        <v>0</v>
      </c>
      <c r="EY9" s="392">
        <v>0</v>
      </c>
      <c r="EZ9" s="384">
        <v>0</v>
      </c>
      <c r="FA9" s="388">
        <v>0</v>
      </c>
      <c r="FB9" s="387">
        <v>0</v>
      </c>
      <c r="FC9" s="383">
        <v>0</v>
      </c>
      <c r="FD9" s="394"/>
      <c r="FE9" s="387">
        <v>0</v>
      </c>
      <c r="FF9" s="387">
        <v>0</v>
      </c>
      <c r="FG9" s="387">
        <v>0</v>
      </c>
      <c r="FH9" s="387">
        <v>0</v>
      </c>
      <c r="FI9" s="387">
        <v>0</v>
      </c>
      <c r="FJ9" s="392">
        <v>0</v>
      </c>
      <c r="FK9" s="384">
        <v>0</v>
      </c>
      <c r="FL9" s="388">
        <v>5259654</v>
      </c>
      <c r="FM9" s="387">
        <v>10694508</v>
      </c>
      <c r="FN9" s="385">
        <v>15954162</v>
      </c>
      <c r="FO9" s="386">
        <v>0</v>
      </c>
      <c r="FP9" s="387">
        <v>14551039</v>
      </c>
      <c r="FQ9" s="387">
        <v>38997429</v>
      </c>
      <c r="FR9" s="387">
        <v>29521539</v>
      </c>
      <c r="FS9" s="387">
        <v>25091475</v>
      </c>
      <c r="FT9" s="387">
        <v>16259904</v>
      </c>
      <c r="FU9" s="385">
        <v>124421386</v>
      </c>
      <c r="FV9" s="384">
        <v>140375548</v>
      </c>
      <c r="FW9" s="388">
        <v>2469186</v>
      </c>
      <c r="FX9" s="387">
        <v>6729552</v>
      </c>
      <c r="FY9" s="383">
        <v>9198738</v>
      </c>
      <c r="FZ9" s="389">
        <v>0</v>
      </c>
      <c r="GA9" s="387">
        <v>10659312</v>
      </c>
      <c r="GB9" s="395">
        <v>33882302</v>
      </c>
      <c r="GC9" s="387">
        <v>25798294</v>
      </c>
      <c r="GD9" s="395">
        <v>23193632</v>
      </c>
      <c r="GE9" s="387">
        <v>15172184</v>
      </c>
      <c r="GF9" s="392">
        <v>108705724</v>
      </c>
      <c r="GG9" s="396">
        <v>117904462</v>
      </c>
      <c r="GH9" s="397">
        <v>455868</v>
      </c>
      <c r="GI9" s="387">
        <v>304360</v>
      </c>
      <c r="GJ9" s="395">
        <v>760228</v>
      </c>
      <c r="GK9" s="382">
        <v>0</v>
      </c>
      <c r="GL9" s="387">
        <v>471112</v>
      </c>
      <c r="GM9" s="383">
        <v>1017387</v>
      </c>
      <c r="GN9" s="387">
        <v>921429</v>
      </c>
      <c r="GO9" s="383">
        <v>769075</v>
      </c>
      <c r="GP9" s="387">
        <v>216480</v>
      </c>
      <c r="GQ9" s="393">
        <v>3395483</v>
      </c>
      <c r="GR9" s="384">
        <v>4155711</v>
      </c>
      <c r="GS9" s="383">
        <v>2334600</v>
      </c>
      <c r="GT9" s="387">
        <v>3660596</v>
      </c>
      <c r="GU9" s="385">
        <v>5995196</v>
      </c>
      <c r="GV9" s="383">
        <v>0</v>
      </c>
      <c r="GW9" s="387">
        <v>3420615</v>
      </c>
      <c r="GX9" s="383">
        <v>4097740</v>
      </c>
      <c r="GY9" s="387">
        <v>2801816</v>
      </c>
      <c r="GZ9" s="383">
        <v>1128768</v>
      </c>
      <c r="HA9" s="387">
        <v>871240</v>
      </c>
      <c r="HB9" s="383">
        <v>12320179</v>
      </c>
      <c r="HC9" s="384">
        <v>18315375</v>
      </c>
      <c r="HD9" s="383">
        <v>10585431</v>
      </c>
      <c r="HE9" s="387">
        <v>12709163</v>
      </c>
      <c r="HF9" s="383">
        <v>23294594</v>
      </c>
      <c r="HG9" s="389">
        <v>0</v>
      </c>
      <c r="HH9" s="387">
        <v>83843650</v>
      </c>
      <c r="HI9" s="395">
        <v>82048718</v>
      </c>
      <c r="HJ9" s="387">
        <v>87584792</v>
      </c>
      <c r="HK9" s="395">
        <v>89113461</v>
      </c>
      <c r="HL9" s="387">
        <v>59740972</v>
      </c>
      <c r="HM9" s="392">
        <v>402331593</v>
      </c>
      <c r="HN9" s="383">
        <v>425626187</v>
      </c>
      <c r="HO9" s="460"/>
      <c r="HP9" s="461"/>
      <c r="HQ9" s="462"/>
      <c r="HR9" s="463"/>
      <c r="HS9" s="461"/>
      <c r="HT9" s="463"/>
      <c r="HU9" s="461"/>
      <c r="HV9" s="463"/>
      <c r="HW9" s="461"/>
      <c r="HX9" s="463"/>
      <c r="HY9" s="464"/>
      <c r="HZ9" s="398">
        <v>649222</v>
      </c>
      <c r="IA9" s="399">
        <v>675438</v>
      </c>
      <c r="IB9" s="400">
        <v>1324660</v>
      </c>
      <c r="IC9" s="401">
        <v>0</v>
      </c>
      <c r="ID9" s="399">
        <v>77841735</v>
      </c>
      <c r="IE9" s="402">
        <v>93678518</v>
      </c>
      <c r="IF9" s="403">
        <v>107145148</v>
      </c>
      <c r="IG9" s="399">
        <v>83584324</v>
      </c>
      <c r="IH9" s="403">
        <v>58438884</v>
      </c>
      <c r="II9" s="404">
        <v>420688609</v>
      </c>
      <c r="IJ9" s="405">
        <v>422013269</v>
      </c>
      <c r="IK9" s="406">
        <v>0</v>
      </c>
      <c r="IL9" s="407">
        <v>0</v>
      </c>
      <c r="IM9" s="408">
        <v>0</v>
      </c>
      <c r="IN9" s="409"/>
      <c r="IO9" s="410">
        <v>1513265</v>
      </c>
      <c r="IP9" s="410">
        <v>2731680</v>
      </c>
      <c r="IQ9" s="410">
        <v>5228560</v>
      </c>
      <c r="IR9" s="410">
        <v>4085942</v>
      </c>
      <c r="IS9" s="410">
        <v>4879111</v>
      </c>
      <c r="IT9" s="411">
        <v>18438558</v>
      </c>
      <c r="IU9" s="412">
        <v>18438558</v>
      </c>
      <c r="IV9" s="413">
        <v>0</v>
      </c>
      <c r="IW9" s="410">
        <v>0</v>
      </c>
      <c r="IX9" s="414">
        <v>0</v>
      </c>
      <c r="IY9" s="415"/>
      <c r="IZ9" s="410">
        <v>187966</v>
      </c>
      <c r="JA9" s="410">
        <v>555789</v>
      </c>
      <c r="JB9" s="410">
        <v>796581</v>
      </c>
      <c r="JC9" s="410">
        <v>820078</v>
      </c>
      <c r="JD9" s="410">
        <v>706474</v>
      </c>
      <c r="JE9" s="414">
        <v>3066888</v>
      </c>
      <c r="JF9" s="416">
        <v>3066888</v>
      </c>
      <c r="JG9" s="413">
        <v>0</v>
      </c>
      <c r="JH9" s="410">
        <v>0</v>
      </c>
      <c r="JI9" s="411">
        <v>0</v>
      </c>
      <c r="JJ9" s="417">
        <v>0</v>
      </c>
      <c r="JK9" s="410">
        <v>36046358</v>
      </c>
      <c r="JL9" s="410">
        <v>34929907</v>
      </c>
      <c r="JM9" s="410">
        <v>27207243</v>
      </c>
      <c r="JN9" s="410">
        <v>14787300</v>
      </c>
      <c r="JO9" s="410">
        <v>8859302</v>
      </c>
      <c r="JP9" s="414">
        <v>121830110</v>
      </c>
      <c r="JQ9" s="412">
        <v>121830110</v>
      </c>
      <c r="JR9" s="413">
        <v>26763</v>
      </c>
      <c r="JS9" s="410">
        <v>0</v>
      </c>
      <c r="JT9" s="411">
        <v>26763</v>
      </c>
      <c r="JU9" s="417">
        <v>0</v>
      </c>
      <c r="JV9" s="410">
        <v>6315088</v>
      </c>
      <c r="JW9" s="410">
        <v>6883536</v>
      </c>
      <c r="JX9" s="410">
        <v>10149062</v>
      </c>
      <c r="JY9" s="410">
        <v>4411318</v>
      </c>
      <c r="JZ9" s="410">
        <v>3094757</v>
      </c>
      <c r="KA9" s="414">
        <v>30853761</v>
      </c>
      <c r="KB9" s="412">
        <v>30880524</v>
      </c>
      <c r="KC9" s="418">
        <v>622459</v>
      </c>
      <c r="KD9" s="419">
        <v>465481</v>
      </c>
      <c r="KE9" s="414">
        <v>1087940</v>
      </c>
      <c r="KF9" s="417">
        <v>0</v>
      </c>
      <c r="KG9" s="410">
        <v>9025872</v>
      </c>
      <c r="KH9" s="410">
        <v>12844657</v>
      </c>
      <c r="KI9" s="410">
        <v>19307824</v>
      </c>
      <c r="KJ9" s="410">
        <v>12222750</v>
      </c>
      <c r="KK9" s="410">
        <v>6801753</v>
      </c>
      <c r="KL9" s="414">
        <v>60202856</v>
      </c>
      <c r="KM9" s="420">
        <v>61290796</v>
      </c>
      <c r="KN9" s="406">
        <v>0</v>
      </c>
      <c r="KO9" s="407">
        <v>209957</v>
      </c>
      <c r="KP9" s="408">
        <v>209957</v>
      </c>
      <c r="KQ9" s="409"/>
      <c r="KR9" s="410">
        <v>21703336</v>
      </c>
      <c r="KS9" s="410">
        <v>30938754</v>
      </c>
      <c r="KT9" s="410">
        <v>34620365</v>
      </c>
      <c r="KU9" s="410">
        <v>30993248</v>
      </c>
      <c r="KV9" s="410">
        <v>18805484</v>
      </c>
      <c r="KW9" s="414">
        <v>137061187</v>
      </c>
      <c r="KX9" s="412">
        <v>137271144</v>
      </c>
      <c r="KY9" s="413">
        <v>0</v>
      </c>
      <c r="KZ9" s="410">
        <v>0</v>
      </c>
      <c r="LA9" s="414">
        <v>0</v>
      </c>
      <c r="LB9" s="421"/>
      <c r="LC9" s="410">
        <v>465981</v>
      </c>
      <c r="LD9" s="410">
        <v>878562</v>
      </c>
      <c r="LE9" s="410">
        <v>1226304</v>
      </c>
      <c r="LF9" s="410">
        <v>849970</v>
      </c>
      <c r="LG9" s="410">
        <v>920847</v>
      </c>
      <c r="LH9" s="414">
        <v>4341664</v>
      </c>
      <c r="LI9" s="416">
        <v>4341664</v>
      </c>
      <c r="LJ9" s="413">
        <v>0</v>
      </c>
      <c r="LK9" s="410">
        <v>0</v>
      </c>
      <c r="LL9" s="414">
        <v>0</v>
      </c>
      <c r="LM9" s="421"/>
      <c r="LN9" s="410">
        <v>0</v>
      </c>
      <c r="LO9" s="410">
        <v>510355</v>
      </c>
      <c r="LP9" s="410">
        <v>4205391</v>
      </c>
      <c r="LQ9" s="410">
        <v>6280209</v>
      </c>
      <c r="LR9" s="410">
        <v>2526149</v>
      </c>
      <c r="LS9" s="414">
        <v>13522104</v>
      </c>
      <c r="LT9" s="412">
        <v>13522104</v>
      </c>
      <c r="LU9" s="413">
        <v>0</v>
      </c>
      <c r="LV9" s="410">
        <v>0</v>
      </c>
      <c r="LW9" s="414">
        <v>0</v>
      </c>
      <c r="LX9" s="421"/>
      <c r="LY9" s="410">
        <v>2583869</v>
      </c>
      <c r="LZ9" s="410">
        <v>3405278</v>
      </c>
      <c r="MA9" s="410">
        <v>4403818</v>
      </c>
      <c r="MB9" s="410">
        <v>9133509</v>
      </c>
      <c r="MC9" s="410">
        <v>11845007</v>
      </c>
      <c r="MD9" s="414">
        <v>31371481</v>
      </c>
      <c r="ME9" s="416">
        <v>31371481</v>
      </c>
      <c r="MF9" s="413">
        <v>0</v>
      </c>
      <c r="MG9" s="410">
        <v>0</v>
      </c>
      <c r="MH9" s="414">
        <v>0</v>
      </c>
      <c r="MI9" s="421"/>
      <c r="MJ9" s="410">
        <v>24986709</v>
      </c>
      <c r="MK9" s="410">
        <v>58194717</v>
      </c>
      <c r="ML9" s="410">
        <v>174875150</v>
      </c>
      <c r="MM9" s="410">
        <v>270434045</v>
      </c>
      <c r="MN9" s="410">
        <v>160831347</v>
      </c>
      <c r="MO9" s="414">
        <v>689321968</v>
      </c>
      <c r="MP9" s="420">
        <v>689321968</v>
      </c>
      <c r="MQ9" s="413">
        <v>0</v>
      </c>
      <c r="MR9" s="410">
        <v>0</v>
      </c>
      <c r="MS9" s="414">
        <v>0</v>
      </c>
      <c r="MT9" s="421"/>
      <c r="MU9" s="410">
        <v>2708940</v>
      </c>
      <c r="MV9" s="410">
        <v>13073021</v>
      </c>
      <c r="MW9" s="410">
        <v>105223308</v>
      </c>
      <c r="MX9" s="410">
        <v>165579587</v>
      </c>
      <c r="MY9" s="410">
        <v>104495785</v>
      </c>
      <c r="MZ9" s="414">
        <v>391080641</v>
      </c>
      <c r="NA9" s="420">
        <v>391080641</v>
      </c>
      <c r="NB9" s="413">
        <v>0</v>
      </c>
      <c r="NC9" s="410">
        <v>0</v>
      </c>
      <c r="ND9" s="414">
        <v>0</v>
      </c>
      <c r="NE9" s="421"/>
      <c r="NF9" s="410">
        <v>22277769</v>
      </c>
      <c r="NG9" s="410">
        <v>44900100</v>
      </c>
      <c r="NH9" s="410">
        <v>68720841</v>
      </c>
      <c r="NI9" s="410">
        <v>97246674</v>
      </c>
      <c r="NJ9" s="410">
        <v>49029570</v>
      </c>
      <c r="NK9" s="414">
        <v>282174954</v>
      </c>
      <c r="NL9" s="412">
        <v>282174954</v>
      </c>
      <c r="NM9" s="413">
        <v>0</v>
      </c>
      <c r="NN9" s="410">
        <v>0</v>
      </c>
      <c r="NO9" s="414">
        <v>0</v>
      </c>
      <c r="NP9" s="421"/>
      <c r="NQ9" s="410">
        <v>0</v>
      </c>
      <c r="NR9" s="410">
        <v>0</v>
      </c>
      <c r="NS9" s="410">
        <v>305698</v>
      </c>
      <c r="NT9" s="410">
        <v>2465451</v>
      </c>
      <c r="NU9" s="410">
        <v>634346</v>
      </c>
      <c r="NV9" s="414">
        <v>3405495</v>
      </c>
      <c r="NW9" s="416">
        <v>3405495</v>
      </c>
      <c r="NX9" s="413">
        <v>0</v>
      </c>
      <c r="NY9" s="410">
        <v>0</v>
      </c>
      <c r="NZ9" s="414">
        <v>0</v>
      </c>
      <c r="OA9" s="421"/>
      <c r="OB9" s="410">
        <v>0</v>
      </c>
      <c r="OC9" s="410">
        <v>221596</v>
      </c>
      <c r="OD9" s="410">
        <v>625303</v>
      </c>
      <c r="OE9" s="410">
        <v>5142333</v>
      </c>
      <c r="OF9" s="410">
        <v>6671646</v>
      </c>
      <c r="OG9" s="414">
        <v>12660878</v>
      </c>
      <c r="OH9" s="416">
        <v>12660878</v>
      </c>
      <c r="OI9" s="413">
        <v>27118059</v>
      </c>
      <c r="OJ9" s="410">
        <v>46416539</v>
      </c>
      <c r="OK9" s="411">
        <v>73534598</v>
      </c>
      <c r="OL9" s="417">
        <v>0</v>
      </c>
      <c r="OM9" s="410">
        <v>388652812</v>
      </c>
      <c r="ON9" s="410">
        <v>534305666</v>
      </c>
      <c r="OO9" s="410">
        <v>626405878</v>
      </c>
      <c r="OP9" s="410">
        <v>663203846</v>
      </c>
      <c r="OQ9" s="410">
        <v>433594458</v>
      </c>
      <c r="OR9" s="414">
        <v>2646162660</v>
      </c>
      <c r="OS9" s="420">
        <v>2719697258</v>
      </c>
    </row>
    <row r="10" spans="1:409" s="465" customFormat="1" ht="21" customHeight="1" x14ac:dyDescent="0.2">
      <c r="A10" s="44"/>
      <c r="B10" s="466" t="s">
        <v>5</v>
      </c>
      <c r="C10" s="424">
        <v>11801031</v>
      </c>
      <c r="D10" s="425">
        <v>25101532</v>
      </c>
      <c r="E10" s="426">
        <v>36902563</v>
      </c>
      <c r="F10" s="427">
        <v>0</v>
      </c>
      <c r="G10" s="425">
        <v>107745701</v>
      </c>
      <c r="H10" s="425">
        <v>175910953</v>
      </c>
      <c r="I10" s="425">
        <v>158278376</v>
      </c>
      <c r="J10" s="425">
        <v>133580240</v>
      </c>
      <c r="K10" s="425">
        <v>96831618</v>
      </c>
      <c r="L10" s="427">
        <v>672346888</v>
      </c>
      <c r="M10" s="428">
        <v>709249451</v>
      </c>
      <c r="N10" s="424">
        <v>3405062</v>
      </c>
      <c r="O10" s="425">
        <v>8416232</v>
      </c>
      <c r="P10" s="426">
        <v>11821294</v>
      </c>
      <c r="Q10" s="424">
        <v>0</v>
      </c>
      <c r="R10" s="425">
        <v>35555672</v>
      </c>
      <c r="S10" s="425">
        <v>62897189</v>
      </c>
      <c r="T10" s="425">
        <v>52244626</v>
      </c>
      <c r="U10" s="425">
        <v>50799353</v>
      </c>
      <c r="V10" s="425">
        <v>45881380</v>
      </c>
      <c r="W10" s="426">
        <v>247378220</v>
      </c>
      <c r="X10" s="428">
        <v>259199514</v>
      </c>
      <c r="Y10" s="424">
        <v>0</v>
      </c>
      <c r="Z10" s="425">
        <v>0</v>
      </c>
      <c r="AA10" s="426">
        <v>0</v>
      </c>
      <c r="AB10" s="424">
        <v>0</v>
      </c>
      <c r="AC10" s="425">
        <v>15401155</v>
      </c>
      <c r="AD10" s="425">
        <v>24697249</v>
      </c>
      <c r="AE10" s="425">
        <v>24083151</v>
      </c>
      <c r="AF10" s="425">
        <v>24269913</v>
      </c>
      <c r="AG10" s="425">
        <v>24262656</v>
      </c>
      <c r="AH10" s="426">
        <v>112714124</v>
      </c>
      <c r="AI10" s="428">
        <v>112714124</v>
      </c>
      <c r="AJ10" s="424">
        <v>0</v>
      </c>
      <c r="AK10" s="425">
        <v>0</v>
      </c>
      <c r="AL10" s="426">
        <v>0</v>
      </c>
      <c r="AM10" s="424">
        <v>0</v>
      </c>
      <c r="AN10" s="425">
        <v>117352</v>
      </c>
      <c r="AO10" s="425">
        <v>668428</v>
      </c>
      <c r="AP10" s="425">
        <v>1220062</v>
      </c>
      <c r="AQ10" s="425">
        <v>3163419</v>
      </c>
      <c r="AR10" s="425">
        <v>5463300</v>
      </c>
      <c r="AS10" s="426">
        <v>10632561</v>
      </c>
      <c r="AT10" s="428">
        <v>10632561</v>
      </c>
      <c r="AU10" s="424">
        <v>1808952</v>
      </c>
      <c r="AV10" s="425">
        <v>5603134</v>
      </c>
      <c r="AW10" s="426">
        <v>7412086</v>
      </c>
      <c r="AX10" s="424">
        <v>0</v>
      </c>
      <c r="AY10" s="425">
        <v>13031852</v>
      </c>
      <c r="AZ10" s="425">
        <v>26921599</v>
      </c>
      <c r="BA10" s="425">
        <v>17971320</v>
      </c>
      <c r="BB10" s="425">
        <v>14780613</v>
      </c>
      <c r="BC10" s="425">
        <v>10178473</v>
      </c>
      <c r="BD10" s="426">
        <v>82883857</v>
      </c>
      <c r="BE10" s="428">
        <v>90295943</v>
      </c>
      <c r="BF10" s="424">
        <v>163630</v>
      </c>
      <c r="BG10" s="425">
        <v>772362</v>
      </c>
      <c r="BH10" s="429">
        <v>935992</v>
      </c>
      <c r="BI10" s="430">
        <v>0</v>
      </c>
      <c r="BJ10" s="425">
        <v>647041</v>
      </c>
      <c r="BK10" s="425">
        <v>1695889</v>
      </c>
      <c r="BL10" s="425">
        <v>1079525</v>
      </c>
      <c r="BM10" s="425">
        <v>970696</v>
      </c>
      <c r="BN10" s="425">
        <v>331303</v>
      </c>
      <c r="BO10" s="426">
        <v>4724454</v>
      </c>
      <c r="BP10" s="428">
        <v>5660446</v>
      </c>
      <c r="BQ10" s="424">
        <v>1432480</v>
      </c>
      <c r="BR10" s="425">
        <v>2040736</v>
      </c>
      <c r="BS10" s="426">
        <v>3473216</v>
      </c>
      <c r="BT10" s="424">
        <v>0</v>
      </c>
      <c r="BU10" s="425">
        <v>6358272</v>
      </c>
      <c r="BV10" s="425">
        <v>8914024</v>
      </c>
      <c r="BW10" s="425">
        <v>7890568</v>
      </c>
      <c r="BX10" s="425">
        <v>7614712</v>
      </c>
      <c r="BY10" s="425">
        <v>5645648</v>
      </c>
      <c r="BZ10" s="426">
        <v>36423224</v>
      </c>
      <c r="CA10" s="428">
        <v>39896440</v>
      </c>
      <c r="CB10" s="424">
        <v>1341911</v>
      </c>
      <c r="CC10" s="425">
        <v>3671811</v>
      </c>
      <c r="CD10" s="426">
        <v>5013722</v>
      </c>
      <c r="CE10" s="424">
        <v>0</v>
      </c>
      <c r="CF10" s="425">
        <v>32119027</v>
      </c>
      <c r="CG10" s="425">
        <v>48940841</v>
      </c>
      <c r="CH10" s="425">
        <v>34594270</v>
      </c>
      <c r="CI10" s="425">
        <v>21134458</v>
      </c>
      <c r="CJ10" s="425">
        <v>8523779</v>
      </c>
      <c r="CK10" s="426">
        <v>145312375</v>
      </c>
      <c r="CL10" s="428">
        <v>150326097</v>
      </c>
      <c r="CM10" s="424">
        <v>0</v>
      </c>
      <c r="CN10" s="425">
        <v>0</v>
      </c>
      <c r="CO10" s="426">
        <v>0</v>
      </c>
      <c r="CP10" s="430">
        <v>0</v>
      </c>
      <c r="CQ10" s="425">
        <v>26265993</v>
      </c>
      <c r="CR10" s="425">
        <v>36579553</v>
      </c>
      <c r="CS10" s="425">
        <v>23850059</v>
      </c>
      <c r="CT10" s="425">
        <v>13952190</v>
      </c>
      <c r="CU10" s="425">
        <v>6422353</v>
      </c>
      <c r="CV10" s="426">
        <v>107070148</v>
      </c>
      <c r="CW10" s="428">
        <v>107070148</v>
      </c>
      <c r="CX10" s="424">
        <v>1341911</v>
      </c>
      <c r="CY10" s="425">
        <v>3671811</v>
      </c>
      <c r="CZ10" s="426">
        <v>5013722</v>
      </c>
      <c r="DA10" s="424">
        <v>0</v>
      </c>
      <c r="DB10" s="425">
        <v>5853034</v>
      </c>
      <c r="DC10" s="425">
        <v>12361288</v>
      </c>
      <c r="DD10" s="425">
        <v>10744211</v>
      </c>
      <c r="DE10" s="425">
        <v>7182268</v>
      </c>
      <c r="DF10" s="425">
        <v>2101426</v>
      </c>
      <c r="DG10" s="426">
        <v>38242227</v>
      </c>
      <c r="DH10" s="428">
        <v>43255949</v>
      </c>
      <c r="DI10" s="424">
        <v>102373</v>
      </c>
      <c r="DJ10" s="425">
        <v>439429</v>
      </c>
      <c r="DK10" s="429">
        <v>541802</v>
      </c>
      <c r="DL10" s="430">
        <v>0</v>
      </c>
      <c r="DM10" s="425">
        <v>3721611</v>
      </c>
      <c r="DN10" s="425">
        <v>8520730</v>
      </c>
      <c r="DO10" s="425">
        <v>17470564</v>
      </c>
      <c r="DP10" s="425">
        <v>10933649</v>
      </c>
      <c r="DQ10" s="425">
        <v>6300302</v>
      </c>
      <c r="DR10" s="426">
        <v>46946856</v>
      </c>
      <c r="DS10" s="428">
        <v>47488658</v>
      </c>
      <c r="DT10" s="424">
        <v>102373</v>
      </c>
      <c r="DU10" s="425">
        <v>414053</v>
      </c>
      <c r="DV10" s="426">
        <v>516426</v>
      </c>
      <c r="DW10" s="424">
        <v>0</v>
      </c>
      <c r="DX10" s="425">
        <v>2965733</v>
      </c>
      <c r="DY10" s="425">
        <v>6552971</v>
      </c>
      <c r="DZ10" s="425">
        <v>14382658</v>
      </c>
      <c r="EA10" s="425">
        <v>8721104</v>
      </c>
      <c r="EB10" s="425">
        <v>4712217</v>
      </c>
      <c r="EC10" s="426">
        <v>37334683</v>
      </c>
      <c r="ED10" s="428">
        <v>37851109</v>
      </c>
      <c r="EE10" s="424">
        <v>0</v>
      </c>
      <c r="EF10" s="429">
        <v>25376</v>
      </c>
      <c r="EG10" s="426">
        <v>25376</v>
      </c>
      <c r="EH10" s="424">
        <v>0</v>
      </c>
      <c r="EI10" s="425">
        <v>755878</v>
      </c>
      <c r="EJ10" s="425">
        <v>1967759</v>
      </c>
      <c r="EK10" s="425">
        <v>3087906</v>
      </c>
      <c r="EL10" s="425">
        <v>2212545</v>
      </c>
      <c r="EM10" s="425">
        <v>1588085</v>
      </c>
      <c r="EN10" s="429">
        <v>9612173</v>
      </c>
      <c r="EO10" s="428">
        <v>9637549</v>
      </c>
      <c r="EP10" s="424">
        <v>0</v>
      </c>
      <c r="EQ10" s="425">
        <v>0</v>
      </c>
      <c r="ER10" s="429">
        <v>0</v>
      </c>
      <c r="ES10" s="430">
        <v>0</v>
      </c>
      <c r="ET10" s="425">
        <v>0</v>
      </c>
      <c r="EU10" s="425">
        <v>0</v>
      </c>
      <c r="EV10" s="425">
        <v>0</v>
      </c>
      <c r="EW10" s="425">
        <v>0</v>
      </c>
      <c r="EX10" s="425">
        <v>0</v>
      </c>
      <c r="EY10" s="426">
        <v>0</v>
      </c>
      <c r="EZ10" s="428">
        <v>0</v>
      </c>
      <c r="FA10" s="424">
        <v>0</v>
      </c>
      <c r="FB10" s="425">
        <v>0</v>
      </c>
      <c r="FC10" s="429">
        <v>0</v>
      </c>
      <c r="FD10" s="431"/>
      <c r="FE10" s="425">
        <v>0</v>
      </c>
      <c r="FF10" s="425">
        <v>0</v>
      </c>
      <c r="FG10" s="425">
        <v>0</v>
      </c>
      <c r="FH10" s="425">
        <v>0</v>
      </c>
      <c r="FI10" s="425">
        <v>0</v>
      </c>
      <c r="FJ10" s="426">
        <v>0</v>
      </c>
      <c r="FK10" s="428">
        <v>0</v>
      </c>
      <c r="FL10" s="424">
        <v>2714282</v>
      </c>
      <c r="FM10" s="425">
        <v>5501052</v>
      </c>
      <c r="FN10" s="426">
        <v>8215334</v>
      </c>
      <c r="FO10" s="424">
        <v>0</v>
      </c>
      <c r="FP10" s="425">
        <v>5011181</v>
      </c>
      <c r="FQ10" s="425">
        <v>17512017</v>
      </c>
      <c r="FR10" s="425">
        <v>12815796</v>
      </c>
      <c r="FS10" s="425">
        <v>10319767</v>
      </c>
      <c r="FT10" s="425">
        <v>6983864</v>
      </c>
      <c r="FU10" s="426">
        <v>52642625</v>
      </c>
      <c r="FV10" s="428">
        <v>60857959</v>
      </c>
      <c r="FW10" s="432">
        <v>888266</v>
      </c>
      <c r="FX10" s="425">
        <v>2880896</v>
      </c>
      <c r="FY10" s="429">
        <v>3769162</v>
      </c>
      <c r="FZ10" s="430">
        <v>0</v>
      </c>
      <c r="GA10" s="425">
        <v>3319216</v>
      </c>
      <c r="GB10" s="425">
        <v>15075814</v>
      </c>
      <c r="GC10" s="425">
        <v>11118360</v>
      </c>
      <c r="GD10" s="425">
        <v>9329504</v>
      </c>
      <c r="GE10" s="425">
        <v>6530752</v>
      </c>
      <c r="GF10" s="426">
        <v>45373646</v>
      </c>
      <c r="GG10" s="433">
        <v>49142808</v>
      </c>
      <c r="GH10" s="432">
        <v>245260</v>
      </c>
      <c r="GI10" s="425">
        <v>168848</v>
      </c>
      <c r="GJ10" s="429">
        <v>414108</v>
      </c>
      <c r="GK10" s="430">
        <v>0</v>
      </c>
      <c r="GL10" s="425">
        <v>233452</v>
      </c>
      <c r="GM10" s="425">
        <v>665847</v>
      </c>
      <c r="GN10" s="425">
        <v>286420</v>
      </c>
      <c r="GO10" s="425">
        <v>340695</v>
      </c>
      <c r="GP10" s="425">
        <v>94512</v>
      </c>
      <c r="GQ10" s="426">
        <v>1620926</v>
      </c>
      <c r="GR10" s="428">
        <v>2035034</v>
      </c>
      <c r="GS10" s="424">
        <v>1580756</v>
      </c>
      <c r="GT10" s="425">
        <v>2451308</v>
      </c>
      <c r="GU10" s="426">
        <v>4032064</v>
      </c>
      <c r="GV10" s="424">
        <v>0</v>
      </c>
      <c r="GW10" s="425">
        <v>1458513</v>
      </c>
      <c r="GX10" s="425">
        <v>1770356</v>
      </c>
      <c r="GY10" s="425">
        <v>1411016</v>
      </c>
      <c r="GZ10" s="425">
        <v>649568</v>
      </c>
      <c r="HA10" s="425">
        <v>358600</v>
      </c>
      <c r="HB10" s="429">
        <v>5648053</v>
      </c>
      <c r="HC10" s="428">
        <v>9680117</v>
      </c>
      <c r="HD10" s="424">
        <v>4237403</v>
      </c>
      <c r="HE10" s="425">
        <v>7073008</v>
      </c>
      <c r="HF10" s="429">
        <v>11310411</v>
      </c>
      <c r="HG10" s="430">
        <v>0</v>
      </c>
      <c r="HH10" s="425">
        <v>31338210</v>
      </c>
      <c r="HI10" s="425">
        <v>38040176</v>
      </c>
      <c r="HJ10" s="425">
        <v>41153120</v>
      </c>
      <c r="HK10" s="425">
        <v>40393013</v>
      </c>
      <c r="HL10" s="425">
        <v>29142293</v>
      </c>
      <c r="HM10" s="426">
        <v>180066812</v>
      </c>
      <c r="HN10" s="427">
        <v>191377223</v>
      </c>
      <c r="HO10" s="467"/>
      <c r="HP10" s="468"/>
      <c r="HQ10" s="469"/>
      <c r="HR10" s="470"/>
      <c r="HS10" s="468"/>
      <c r="HT10" s="468"/>
      <c r="HU10" s="468"/>
      <c r="HV10" s="468"/>
      <c r="HW10" s="468"/>
      <c r="HX10" s="471"/>
      <c r="HY10" s="472"/>
      <c r="HZ10" s="434">
        <v>182059</v>
      </c>
      <c r="IA10" s="435">
        <v>518800</v>
      </c>
      <c r="IB10" s="436">
        <v>700859</v>
      </c>
      <c r="IC10" s="437">
        <v>0</v>
      </c>
      <c r="ID10" s="438">
        <v>29555172</v>
      </c>
      <c r="IE10" s="439">
        <v>42664630</v>
      </c>
      <c r="IF10" s="440">
        <v>42064820</v>
      </c>
      <c r="IG10" s="438">
        <v>33412680</v>
      </c>
      <c r="IH10" s="440">
        <v>28329814</v>
      </c>
      <c r="II10" s="441">
        <v>176027116</v>
      </c>
      <c r="IJ10" s="442">
        <v>176727975</v>
      </c>
      <c r="IK10" s="443">
        <v>0</v>
      </c>
      <c r="IL10" s="444">
        <v>0</v>
      </c>
      <c r="IM10" s="445">
        <v>0</v>
      </c>
      <c r="IN10" s="446"/>
      <c r="IO10" s="447">
        <v>359295</v>
      </c>
      <c r="IP10" s="447">
        <v>1434305</v>
      </c>
      <c r="IQ10" s="447">
        <v>1950741</v>
      </c>
      <c r="IR10" s="447">
        <v>2582874</v>
      </c>
      <c r="IS10" s="447">
        <v>2006502</v>
      </c>
      <c r="IT10" s="448">
        <v>8333717</v>
      </c>
      <c r="IU10" s="449">
        <v>8333717</v>
      </c>
      <c r="IV10" s="450">
        <v>0</v>
      </c>
      <c r="IW10" s="447">
        <v>0</v>
      </c>
      <c r="IX10" s="451">
        <v>0</v>
      </c>
      <c r="IY10" s="452"/>
      <c r="IZ10" s="447">
        <v>125261</v>
      </c>
      <c r="JA10" s="447">
        <v>456701</v>
      </c>
      <c r="JB10" s="447">
        <v>540443</v>
      </c>
      <c r="JC10" s="447">
        <v>739754</v>
      </c>
      <c r="JD10" s="447">
        <v>619865</v>
      </c>
      <c r="JE10" s="451">
        <v>2482024</v>
      </c>
      <c r="JF10" s="453">
        <v>2482024</v>
      </c>
      <c r="JG10" s="450">
        <v>0</v>
      </c>
      <c r="JH10" s="447">
        <v>0</v>
      </c>
      <c r="JI10" s="448">
        <v>0</v>
      </c>
      <c r="JJ10" s="454">
        <v>0</v>
      </c>
      <c r="JK10" s="447">
        <v>14556214</v>
      </c>
      <c r="JL10" s="447">
        <v>17727465</v>
      </c>
      <c r="JM10" s="447">
        <v>12276222</v>
      </c>
      <c r="JN10" s="447">
        <v>7460441</v>
      </c>
      <c r="JO10" s="447">
        <v>5659149</v>
      </c>
      <c r="JP10" s="451">
        <v>57679491</v>
      </c>
      <c r="JQ10" s="449">
        <v>57679491</v>
      </c>
      <c r="JR10" s="450">
        <v>0</v>
      </c>
      <c r="JS10" s="447">
        <v>0</v>
      </c>
      <c r="JT10" s="448">
        <v>0</v>
      </c>
      <c r="JU10" s="454">
        <v>0</v>
      </c>
      <c r="JV10" s="447">
        <v>3185721</v>
      </c>
      <c r="JW10" s="447">
        <v>3163048</v>
      </c>
      <c r="JX10" s="447">
        <v>7531406</v>
      </c>
      <c r="JY10" s="447">
        <v>2334580</v>
      </c>
      <c r="JZ10" s="447">
        <v>1516311</v>
      </c>
      <c r="KA10" s="451">
        <v>17731066</v>
      </c>
      <c r="KB10" s="449">
        <v>17731066</v>
      </c>
      <c r="KC10" s="455">
        <v>182059</v>
      </c>
      <c r="KD10" s="456">
        <v>308843</v>
      </c>
      <c r="KE10" s="451">
        <v>490902</v>
      </c>
      <c r="KF10" s="454">
        <v>0</v>
      </c>
      <c r="KG10" s="447">
        <v>3188699</v>
      </c>
      <c r="KH10" s="447">
        <v>6071549</v>
      </c>
      <c r="KI10" s="447">
        <v>6651305</v>
      </c>
      <c r="KJ10" s="447">
        <v>4360629</v>
      </c>
      <c r="KK10" s="447">
        <v>3461842</v>
      </c>
      <c r="KL10" s="451">
        <v>23734024</v>
      </c>
      <c r="KM10" s="457">
        <v>24224926</v>
      </c>
      <c r="KN10" s="443">
        <v>0</v>
      </c>
      <c r="KO10" s="444">
        <v>209957</v>
      </c>
      <c r="KP10" s="445">
        <v>209957</v>
      </c>
      <c r="KQ10" s="446"/>
      <c r="KR10" s="447">
        <v>7619606</v>
      </c>
      <c r="KS10" s="447">
        <v>12966925</v>
      </c>
      <c r="KT10" s="447">
        <v>11303229</v>
      </c>
      <c r="KU10" s="447">
        <v>12807208</v>
      </c>
      <c r="KV10" s="447">
        <v>7440903</v>
      </c>
      <c r="KW10" s="451">
        <v>52137871</v>
      </c>
      <c r="KX10" s="449">
        <v>52347828</v>
      </c>
      <c r="KY10" s="450">
        <v>0</v>
      </c>
      <c r="KZ10" s="447">
        <v>0</v>
      </c>
      <c r="LA10" s="451">
        <v>0</v>
      </c>
      <c r="LB10" s="458"/>
      <c r="LC10" s="447">
        <v>0</v>
      </c>
      <c r="LD10" s="447">
        <v>0</v>
      </c>
      <c r="LE10" s="447">
        <v>0</v>
      </c>
      <c r="LF10" s="447">
        <v>0</v>
      </c>
      <c r="LG10" s="447">
        <v>0</v>
      </c>
      <c r="LH10" s="451">
        <v>0</v>
      </c>
      <c r="LI10" s="453">
        <v>0</v>
      </c>
      <c r="LJ10" s="450">
        <v>0</v>
      </c>
      <c r="LK10" s="447">
        <v>0</v>
      </c>
      <c r="LL10" s="451">
        <v>0</v>
      </c>
      <c r="LM10" s="458"/>
      <c r="LN10" s="447">
        <v>0</v>
      </c>
      <c r="LO10" s="447">
        <v>214331</v>
      </c>
      <c r="LP10" s="447">
        <v>814383</v>
      </c>
      <c r="LQ10" s="447">
        <v>1150982</v>
      </c>
      <c r="LR10" s="447">
        <v>610996</v>
      </c>
      <c r="LS10" s="451">
        <v>2790692</v>
      </c>
      <c r="LT10" s="449">
        <v>2790692</v>
      </c>
      <c r="LU10" s="450">
        <v>0</v>
      </c>
      <c r="LV10" s="447">
        <v>0</v>
      </c>
      <c r="LW10" s="451">
        <v>0</v>
      </c>
      <c r="LX10" s="458"/>
      <c r="LY10" s="447">
        <v>520376</v>
      </c>
      <c r="LZ10" s="447">
        <v>630306</v>
      </c>
      <c r="MA10" s="447">
        <v>997091</v>
      </c>
      <c r="MB10" s="447">
        <v>1976212</v>
      </c>
      <c r="MC10" s="447">
        <v>7014246</v>
      </c>
      <c r="MD10" s="451">
        <v>11138231</v>
      </c>
      <c r="ME10" s="453">
        <v>11138231</v>
      </c>
      <c r="MF10" s="450">
        <v>0</v>
      </c>
      <c r="MG10" s="447">
        <v>0</v>
      </c>
      <c r="MH10" s="451">
        <v>0</v>
      </c>
      <c r="MI10" s="458"/>
      <c r="MJ10" s="447">
        <v>11485500</v>
      </c>
      <c r="MK10" s="447">
        <v>32282008</v>
      </c>
      <c r="ML10" s="447">
        <v>86595933</v>
      </c>
      <c r="MM10" s="447">
        <v>119286452</v>
      </c>
      <c r="MN10" s="447">
        <v>76372666</v>
      </c>
      <c r="MO10" s="451">
        <v>326022559</v>
      </c>
      <c r="MP10" s="457">
        <v>326022559</v>
      </c>
      <c r="MQ10" s="450">
        <v>0</v>
      </c>
      <c r="MR10" s="447">
        <v>0</v>
      </c>
      <c r="MS10" s="451">
        <v>0</v>
      </c>
      <c r="MT10" s="458"/>
      <c r="MU10" s="447">
        <v>1877708</v>
      </c>
      <c r="MV10" s="447">
        <v>10347600</v>
      </c>
      <c r="MW10" s="447">
        <v>53801583</v>
      </c>
      <c r="MX10" s="447">
        <v>68136077</v>
      </c>
      <c r="MY10" s="447">
        <v>49778787</v>
      </c>
      <c r="MZ10" s="451">
        <v>183941755</v>
      </c>
      <c r="NA10" s="457">
        <v>183941755</v>
      </c>
      <c r="NB10" s="450">
        <v>0</v>
      </c>
      <c r="NC10" s="447">
        <v>0</v>
      </c>
      <c r="ND10" s="451">
        <v>0</v>
      </c>
      <c r="NE10" s="458"/>
      <c r="NF10" s="447">
        <v>9607792</v>
      </c>
      <c r="NG10" s="447">
        <v>21934408</v>
      </c>
      <c r="NH10" s="447">
        <v>32480932</v>
      </c>
      <c r="NI10" s="447">
        <v>48956725</v>
      </c>
      <c r="NJ10" s="447">
        <v>24250462</v>
      </c>
      <c r="NK10" s="451">
        <v>137230319</v>
      </c>
      <c r="NL10" s="449">
        <v>137230319</v>
      </c>
      <c r="NM10" s="450">
        <v>0</v>
      </c>
      <c r="NN10" s="447">
        <v>0</v>
      </c>
      <c r="NO10" s="451">
        <v>0</v>
      </c>
      <c r="NP10" s="458"/>
      <c r="NQ10" s="447">
        <v>0</v>
      </c>
      <c r="NR10" s="447">
        <v>0</v>
      </c>
      <c r="NS10" s="447">
        <v>0</v>
      </c>
      <c r="NT10" s="447">
        <v>1159452</v>
      </c>
      <c r="NU10" s="447">
        <v>333227</v>
      </c>
      <c r="NV10" s="451">
        <v>1492679</v>
      </c>
      <c r="NW10" s="453">
        <v>1492679</v>
      </c>
      <c r="NX10" s="450">
        <v>0</v>
      </c>
      <c r="NY10" s="447">
        <v>0</v>
      </c>
      <c r="NZ10" s="451">
        <v>0</v>
      </c>
      <c r="OA10" s="458"/>
      <c r="OB10" s="447">
        <v>0</v>
      </c>
      <c r="OC10" s="447">
        <v>0</v>
      </c>
      <c r="OD10" s="447">
        <v>313418</v>
      </c>
      <c r="OE10" s="447">
        <v>1034198</v>
      </c>
      <c r="OF10" s="447">
        <v>2010190</v>
      </c>
      <c r="OG10" s="451">
        <v>3357806</v>
      </c>
      <c r="OH10" s="453">
        <v>3357806</v>
      </c>
      <c r="OI10" s="450">
        <v>11983090</v>
      </c>
      <c r="OJ10" s="447">
        <v>25620332</v>
      </c>
      <c r="OK10" s="448">
        <v>37603422</v>
      </c>
      <c r="OL10" s="454">
        <v>0</v>
      </c>
      <c r="OM10" s="447">
        <v>148786373</v>
      </c>
      <c r="ON10" s="447">
        <v>250857591</v>
      </c>
      <c r="OO10" s="447">
        <v>286939129</v>
      </c>
      <c r="OP10" s="447">
        <v>286279372</v>
      </c>
      <c r="OQ10" s="447">
        <v>201534098</v>
      </c>
      <c r="OR10" s="451">
        <v>1174396563</v>
      </c>
      <c r="OS10" s="457">
        <v>1211999985</v>
      </c>
    </row>
    <row r="11" spans="1:409" ht="21" customHeight="1" x14ac:dyDescent="0.2">
      <c r="B11" s="126" t="s">
        <v>6</v>
      </c>
      <c r="C11" s="110">
        <v>3775420</v>
      </c>
      <c r="D11" s="114">
        <v>4669705</v>
      </c>
      <c r="E11" s="113">
        <v>8445125</v>
      </c>
      <c r="F11" s="109">
        <v>0</v>
      </c>
      <c r="G11" s="114">
        <v>39150548</v>
      </c>
      <c r="H11" s="114">
        <v>44080689</v>
      </c>
      <c r="I11" s="114">
        <v>40140732</v>
      </c>
      <c r="J11" s="114">
        <v>38954169</v>
      </c>
      <c r="K11" s="114">
        <v>28481103</v>
      </c>
      <c r="L11" s="109">
        <v>190807241</v>
      </c>
      <c r="M11" s="116">
        <v>199252366</v>
      </c>
      <c r="N11" s="110">
        <v>1038885</v>
      </c>
      <c r="O11" s="114">
        <v>1617444</v>
      </c>
      <c r="P11" s="113">
        <v>2656329</v>
      </c>
      <c r="Q11" s="110">
        <v>0</v>
      </c>
      <c r="R11" s="114">
        <v>12960628</v>
      </c>
      <c r="S11" s="114">
        <v>14608088</v>
      </c>
      <c r="T11" s="114">
        <v>13341389</v>
      </c>
      <c r="U11" s="114">
        <v>15185734</v>
      </c>
      <c r="V11" s="114">
        <v>14570621</v>
      </c>
      <c r="W11" s="113">
        <v>70666460</v>
      </c>
      <c r="X11" s="116">
        <v>73322789</v>
      </c>
      <c r="Y11" s="110">
        <v>0</v>
      </c>
      <c r="Z11" s="114">
        <v>0</v>
      </c>
      <c r="AA11" s="113">
        <v>0</v>
      </c>
      <c r="AB11" s="110">
        <v>0</v>
      </c>
      <c r="AC11" s="114">
        <v>5165150</v>
      </c>
      <c r="AD11" s="114">
        <v>5383023</v>
      </c>
      <c r="AE11" s="114">
        <v>6238731</v>
      </c>
      <c r="AF11" s="114">
        <v>7167374</v>
      </c>
      <c r="AG11" s="114">
        <v>7686457</v>
      </c>
      <c r="AH11" s="113">
        <v>31640735</v>
      </c>
      <c r="AI11" s="116">
        <v>31640735</v>
      </c>
      <c r="AJ11" s="110">
        <v>0</v>
      </c>
      <c r="AK11" s="114">
        <v>0</v>
      </c>
      <c r="AL11" s="113">
        <v>0</v>
      </c>
      <c r="AM11" s="110">
        <v>0</v>
      </c>
      <c r="AN11" s="114">
        <v>48598</v>
      </c>
      <c r="AO11" s="114">
        <v>120602</v>
      </c>
      <c r="AP11" s="114">
        <v>419949</v>
      </c>
      <c r="AQ11" s="114">
        <v>646514</v>
      </c>
      <c r="AR11" s="114">
        <v>1520369</v>
      </c>
      <c r="AS11" s="113">
        <v>2756032</v>
      </c>
      <c r="AT11" s="116">
        <v>2756032</v>
      </c>
      <c r="AU11" s="110">
        <v>533652</v>
      </c>
      <c r="AV11" s="114">
        <v>1140246</v>
      </c>
      <c r="AW11" s="113">
        <v>1673898</v>
      </c>
      <c r="AX11" s="110">
        <v>0</v>
      </c>
      <c r="AY11" s="114">
        <v>4652395</v>
      </c>
      <c r="AZ11" s="114">
        <v>6120458</v>
      </c>
      <c r="BA11" s="114">
        <v>3565111</v>
      </c>
      <c r="BB11" s="114">
        <v>4357524</v>
      </c>
      <c r="BC11" s="114">
        <v>3412558</v>
      </c>
      <c r="BD11" s="113">
        <v>22108046</v>
      </c>
      <c r="BE11" s="116">
        <v>23781944</v>
      </c>
      <c r="BF11" s="110">
        <v>44633</v>
      </c>
      <c r="BG11" s="114">
        <v>63086</v>
      </c>
      <c r="BH11" s="112">
        <v>107719</v>
      </c>
      <c r="BI11" s="111">
        <v>0</v>
      </c>
      <c r="BJ11" s="114">
        <v>382373</v>
      </c>
      <c r="BK11" s="114">
        <v>557477</v>
      </c>
      <c r="BL11" s="114">
        <v>172942</v>
      </c>
      <c r="BM11" s="114">
        <v>374264</v>
      </c>
      <c r="BN11" s="114">
        <v>95629</v>
      </c>
      <c r="BO11" s="113">
        <v>1582685</v>
      </c>
      <c r="BP11" s="116">
        <v>1690404</v>
      </c>
      <c r="BQ11" s="110">
        <v>460600</v>
      </c>
      <c r="BR11" s="114">
        <v>414112</v>
      </c>
      <c r="BS11" s="113">
        <v>874712</v>
      </c>
      <c r="BT11" s="110">
        <v>0</v>
      </c>
      <c r="BU11" s="114">
        <v>2712112</v>
      </c>
      <c r="BV11" s="114">
        <v>2426528</v>
      </c>
      <c r="BW11" s="114">
        <v>2944656</v>
      </c>
      <c r="BX11" s="114">
        <v>2640058</v>
      </c>
      <c r="BY11" s="114">
        <v>1855608</v>
      </c>
      <c r="BZ11" s="113">
        <v>12578962</v>
      </c>
      <c r="CA11" s="116">
        <v>13453674</v>
      </c>
      <c r="CB11" s="110">
        <v>241907</v>
      </c>
      <c r="CC11" s="114">
        <v>519800</v>
      </c>
      <c r="CD11" s="113">
        <v>761707</v>
      </c>
      <c r="CE11" s="110">
        <v>0</v>
      </c>
      <c r="CF11" s="114">
        <v>10685920</v>
      </c>
      <c r="CG11" s="114">
        <v>13334370</v>
      </c>
      <c r="CH11" s="114">
        <v>7870212</v>
      </c>
      <c r="CI11" s="114">
        <v>6597292</v>
      </c>
      <c r="CJ11" s="114">
        <v>2996797</v>
      </c>
      <c r="CK11" s="113">
        <v>41484591</v>
      </c>
      <c r="CL11" s="116">
        <v>42246298</v>
      </c>
      <c r="CM11" s="110">
        <v>0</v>
      </c>
      <c r="CN11" s="114">
        <v>0</v>
      </c>
      <c r="CO11" s="113">
        <v>0</v>
      </c>
      <c r="CP11" s="111">
        <v>0</v>
      </c>
      <c r="CQ11" s="114">
        <v>8830211</v>
      </c>
      <c r="CR11" s="114">
        <v>9385843</v>
      </c>
      <c r="CS11" s="114">
        <v>5621898</v>
      </c>
      <c r="CT11" s="114">
        <v>4950058</v>
      </c>
      <c r="CU11" s="114">
        <v>1766641</v>
      </c>
      <c r="CV11" s="113">
        <v>30554651</v>
      </c>
      <c r="CW11" s="116">
        <v>30554651</v>
      </c>
      <c r="CX11" s="110">
        <v>241907</v>
      </c>
      <c r="CY11" s="114">
        <v>519800</v>
      </c>
      <c r="CZ11" s="113">
        <v>761707</v>
      </c>
      <c r="DA11" s="110">
        <v>0</v>
      </c>
      <c r="DB11" s="114">
        <v>1855709</v>
      </c>
      <c r="DC11" s="114">
        <v>3948527</v>
      </c>
      <c r="DD11" s="114">
        <v>2248314</v>
      </c>
      <c r="DE11" s="114">
        <v>1647234</v>
      </c>
      <c r="DF11" s="114">
        <v>1230156</v>
      </c>
      <c r="DG11" s="113">
        <v>10929940</v>
      </c>
      <c r="DH11" s="116">
        <v>11691647</v>
      </c>
      <c r="DI11" s="110">
        <v>32700</v>
      </c>
      <c r="DJ11" s="114">
        <v>14840</v>
      </c>
      <c r="DK11" s="112">
        <v>47540</v>
      </c>
      <c r="DL11" s="111">
        <v>0</v>
      </c>
      <c r="DM11" s="114">
        <v>817699</v>
      </c>
      <c r="DN11" s="114">
        <v>1913606</v>
      </c>
      <c r="DO11" s="114">
        <v>2114680</v>
      </c>
      <c r="DP11" s="114">
        <v>2148007</v>
      </c>
      <c r="DQ11" s="114">
        <v>1140586</v>
      </c>
      <c r="DR11" s="113">
        <v>8134578</v>
      </c>
      <c r="DS11" s="116">
        <v>8182118</v>
      </c>
      <c r="DT11" s="110">
        <v>32700</v>
      </c>
      <c r="DU11" s="114">
        <v>14840</v>
      </c>
      <c r="DV11" s="113">
        <v>47540</v>
      </c>
      <c r="DW11" s="110">
        <v>0</v>
      </c>
      <c r="DX11" s="114">
        <v>688134</v>
      </c>
      <c r="DY11" s="114">
        <v>1419960</v>
      </c>
      <c r="DZ11" s="114">
        <v>1714871</v>
      </c>
      <c r="EA11" s="114">
        <v>1507909</v>
      </c>
      <c r="EB11" s="114">
        <v>807731</v>
      </c>
      <c r="EC11" s="113">
        <v>6138605</v>
      </c>
      <c r="ED11" s="116">
        <v>6186145</v>
      </c>
      <c r="EE11" s="110">
        <v>0</v>
      </c>
      <c r="EF11" s="112">
        <v>0</v>
      </c>
      <c r="EG11" s="113">
        <v>0</v>
      </c>
      <c r="EH11" s="110">
        <v>0</v>
      </c>
      <c r="EI11" s="114">
        <v>129565</v>
      </c>
      <c r="EJ11" s="114">
        <v>493646</v>
      </c>
      <c r="EK11" s="114">
        <v>399809</v>
      </c>
      <c r="EL11" s="114">
        <v>640098</v>
      </c>
      <c r="EM11" s="114">
        <v>332855</v>
      </c>
      <c r="EN11" s="112">
        <v>1995973</v>
      </c>
      <c r="EO11" s="116">
        <v>1995973</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5"/>
      <c r="FE11" s="114">
        <v>0</v>
      </c>
      <c r="FF11" s="114">
        <v>0</v>
      </c>
      <c r="FG11" s="114">
        <v>0</v>
      </c>
      <c r="FH11" s="114">
        <v>0</v>
      </c>
      <c r="FI11" s="114">
        <v>0</v>
      </c>
      <c r="FJ11" s="113">
        <v>0</v>
      </c>
      <c r="FK11" s="116">
        <v>0</v>
      </c>
      <c r="FL11" s="110">
        <v>585712</v>
      </c>
      <c r="FM11" s="114">
        <v>892024</v>
      </c>
      <c r="FN11" s="113">
        <v>1477736</v>
      </c>
      <c r="FO11" s="110">
        <v>0</v>
      </c>
      <c r="FP11" s="114">
        <v>1996588</v>
      </c>
      <c r="FQ11" s="114">
        <v>4096624</v>
      </c>
      <c r="FR11" s="114">
        <v>3499582</v>
      </c>
      <c r="FS11" s="114">
        <v>3583904</v>
      </c>
      <c r="FT11" s="114">
        <v>2260584</v>
      </c>
      <c r="FU11" s="113">
        <v>15437282</v>
      </c>
      <c r="FV11" s="116">
        <v>16915018</v>
      </c>
      <c r="FW11" s="115">
        <v>385680</v>
      </c>
      <c r="FX11" s="114">
        <v>728216</v>
      </c>
      <c r="FY11" s="112">
        <v>1113896</v>
      </c>
      <c r="FZ11" s="111">
        <v>0</v>
      </c>
      <c r="GA11" s="114">
        <v>1622896</v>
      </c>
      <c r="GB11" s="114">
        <v>3529160</v>
      </c>
      <c r="GC11" s="114">
        <v>3147294</v>
      </c>
      <c r="GD11" s="114">
        <v>3257280</v>
      </c>
      <c r="GE11" s="114">
        <v>2177864</v>
      </c>
      <c r="GF11" s="113">
        <v>13734494</v>
      </c>
      <c r="GG11" s="316">
        <v>14848390</v>
      </c>
      <c r="GH11" s="115">
        <v>76832</v>
      </c>
      <c r="GI11" s="114">
        <v>53408</v>
      </c>
      <c r="GJ11" s="112">
        <v>130240</v>
      </c>
      <c r="GK11" s="111">
        <v>0</v>
      </c>
      <c r="GL11" s="114">
        <v>65692</v>
      </c>
      <c r="GM11" s="114">
        <v>66848</v>
      </c>
      <c r="GN11" s="114">
        <v>145888</v>
      </c>
      <c r="GO11" s="114">
        <v>110624</v>
      </c>
      <c r="GP11" s="114">
        <v>82720</v>
      </c>
      <c r="GQ11" s="113">
        <v>471772</v>
      </c>
      <c r="GR11" s="116">
        <v>602012</v>
      </c>
      <c r="GS11" s="110">
        <v>123200</v>
      </c>
      <c r="GT11" s="114">
        <v>110400</v>
      </c>
      <c r="GU11" s="113">
        <v>233600</v>
      </c>
      <c r="GV11" s="110">
        <v>0</v>
      </c>
      <c r="GW11" s="114">
        <v>308000</v>
      </c>
      <c r="GX11" s="114">
        <v>500616</v>
      </c>
      <c r="GY11" s="114">
        <v>206400</v>
      </c>
      <c r="GZ11" s="114">
        <v>216000</v>
      </c>
      <c r="HA11" s="114">
        <v>0</v>
      </c>
      <c r="HB11" s="112">
        <v>1231016</v>
      </c>
      <c r="HC11" s="116">
        <v>1464616</v>
      </c>
      <c r="HD11" s="110">
        <v>1876216</v>
      </c>
      <c r="HE11" s="114">
        <v>1625597</v>
      </c>
      <c r="HF11" s="112">
        <v>3501813</v>
      </c>
      <c r="HG11" s="111">
        <v>0</v>
      </c>
      <c r="HH11" s="114">
        <v>12689713</v>
      </c>
      <c r="HI11" s="114">
        <v>10128001</v>
      </c>
      <c r="HJ11" s="114">
        <v>13314869</v>
      </c>
      <c r="HK11" s="114">
        <v>11439232</v>
      </c>
      <c r="HL11" s="114">
        <v>7512515</v>
      </c>
      <c r="HM11" s="113">
        <v>55084330</v>
      </c>
      <c r="HN11" s="109">
        <v>58586143</v>
      </c>
      <c r="HO11" s="326"/>
      <c r="HP11" s="327"/>
      <c r="HQ11" s="328"/>
      <c r="HR11" s="329"/>
      <c r="HS11" s="327"/>
      <c r="HT11" s="327"/>
      <c r="HU11" s="327"/>
      <c r="HV11" s="327"/>
      <c r="HW11" s="327"/>
      <c r="HX11" s="330"/>
      <c r="HY11" s="331"/>
      <c r="HZ11" s="131">
        <v>146520</v>
      </c>
      <c r="IA11" s="132">
        <v>0</v>
      </c>
      <c r="IB11" s="133">
        <v>146520</v>
      </c>
      <c r="IC11" s="146">
        <v>0</v>
      </c>
      <c r="ID11" s="132">
        <v>12798734</v>
      </c>
      <c r="IE11" s="147">
        <v>10115471</v>
      </c>
      <c r="IF11" s="133">
        <v>14096692</v>
      </c>
      <c r="IG11" s="132">
        <v>15836494</v>
      </c>
      <c r="IH11" s="133">
        <v>7707564</v>
      </c>
      <c r="II11" s="148">
        <v>60554955</v>
      </c>
      <c r="IJ11" s="139">
        <v>60701475</v>
      </c>
      <c r="IK11" s="232">
        <v>0</v>
      </c>
      <c r="IL11" s="236">
        <v>0</v>
      </c>
      <c r="IM11" s="237">
        <v>0</v>
      </c>
      <c r="IN11" s="140"/>
      <c r="IO11" s="119">
        <v>279208</v>
      </c>
      <c r="IP11" s="119">
        <v>340163</v>
      </c>
      <c r="IQ11" s="119">
        <v>1635174</v>
      </c>
      <c r="IR11" s="119">
        <v>995227</v>
      </c>
      <c r="IS11" s="119">
        <v>1670378</v>
      </c>
      <c r="IT11" s="141">
        <v>4920150</v>
      </c>
      <c r="IU11" s="318">
        <v>4920150</v>
      </c>
      <c r="IV11" s="142">
        <v>0</v>
      </c>
      <c r="IW11" s="119">
        <v>0</v>
      </c>
      <c r="IX11" s="120">
        <v>0</v>
      </c>
      <c r="IY11" s="144"/>
      <c r="IZ11" s="119">
        <v>52013</v>
      </c>
      <c r="JA11" s="119">
        <v>88396</v>
      </c>
      <c r="JB11" s="119">
        <v>218358</v>
      </c>
      <c r="JC11" s="119">
        <v>52796</v>
      </c>
      <c r="JD11" s="119">
        <v>86609</v>
      </c>
      <c r="JE11" s="120">
        <v>498172</v>
      </c>
      <c r="JF11" s="121">
        <v>498172</v>
      </c>
      <c r="JG11" s="142">
        <v>0</v>
      </c>
      <c r="JH11" s="119">
        <v>0</v>
      </c>
      <c r="JI11" s="141">
        <v>0</v>
      </c>
      <c r="JJ11" s="118">
        <v>0</v>
      </c>
      <c r="JK11" s="119">
        <v>3795173</v>
      </c>
      <c r="JL11" s="119">
        <v>2695774</v>
      </c>
      <c r="JM11" s="119">
        <v>1991657</v>
      </c>
      <c r="JN11" s="119">
        <v>1652357</v>
      </c>
      <c r="JO11" s="119">
        <v>355100</v>
      </c>
      <c r="JP11" s="120">
        <v>10490061</v>
      </c>
      <c r="JQ11" s="318">
        <v>10490061</v>
      </c>
      <c r="JR11" s="142">
        <v>0</v>
      </c>
      <c r="JS11" s="119">
        <v>0</v>
      </c>
      <c r="JT11" s="141">
        <v>0</v>
      </c>
      <c r="JU11" s="118">
        <v>0</v>
      </c>
      <c r="JV11" s="119">
        <v>1404361</v>
      </c>
      <c r="JW11" s="119">
        <v>1261580</v>
      </c>
      <c r="JX11" s="119">
        <v>841749</v>
      </c>
      <c r="JY11" s="119">
        <v>528251</v>
      </c>
      <c r="JZ11" s="119">
        <v>850445</v>
      </c>
      <c r="KA11" s="120">
        <v>4886386</v>
      </c>
      <c r="KB11" s="318">
        <v>4886386</v>
      </c>
      <c r="KC11" s="234">
        <v>146520</v>
      </c>
      <c r="KD11" s="230">
        <v>0</v>
      </c>
      <c r="KE11" s="120">
        <v>146520</v>
      </c>
      <c r="KF11" s="118">
        <v>0</v>
      </c>
      <c r="KG11" s="119">
        <v>1535732</v>
      </c>
      <c r="KH11" s="119">
        <v>975657</v>
      </c>
      <c r="KI11" s="119">
        <v>2430984</v>
      </c>
      <c r="KJ11" s="119">
        <v>2788743</v>
      </c>
      <c r="KK11" s="119">
        <v>583315</v>
      </c>
      <c r="KL11" s="120">
        <v>8314431</v>
      </c>
      <c r="KM11" s="143">
        <v>8460951</v>
      </c>
      <c r="KN11" s="232">
        <v>0</v>
      </c>
      <c r="KO11" s="236">
        <v>0</v>
      </c>
      <c r="KP11" s="237">
        <v>0</v>
      </c>
      <c r="KQ11" s="140"/>
      <c r="KR11" s="119">
        <v>4963147</v>
      </c>
      <c r="KS11" s="119">
        <v>4194950</v>
      </c>
      <c r="KT11" s="119">
        <v>4976791</v>
      </c>
      <c r="KU11" s="119">
        <v>6246531</v>
      </c>
      <c r="KV11" s="119">
        <v>2893261</v>
      </c>
      <c r="KW11" s="120">
        <v>23274680</v>
      </c>
      <c r="KX11" s="318">
        <v>23274680</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1981160</v>
      </c>
      <c r="LQ11" s="119">
        <v>1484115</v>
      </c>
      <c r="LR11" s="119">
        <v>566341</v>
      </c>
      <c r="LS11" s="120">
        <v>4031616</v>
      </c>
      <c r="LT11" s="318">
        <v>4031616</v>
      </c>
      <c r="LU11" s="142">
        <v>0</v>
      </c>
      <c r="LV11" s="119">
        <v>0</v>
      </c>
      <c r="LW11" s="120">
        <v>0</v>
      </c>
      <c r="LX11" s="145"/>
      <c r="LY11" s="119">
        <v>769100</v>
      </c>
      <c r="LZ11" s="119">
        <v>558951</v>
      </c>
      <c r="MA11" s="119">
        <v>20819</v>
      </c>
      <c r="MB11" s="119">
        <v>2088474</v>
      </c>
      <c r="MC11" s="119">
        <v>702115</v>
      </c>
      <c r="MD11" s="120">
        <v>4139459</v>
      </c>
      <c r="ME11" s="121">
        <v>4139459</v>
      </c>
      <c r="MF11" s="142">
        <v>0</v>
      </c>
      <c r="MG11" s="119">
        <v>0</v>
      </c>
      <c r="MH11" s="120">
        <v>0</v>
      </c>
      <c r="MI11" s="145"/>
      <c r="MJ11" s="119">
        <v>1855275</v>
      </c>
      <c r="MK11" s="119">
        <v>6165368</v>
      </c>
      <c r="ML11" s="119">
        <v>17961248</v>
      </c>
      <c r="MM11" s="119">
        <v>28804392</v>
      </c>
      <c r="MN11" s="119">
        <v>19767422</v>
      </c>
      <c r="MO11" s="120">
        <v>74553705</v>
      </c>
      <c r="MP11" s="143">
        <v>74553705</v>
      </c>
      <c r="MQ11" s="142">
        <v>0</v>
      </c>
      <c r="MR11" s="119">
        <v>0</v>
      </c>
      <c r="MS11" s="120">
        <v>0</v>
      </c>
      <c r="MT11" s="145"/>
      <c r="MU11" s="119">
        <v>192831</v>
      </c>
      <c r="MV11" s="119">
        <v>813901</v>
      </c>
      <c r="MW11" s="119">
        <v>10915547</v>
      </c>
      <c r="MX11" s="119">
        <v>15975646</v>
      </c>
      <c r="MY11" s="119">
        <v>11809944</v>
      </c>
      <c r="MZ11" s="120">
        <v>39707869</v>
      </c>
      <c r="NA11" s="143">
        <v>39707869</v>
      </c>
      <c r="NB11" s="142">
        <v>0</v>
      </c>
      <c r="NC11" s="119">
        <v>0</v>
      </c>
      <c r="ND11" s="120">
        <v>0</v>
      </c>
      <c r="NE11" s="145"/>
      <c r="NF11" s="119">
        <v>1662444</v>
      </c>
      <c r="NG11" s="119">
        <v>5351467</v>
      </c>
      <c r="NH11" s="119">
        <v>6740003</v>
      </c>
      <c r="NI11" s="119">
        <v>10138833</v>
      </c>
      <c r="NJ11" s="119">
        <v>6716594</v>
      </c>
      <c r="NK11" s="120">
        <v>30609341</v>
      </c>
      <c r="NL11" s="318">
        <v>30609341</v>
      </c>
      <c r="NM11" s="142">
        <v>0</v>
      </c>
      <c r="NN11" s="119">
        <v>0</v>
      </c>
      <c r="NO11" s="120">
        <v>0</v>
      </c>
      <c r="NP11" s="145"/>
      <c r="NQ11" s="119">
        <v>0</v>
      </c>
      <c r="NR11" s="119">
        <v>0</v>
      </c>
      <c r="NS11" s="119">
        <v>305698</v>
      </c>
      <c r="NT11" s="119">
        <v>1305999</v>
      </c>
      <c r="NU11" s="119">
        <v>0</v>
      </c>
      <c r="NV11" s="120">
        <v>1611697</v>
      </c>
      <c r="NW11" s="121">
        <v>1611697</v>
      </c>
      <c r="NX11" s="142">
        <v>0</v>
      </c>
      <c r="NY11" s="119">
        <v>0</v>
      </c>
      <c r="NZ11" s="120">
        <v>0</v>
      </c>
      <c r="OA11" s="145"/>
      <c r="OB11" s="119">
        <v>0</v>
      </c>
      <c r="OC11" s="119">
        <v>0</v>
      </c>
      <c r="OD11" s="119">
        <v>0</v>
      </c>
      <c r="OE11" s="119">
        <v>1383914</v>
      </c>
      <c r="OF11" s="119">
        <v>1240884</v>
      </c>
      <c r="OG11" s="120">
        <v>2624798</v>
      </c>
      <c r="OH11" s="121">
        <v>2624798</v>
      </c>
      <c r="OI11" s="142">
        <v>3921940</v>
      </c>
      <c r="OJ11" s="119">
        <v>4669705</v>
      </c>
      <c r="OK11" s="141">
        <v>8591645</v>
      </c>
      <c r="OL11" s="118">
        <v>0</v>
      </c>
      <c r="OM11" s="119">
        <v>53804557</v>
      </c>
      <c r="ON11" s="119">
        <v>60361528</v>
      </c>
      <c r="OO11" s="119">
        <v>72198672</v>
      </c>
      <c r="OP11" s="119">
        <v>83595055</v>
      </c>
      <c r="OQ11" s="119">
        <v>55956089</v>
      </c>
      <c r="OR11" s="120">
        <v>325915901</v>
      </c>
      <c r="OS11" s="143">
        <v>334507546</v>
      </c>
    </row>
    <row r="12" spans="1:409" ht="21" customHeight="1" x14ac:dyDescent="0.2">
      <c r="B12" s="126" t="s">
        <v>14</v>
      </c>
      <c r="C12" s="110">
        <v>1446160</v>
      </c>
      <c r="D12" s="114">
        <v>2947320</v>
      </c>
      <c r="E12" s="113">
        <v>4393480</v>
      </c>
      <c r="F12" s="109">
        <v>0</v>
      </c>
      <c r="G12" s="114">
        <v>17369306</v>
      </c>
      <c r="H12" s="114">
        <v>27481360</v>
      </c>
      <c r="I12" s="114">
        <v>26821362</v>
      </c>
      <c r="J12" s="114">
        <v>18912094</v>
      </c>
      <c r="K12" s="114">
        <v>11355758</v>
      </c>
      <c r="L12" s="112">
        <v>101939880</v>
      </c>
      <c r="M12" s="116">
        <v>106333360</v>
      </c>
      <c r="N12" s="110">
        <v>290384</v>
      </c>
      <c r="O12" s="114">
        <v>810398</v>
      </c>
      <c r="P12" s="113">
        <v>1100782</v>
      </c>
      <c r="Q12" s="110">
        <v>0</v>
      </c>
      <c r="R12" s="114">
        <v>4626321</v>
      </c>
      <c r="S12" s="114">
        <v>9017129</v>
      </c>
      <c r="T12" s="114">
        <v>7589699</v>
      </c>
      <c r="U12" s="114">
        <v>6356867</v>
      </c>
      <c r="V12" s="114">
        <v>6118924</v>
      </c>
      <c r="W12" s="113">
        <v>33708940</v>
      </c>
      <c r="X12" s="116">
        <v>34809722</v>
      </c>
      <c r="Y12" s="110">
        <v>0</v>
      </c>
      <c r="Z12" s="114">
        <v>0</v>
      </c>
      <c r="AA12" s="113">
        <v>0</v>
      </c>
      <c r="AB12" s="110">
        <v>0</v>
      </c>
      <c r="AC12" s="114">
        <v>2060050</v>
      </c>
      <c r="AD12" s="114">
        <v>4139173</v>
      </c>
      <c r="AE12" s="114">
        <v>3690939</v>
      </c>
      <c r="AF12" s="114">
        <v>3633024</v>
      </c>
      <c r="AG12" s="114">
        <v>3490736</v>
      </c>
      <c r="AH12" s="113">
        <v>17013922</v>
      </c>
      <c r="AI12" s="116">
        <v>17013922</v>
      </c>
      <c r="AJ12" s="110">
        <v>0</v>
      </c>
      <c r="AK12" s="114">
        <v>17898</v>
      </c>
      <c r="AL12" s="113">
        <v>17898</v>
      </c>
      <c r="AM12" s="110">
        <v>0</v>
      </c>
      <c r="AN12" s="114">
        <v>0</v>
      </c>
      <c r="AO12" s="114">
        <v>46195</v>
      </c>
      <c r="AP12" s="114">
        <v>0</v>
      </c>
      <c r="AQ12" s="114">
        <v>234184</v>
      </c>
      <c r="AR12" s="114">
        <v>551099</v>
      </c>
      <c r="AS12" s="113">
        <v>831478</v>
      </c>
      <c r="AT12" s="116">
        <v>849376</v>
      </c>
      <c r="AU12" s="110">
        <v>106368</v>
      </c>
      <c r="AV12" s="114">
        <v>494604</v>
      </c>
      <c r="AW12" s="113">
        <v>600972</v>
      </c>
      <c r="AX12" s="110">
        <v>0</v>
      </c>
      <c r="AY12" s="114">
        <v>1486226</v>
      </c>
      <c r="AZ12" s="114">
        <v>3379328</v>
      </c>
      <c r="BA12" s="114">
        <v>2394275</v>
      </c>
      <c r="BB12" s="114">
        <v>1301187</v>
      </c>
      <c r="BC12" s="114">
        <v>1437585</v>
      </c>
      <c r="BD12" s="113">
        <v>9998601</v>
      </c>
      <c r="BE12" s="116">
        <v>10599573</v>
      </c>
      <c r="BF12" s="110">
        <v>0</v>
      </c>
      <c r="BG12" s="114">
        <v>88688</v>
      </c>
      <c r="BH12" s="112">
        <v>88688</v>
      </c>
      <c r="BI12" s="111">
        <v>0</v>
      </c>
      <c r="BJ12" s="114">
        <v>75061</v>
      </c>
      <c r="BK12" s="114">
        <v>21353</v>
      </c>
      <c r="BL12" s="114">
        <v>50341</v>
      </c>
      <c r="BM12" s="114">
        <v>194384</v>
      </c>
      <c r="BN12" s="114">
        <v>0</v>
      </c>
      <c r="BO12" s="113">
        <v>341139</v>
      </c>
      <c r="BP12" s="116">
        <v>429827</v>
      </c>
      <c r="BQ12" s="110">
        <v>184016</v>
      </c>
      <c r="BR12" s="114">
        <v>209208</v>
      </c>
      <c r="BS12" s="113">
        <v>393224</v>
      </c>
      <c r="BT12" s="110">
        <v>0</v>
      </c>
      <c r="BU12" s="114">
        <v>1004984</v>
      </c>
      <c r="BV12" s="114">
        <v>1431080</v>
      </c>
      <c r="BW12" s="114">
        <v>1454144</v>
      </c>
      <c r="BX12" s="114">
        <v>994088</v>
      </c>
      <c r="BY12" s="114">
        <v>639504</v>
      </c>
      <c r="BZ12" s="113">
        <v>5523800</v>
      </c>
      <c r="CA12" s="116">
        <v>5917024</v>
      </c>
      <c r="CB12" s="110">
        <v>168523</v>
      </c>
      <c r="CC12" s="114">
        <v>395672</v>
      </c>
      <c r="CD12" s="113">
        <v>564195</v>
      </c>
      <c r="CE12" s="110">
        <v>0</v>
      </c>
      <c r="CF12" s="114">
        <v>6362609</v>
      </c>
      <c r="CG12" s="114">
        <v>9307935</v>
      </c>
      <c r="CH12" s="114">
        <v>7741713</v>
      </c>
      <c r="CI12" s="114">
        <v>4098826</v>
      </c>
      <c r="CJ12" s="114">
        <v>1134921</v>
      </c>
      <c r="CK12" s="113">
        <v>28646004</v>
      </c>
      <c r="CL12" s="116">
        <v>29210199</v>
      </c>
      <c r="CM12" s="110">
        <v>0</v>
      </c>
      <c r="CN12" s="114">
        <v>0</v>
      </c>
      <c r="CO12" s="113">
        <v>0</v>
      </c>
      <c r="CP12" s="111">
        <v>0</v>
      </c>
      <c r="CQ12" s="114">
        <v>5649603</v>
      </c>
      <c r="CR12" s="114">
        <v>7417218</v>
      </c>
      <c r="CS12" s="114">
        <v>6912802</v>
      </c>
      <c r="CT12" s="114">
        <v>3230037</v>
      </c>
      <c r="CU12" s="114">
        <v>1134921</v>
      </c>
      <c r="CV12" s="113">
        <v>24344581</v>
      </c>
      <c r="CW12" s="116">
        <v>24344581</v>
      </c>
      <c r="CX12" s="110">
        <v>168523</v>
      </c>
      <c r="CY12" s="114">
        <v>395672</v>
      </c>
      <c r="CZ12" s="113">
        <v>564195</v>
      </c>
      <c r="DA12" s="110">
        <v>0</v>
      </c>
      <c r="DB12" s="114">
        <v>713006</v>
      </c>
      <c r="DC12" s="114">
        <v>1890717</v>
      </c>
      <c r="DD12" s="114">
        <v>828911</v>
      </c>
      <c r="DE12" s="114">
        <v>868789</v>
      </c>
      <c r="DF12" s="114">
        <v>0</v>
      </c>
      <c r="DG12" s="113">
        <v>4301423</v>
      </c>
      <c r="DH12" s="116">
        <v>4865618</v>
      </c>
      <c r="DI12" s="110">
        <v>0</v>
      </c>
      <c r="DJ12" s="114">
        <v>57180</v>
      </c>
      <c r="DK12" s="112">
        <v>57180</v>
      </c>
      <c r="DL12" s="111">
        <v>0</v>
      </c>
      <c r="DM12" s="114">
        <v>428448</v>
      </c>
      <c r="DN12" s="114">
        <v>1335624</v>
      </c>
      <c r="DO12" s="114">
        <v>2939739</v>
      </c>
      <c r="DP12" s="114">
        <v>2039483</v>
      </c>
      <c r="DQ12" s="114">
        <v>338992</v>
      </c>
      <c r="DR12" s="113">
        <v>7082286</v>
      </c>
      <c r="DS12" s="116">
        <v>7139466</v>
      </c>
      <c r="DT12" s="110">
        <v>0</v>
      </c>
      <c r="DU12" s="114">
        <v>57180</v>
      </c>
      <c r="DV12" s="113">
        <v>57180</v>
      </c>
      <c r="DW12" s="110">
        <v>0</v>
      </c>
      <c r="DX12" s="114">
        <v>428448</v>
      </c>
      <c r="DY12" s="114">
        <v>1019535</v>
      </c>
      <c r="DZ12" s="114">
        <v>2904679</v>
      </c>
      <c r="EA12" s="114">
        <v>2003665</v>
      </c>
      <c r="EB12" s="114">
        <v>314987</v>
      </c>
      <c r="EC12" s="113">
        <v>6671314</v>
      </c>
      <c r="ED12" s="116">
        <v>6728494</v>
      </c>
      <c r="EE12" s="110">
        <v>0</v>
      </c>
      <c r="EF12" s="112">
        <v>0</v>
      </c>
      <c r="EG12" s="113">
        <v>0</v>
      </c>
      <c r="EH12" s="110">
        <v>0</v>
      </c>
      <c r="EI12" s="114">
        <v>0</v>
      </c>
      <c r="EJ12" s="114">
        <v>316089</v>
      </c>
      <c r="EK12" s="114">
        <v>35060</v>
      </c>
      <c r="EL12" s="114">
        <v>35818</v>
      </c>
      <c r="EM12" s="114">
        <v>24005</v>
      </c>
      <c r="EN12" s="112">
        <v>410972</v>
      </c>
      <c r="EO12" s="116">
        <v>410972</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5"/>
      <c r="FE12" s="114">
        <v>0</v>
      </c>
      <c r="FF12" s="114">
        <v>0</v>
      </c>
      <c r="FG12" s="114">
        <v>0</v>
      </c>
      <c r="FH12" s="114">
        <v>0</v>
      </c>
      <c r="FI12" s="114">
        <v>0</v>
      </c>
      <c r="FJ12" s="113">
        <v>0</v>
      </c>
      <c r="FK12" s="116">
        <v>0</v>
      </c>
      <c r="FL12" s="110">
        <v>435332</v>
      </c>
      <c r="FM12" s="114">
        <v>969800</v>
      </c>
      <c r="FN12" s="113">
        <v>1405132</v>
      </c>
      <c r="FO12" s="110">
        <v>0</v>
      </c>
      <c r="FP12" s="114">
        <v>1039896</v>
      </c>
      <c r="FQ12" s="114">
        <v>3251412</v>
      </c>
      <c r="FR12" s="114">
        <v>2374648</v>
      </c>
      <c r="FS12" s="114">
        <v>1576089</v>
      </c>
      <c r="FT12" s="114">
        <v>1318400</v>
      </c>
      <c r="FU12" s="113">
        <v>9560445</v>
      </c>
      <c r="FV12" s="116">
        <v>10965577</v>
      </c>
      <c r="FW12" s="115">
        <v>115536</v>
      </c>
      <c r="FX12" s="114">
        <v>789664</v>
      </c>
      <c r="FY12" s="112">
        <v>905200</v>
      </c>
      <c r="FZ12" s="111">
        <v>0</v>
      </c>
      <c r="GA12" s="114">
        <v>724296</v>
      </c>
      <c r="GB12" s="114">
        <v>2784712</v>
      </c>
      <c r="GC12" s="114">
        <v>1993928</v>
      </c>
      <c r="GD12" s="114">
        <v>1506640</v>
      </c>
      <c r="GE12" s="114">
        <v>1060352</v>
      </c>
      <c r="GF12" s="113">
        <v>8069928</v>
      </c>
      <c r="GG12" s="316">
        <v>8975128</v>
      </c>
      <c r="GH12" s="115">
        <v>30360</v>
      </c>
      <c r="GI12" s="114">
        <v>39336</v>
      </c>
      <c r="GJ12" s="112">
        <v>69696</v>
      </c>
      <c r="GK12" s="111">
        <v>0</v>
      </c>
      <c r="GL12" s="114">
        <v>48400</v>
      </c>
      <c r="GM12" s="114">
        <v>71940</v>
      </c>
      <c r="GN12" s="114">
        <v>142480</v>
      </c>
      <c r="GO12" s="114">
        <v>69449</v>
      </c>
      <c r="GP12" s="114">
        <v>26048</v>
      </c>
      <c r="GQ12" s="113">
        <v>358317</v>
      </c>
      <c r="GR12" s="116">
        <v>428013</v>
      </c>
      <c r="GS12" s="110">
        <v>289436</v>
      </c>
      <c r="GT12" s="114">
        <v>140800</v>
      </c>
      <c r="GU12" s="113">
        <v>430236</v>
      </c>
      <c r="GV12" s="110">
        <v>0</v>
      </c>
      <c r="GW12" s="114">
        <v>267200</v>
      </c>
      <c r="GX12" s="114">
        <v>394760</v>
      </c>
      <c r="GY12" s="114">
        <v>238240</v>
      </c>
      <c r="GZ12" s="114">
        <v>0</v>
      </c>
      <c r="HA12" s="114">
        <v>232000</v>
      </c>
      <c r="HB12" s="112">
        <v>1132200</v>
      </c>
      <c r="HC12" s="116">
        <v>1562436</v>
      </c>
      <c r="HD12" s="110">
        <v>551921</v>
      </c>
      <c r="HE12" s="114">
        <v>714270</v>
      </c>
      <c r="HF12" s="112">
        <v>1266191</v>
      </c>
      <c r="HG12" s="111">
        <v>0</v>
      </c>
      <c r="HH12" s="114">
        <v>4912032</v>
      </c>
      <c r="HI12" s="114">
        <v>4569260</v>
      </c>
      <c r="HJ12" s="114">
        <v>6175563</v>
      </c>
      <c r="HK12" s="114">
        <v>4840829</v>
      </c>
      <c r="HL12" s="114">
        <v>2444521</v>
      </c>
      <c r="HM12" s="113">
        <v>22942205</v>
      </c>
      <c r="HN12" s="109">
        <v>24208396</v>
      </c>
      <c r="HO12" s="326"/>
      <c r="HP12" s="327"/>
      <c r="HQ12" s="328"/>
      <c r="HR12" s="329"/>
      <c r="HS12" s="327"/>
      <c r="HT12" s="327"/>
      <c r="HU12" s="327"/>
      <c r="HV12" s="327"/>
      <c r="HW12" s="327"/>
      <c r="HX12" s="330"/>
      <c r="HY12" s="331"/>
      <c r="HZ12" s="131">
        <v>82720</v>
      </c>
      <c r="IA12" s="132">
        <v>77050</v>
      </c>
      <c r="IB12" s="133">
        <v>159770</v>
      </c>
      <c r="IC12" s="134">
        <v>0</v>
      </c>
      <c r="ID12" s="135">
        <v>5209007</v>
      </c>
      <c r="IE12" s="136">
        <v>8087145</v>
      </c>
      <c r="IF12" s="137">
        <v>7989137</v>
      </c>
      <c r="IG12" s="135">
        <v>5744704</v>
      </c>
      <c r="IH12" s="137">
        <v>4244153</v>
      </c>
      <c r="II12" s="138">
        <v>31274146</v>
      </c>
      <c r="IJ12" s="139">
        <v>31433916</v>
      </c>
      <c r="IK12" s="232">
        <v>0</v>
      </c>
      <c r="IL12" s="236">
        <v>0</v>
      </c>
      <c r="IM12" s="237">
        <v>0</v>
      </c>
      <c r="IN12" s="140"/>
      <c r="IO12" s="119">
        <v>131085</v>
      </c>
      <c r="IP12" s="119">
        <v>216703</v>
      </c>
      <c r="IQ12" s="119">
        <v>316127</v>
      </c>
      <c r="IR12" s="119">
        <v>73824</v>
      </c>
      <c r="IS12" s="119">
        <v>37254</v>
      </c>
      <c r="IT12" s="141">
        <v>774993</v>
      </c>
      <c r="IU12" s="318">
        <v>774993</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679897</v>
      </c>
      <c r="JL12" s="119">
        <v>3299908</v>
      </c>
      <c r="JM12" s="119">
        <v>3107696</v>
      </c>
      <c r="JN12" s="119">
        <v>931317</v>
      </c>
      <c r="JO12" s="119">
        <v>866121</v>
      </c>
      <c r="JP12" s="120">
        <v>10884939</v>
      </c>
      <c r="JQ12" s="318">
        <v>10884939</v>
      </c>
      <c r="JR12" s="142">
        <v>0</v>
      </c>
      <c r="JS12" s="119">
        <v>0</v>
      </c>
      <c r="JT12" s="141">
        <v>0</v>
      </c>
      <c r="JU12" s="118">
        <v>0</v>
      </c>
      <c r="JV12" s="119">
        <v>157673</v>
      </c>
      <c r="JW12" s="119">
        <v>288457</v>
      </c>
      <c r="JX12" s="119">
        <v>74636</v>
      </c>
      <c r="JY12" s="119">
        <v>0</v>
      </c>
      <c r="JZ12" s="119">
        <v>46639</v>
      </c>
      <c r="KA12" s="120">
        <v>567405</v>
      </c>
      <c r="KB12" s="318">
        <v>567405</v>
      </c>
      <c r="KC12" s="234">
        <v>82720</v>
      </c>
      <c r="KD12" s="230">
        <v>77050</v>
      </c>
      <c r="KE12" s="120">
        <v>159770</v>
      </c>
      <c r="KF12" s="118">
        <v>0</v>
      </c>
      <c r="KG12" s="119">
        <v>937972</v>
      </c>
      <c r="KH12" s="119">
        <v>1002820</v>
      </c>
      <c r="KI12" s="119">
        <v>933599</v>
      </c>
      <c r="KJ12" s="119">
        <v>750667</v>
      </c>
      <c r="KK12" s="119">
        <v>1310945</v>
      </c>
      <c r="KL12" s="120">
        <v>4936003</v>
      </c>
      <c r="KM12" s="143">
        <v>5095773</v>
      </c>
      <c r="KN12" s="232">
        <v>0</v>
      </c>
      <c r="KO12" s="236">
        <v>0</v>
      </c>
      <c r="KP12" s="237">
        <v>0</v>
      </c>
      <c r="KQ12" s="140"/>
      <c r="KR12" s="119">
        <v>1159852</v>
      </c>
      <c r="KS12" s="119">
        <v>2665313</v>
      </c>
      <c r="KT12" s="119">
        <v>3030191</v>
      </c>
      <c r="KU12" s="119">
        <v>2617451</v>
      </c>
      <c r="KV12" s="119">
        <v>1567199</v>
      </c>
      <c r="KW12" s="120">
        <v>11040006</v>
      </c>
      <c r="KX12" s="318">
        <v>11040006</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526888</v>
      </c>
      <c r="LQ12" s="119">
        <v>524165</v>
      </c>
      <c r="LR12" s="119">
        <v>0</v>
      </c>
      <c r="LS12" s="120">
        <v>1051053</v>
      </c>
      <c r="LT12" s="318">
        <v>1051053</v>
      </c>
      <c r="LU12" s="142">
        <v>0</v>
      </c>
      <c r="LV12" s="119">
        <v>0</v>
      </c>
      <c r="LW12" s="120">
        <v>0</v>
      </c>
      <c r="LX12" s="145"/>
      <c r="LY12" s="119">
        <v>142528</v>
      </c>
      <c r="LZ12" s="119">
        <v>613944</v>
      </c>
      <c r="MA12" s="119">
        <v>0</v>
      </c>
      <c r="MB12" s="119">
        <v>847280</v>
      </c>
      <c r="MC12" s="119">
        <v>415995</v>
      </c>
      <c r="MD12" s="120">
        <v>2019747</v>
      </c>
      <c r="ME12" s="121">
        <v>2019747</v>
      </c>
      <c r="MF12" s="142">
        <v>0</v>
      </c>
      <c r="MG12" s="119">
        <v>0</v>
      </c>
      <c r="MH12" s="120">
        <v>0</v>
      </c>
      <c r="MI12" s="145"/>
      <c r="MJ12" s="119">
        <v>219518</v>
      </c>
      <c r="MK12" s="119">
        <v>2217230</v>
      </c>
      <c r="ML12" s="119">
        <v>13057757</v>
      </c>
      <c r="MM12" s="119">
        <v>19102634</v>
      </c>
      <c r="MN12" s="119">
        <v>11398853</v>
      </c>
      <c r="MO12" s="120">
        <v>45995992</v>
      </c>
      <c r="MP12" s="143">
        <v>45995992</v>
      </c>
      <c r="MQ12" s="142">
        <v>0</v>
      </c>
      <c r="MR12" s="119">
        <v>0</v>
      </c>
      <c r="MS12" s="120">
        <v>0</v>
      </c>
      <c r="MT12" s="145"/>
      <c r="MU12" s="119">
        <v>219518</v>
      </c>
      <c r="MV12" s="119">
        <v>0</v>
      </c>
      <c r="MW12" s="119">
        <v>9211765</v>
      </c>
      <c r="MX12" s="119">
        <v>13566791</v>
      </c>
      <c r="MY12" s="119">
        <v>7683626</v>
      </c>
      <c r="MZ12" s="120">
        <v>30681700</v>
      </c>
      <c r="NA12" s="143">
        <v>30681700</v>
      </c>
      <c r="NB12" s="142">
        <v>0</v>
      </c>
      <c r="NC12" s="119">
        <v>0</v>
      </c>
      <c r="ND12" s="120">
        <v>0</v>
      </c>
      <c r="NE12" s="145"/>
      <c r="NF12" s="119">
        <v>0</v>
      </c>
      <c r="NG12" s="119">
        <v>2217230</v>
      </c>
      <c r="NH12" s="119">
        <v>3845992</v>
      </c>
      <c r="NI12" s="119">
        <v>4768796</v>
      </c>
      <c r="NJ12" s="119">
        <v>2281449</v>
      </c>
      <c r="NK12" s="120">
        <v>13113467</v>
      </c>
      <c r="NL12" s="318">
        <v>13113467</v>
      </c>
      <c r="NM12" s="142">
        <v>0</v>
      </c>
      <c r="NN12" s="119">
        <v>0</v>
      </c>
      <c r="NO12" s="120">
        <v>0</v>
      </c>
      <c r="NP12" s="145"/>
      <c r="NQ12" s="119">
        <v>0</v>
      </c>
      <c r="NR12" s="119">
        <v>0</v>
      </c>
      <c r="NS12" s="119">
        <v>0</v>
      </c>
      <c r="NT12" s="119">
        <v>0</v>
      </c>
      <c r="NU12" s="119">
        <v>301119</v>
      </c>
      <c r="NV12" s="120">
        <v>301119</v>
      </c>
      <c r="NW12" s="121">
        <v>301119</v>
      </c>
      <c r="NX12" s="142">
        <v>0</v>
      </c>
      <c r="NY12" s="119">
        <v>0</v>
      </c>
      <c r="NZ12" s="120">
        <v>0</v>
      </c>
      <c r="OA12" s="145"/>
      <c r="OB12" s="119">
        <v>0</v>
      </c>
      <c r="OC12" s="119">
        <v>0</v>
      </c>
      <c r="OD12" s="119">
        <v>0</v>
      </c>
      <c r="OE12" s="119">
        <v>767047</v>
      </c>
      <c r="OF12" s="119">
        <v>1132659</v>
      </c>
      <c r="OG12" s="120">
        <v>1899706</v>
      </c>
      <c r="OH12" s="121">
        <v>1899706</v>
      </c>
      <c r="OI12" s="142">
        <v>1528880</v>
      </c>
      <c r="OJ12" s="119">
        <v>3024370</v>
      </c>
      <c r="OK12" s="141">
        <v>4553250</v>
      </c>
      <c r="OL12" s="118">
        <v>0</v>
      </c>
      <c r="OM12" s="119">
        <v>22797831</v>
      </c>
      <c r="ON12" s="119">
        <v>37785735</v>
      </c>
      <c r="OO12" s="119">
        <v>47868256</v>
      </c>
      <c r="OP12" s="119">
        <v>43759432</v>
      </c>
      <c r="OQ12" s="119">
        <v>26998764</v>
      </c>
      <c r="OR12" s="120">
        <v>179210018</v>
      </c>
      <c r="OS12" s="143">
        <v>183763268</v>
      </c>
    </row>
    <row r="13" spans="1:409" ht="21" customHeight="1" x14ac:dyDescent="0.2">
      <c r="B13" s="126" t="s">
        <v>7</v>
      </c>
      <c r="C13" s="110">
        <v>924924</v>
      </c>
      <c r="D13" s="114">
        <v>1309608</v>
      </c>
      <c r="E13" s="113">
        <v>2234532</v>
      </c>
      <c r="F13" s="109">
        <v>0</v>
      </c>
      <c r="G13" s="114">
        <v>24955540</v>
      </c>
      <c r="H13" s="114">
        <v>25255061</v>
      </c>
      <c r="I13" s="114">
        <v>20809508</v>
      </c>
      <c r="J13" s="114">
        <v>17076342</v>
      </c>
      <c r="K13" s="114">
        <v>12225775</v>
      </c>
      <c r="L13" s="109">
        <v>100322226</v>
      </c>
      <c r="M13" s="116">
        <v>102556758</v>
      </c>
      <c r="N13" s="110">
        <v>211613</v>
      </c>
      <c r="O13" s="114">
        <v>239146</v>
      </c>
      <c r="P13" s="113">
        <v>450759</v>
      </c>
      <c r="Q13" s="110">
        <v>0</v>
      </c>
      <c r="R13" s="114">
        <v>7414525</v>
      </c>
      <c r="S13" s="114">
        <v>7824904</v>
      </c>
      <c r="T13" s="114">
        <v>7640057</v>
      </c>
      <c r="U13" s="114">
        <v>8032029</v>
      </c>
      <c r="V13" s="114">
        <v>6018355</v>
      </c>
      <c r="W13" s="113">
        <v>36929870</v>
      </c>
      <c r="X13" s="116">
        <v>37380629</v>
      </c>
      <c r="Y13" s="110">
        <v>0</v>
      </c>
      <c r="Z13" s="114">
        <v>0</v>
      </c>
      <c r="AA13" s="113">
        <v>0</v>
      </c>
      <c r="AB13" s="110">
        <v>0</v>
      </c>
      <c r="AC13" s="114">
        <v>3271628</v>
      </c>
      <c r="AD13" s="114">
        <v>3970313</v>
      </c>
      <c r="AE13" s="114">
        <v>4020483</v>
      </c>
      <c r="AF13" s="114">
        <v>4415252</v>
      </c>
      <c r="AG13" s="114">
        <v>3330277</v>
      </c>
      <c r="AH13" s="113">
        <v>19007953</v>
      </c>
      <c r="AI13" s="116">
        <v>19007953</v>
      </c>
      <c r="AJ13" s="110">
        <v>0</v>
      </c>
      <c r="AK13" s="114">
        <v>0</v>
      </c>
      <c r="AL13" s="113">
        <v>0</v>
      </c>
      <c r="AM13" s="110">
        <v>0</v>
      </c>
      <c r="AN13" s="114">
        <v>118769</v>
      </c>
      <c r="AO13" s="114">
        <v>151989</v>
      </c>
      <c r="AP13" s="114">
        <v>396332</v>
      </c>
      <c r="AQ13" s="114">
        <v>1090435</v>
      </c>
      <c r="AR13" s="114">
        <v>737473</v>
      </c>
      <c r="AS13" s="113">
        <v>2494998</v>
      </c>
      <c r="AT13" s="116">
        <v>2494998</v>
      </c>
      <c r="AU13" s="110">
        <v>44909</v>
      </c>
      <c r="AV13" s="114">
        <v>109922</v>
      </c>
      <c r="AW13" s="113">
        <v>154831</v>
      </c>
      <c r="AX13" s="110">
        <v>0</v>
      </c>
      <c r="AY13" s="114">
        <v>2370656</v>
      </c>
      <c r="AZ13" s="114">
        <v>2177455</v>
      </c>
      <c r="BA13" s="114">
        <v>1592146</v>
      </c>
      <c r="BB13" s="114">
        <v>1494580</v>
      </c>
      <c r="BC13" s="114">
        <v>1223761</v>
      </c>
      <c r="BD13" s="113">
        <v>8858598</v>
      </c>
      <c r="BE13" s="116">
        <v>9013429</v>
      </c>
      <c r="BF13" s="110">
        <v>0</v>
      </c>
      <c r="BG13" s="114">
        <v>0</v>
      </c>
      <c r="BH13" s="112">
        <v>0</v>
      </c>
      <c r="BI13" s="111">
        <v>0</v>
      </c>
      <c r="BJ13" s="114">
        <v>261288</v>
      </c>
      <c r="BK13" s="114">
        <v>62995</v>
      </c>
      <c r="BL13" s="114">
        <v>278952</v>
      </c>
      <c r="BM13" s="114">
        <v>149434</v>
      </c>
      <c r="BN13" s="114">
        <v>31092</v>
      </c>
      <c r="BO13" s="113">
        <v>783761</v>
      </c>
      <c r="BP13" s="116">
        <v>783761</v>
      </c>
      <c r="BQ13" s="110">
        <v>166704</v>
      </c>
      <c r="BR13" s="114">
        <v>129224</v>
      </c>
      <c r="BS13" s="113">
        <v>295928</v>
      </c>
      <c r="BT13" s="110">
        <v>0</v>
      </c>
      <c r="BU13" s="114">
        <v>1392184</v>
      </c>
      <c r="BV13" s="114">
        <v>1462152</v>
      </c>
      <c r="BW13" s="114">
        <v>1352144</v>
      </c>
      <c r="BX13" s="114">
        <v>882328</v>
      </c>
      <c r="BY13" s="114">
        <v>695752</v>
      </c>
      <c r="BZ13" s="113">
        <v>5784560</v>
      </c>
      <c r="CA13" s="116">
        <v>6080488</v>
      </c>
      <c r="CB13" s="110">
        <v>0</v>
      </c>
      <c r="CC13" s="114">
        <v>111059</v>
      </c>
      <c r="CD13" s="113">
        <v>111059</v>
      </c>
      <c r="CE13" s="110">
        <v>0</v>
      </c>
      <c r="CF13" s="114">
        <v>7508676</v>
      </c>
      <c r="CG13" s="114">
        <v>6273589</v>
      </c>
      <c r="CH13" s="114">
        <v>4017303</v>
      </c>
      <c r="CI13" s="114">
        <v>1875806</v>
      </c>
      <c r="CJ13" s="114">
        <v>1108888</v>
      </c>
      <c r="CK13" s="113">
        <v>20784262</v>
      </c>
      <c r="CL13" s="116">
        <v>20895321</v>
      </c>
      <c r="CM13" s="110">
        <v>0</v>
      </c>
      <c r="CN13" s="114">
        <v>0</v>
      </c>
      <c r="CO13" s="113">
        <v>0</v>
      </c>
      <c r="CP13" s="111">
        <v>0</v>
      </c>
      <c r="CQ13" s="114">
        <v>6547986</v>
      </c>
      <c r="CR13" s="114">
        <v>4935717</v>
      </c>
      <c r="CS13" s="114">
        <v>2923294</v>
      </c>
      <c r="CT13" s="114">
        <v>1539802</v>
      </c>
      <c r="CU13" s="114">
        <v>1012548</v>
      </c>
      <c r="CV13" s="113">
        <v>16959347</v>
      </c>
      <c r="CW13" s="116">
        <v>16959347</v>
      </c>
      <c r="CX13" s="110">
        <v>0</v>
      </c>
      <c r="CY13" s="114">
        <v>111059</v>
      </c>
      <c r="CZ13" s="113">
        <v>111059</v>
      </c>
      <c r="DA13" s="110">
        <v>0</v>
      </c>
      <c r="DB13" s="114">
        <v>960690</v>
      </c>
      <c r="DC13" s="114">
        <v>1337872</v>
      </c>
      <c r="DD13" s="114">
        <v>1094009</v>
      </c>
      <c r="DE13" s="114">
        <v>336004</v>
      </c>
      <c r="DF13" s="114">
        <v>96340</v>
      </c>
      <c r="DG13" s="113">
        <v>3824915</v>
      </c>
      <c r="DH13" s="116">
        <v>3935974</v>
      </c>
      <c r="DI13" s="110">
        <v>0</v>
      </c>
      <c r="DJ13" s="114">
        <v>0</v>
      </c>
      <c r="DK13" s="112">
        <v>0</v>
      </c>
      <c r="DL13" s="111">
        <v>0</v>
      </c>
      <c r="DM13" s="114">
        <v>1359734</v>
      </c>
      <c r="DN13" s="114">
        <v>1831408</v>
      </c>
      <c r="DO13" s="114">
        <v>2182006</v>
      </c>
      <c r="DP13" s="114">
        <v>1174498</v>
      </c>
      <c r="DQ13" s="114">
        <v>387966</v>
      </c>
      <c r="DR13" s="113">
        <v>6935612</v>
      </c>
      <c r="DS13" s="116">
        <v>6935612</v>
      </c>
      <c r="DT13" s="110">
        <v>0</v>
      </c>
      <c r="DU13" s="114">
        <v>0</v>
      </c>
      <c r="DV13" s="113">
        <v>0</v>
      </c>
      <c r="DW13" s="110">
        <v>0</v>
      </c>
      <c r="DX13" s="114">
        <v>1321053</v>
      </c>
      <c r="DY13" s="114">
        <v>1831408</v>
      </c>
      <c r="DZ13" s="114">
        <v>2120946</v>
      </c>
      <c r="EA13" s="114">
        <v>1066830</v>
      </c>
      <c r="EB13" s="114">
        <v>387966</v>
      </c>
      <c r="EC13" s="113">
        <v>6728203</v>
      </c>
      <c r="ED13" s="116">
        <v>6728203</v>
      </c>
      <c r="EE13" s="110">
        <v>0</v>
      </c>
      <c r="EF13" s="112">
        <v>0</v>
      </c>
      <c r="EG13" s="113">
        <v>0</v>
      </c>
      <c r="EH13" s="110">
        <v>0</v>
      </c>
      <c r="EI13" s="114">
        <v>38681</v>
      </c>
      <c r="EJ13" s="114">
        <v>0</v>
      </c>
      <c r="EK13" s="114">
        <v>61060</v>
      </c>
      <c r="EL13" s="114">
        <v>107668</v>
      </c>
      <c r="EM13" s="114">
        <v>0</v>
      </c>
      <c r="EN13" s="112">
        <v>207409</v>
      </c>
      <c r="EO13" s="116">
        <v>207409</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5"/>
      <c r="FE13" s="114">
        <v>0</v>
      </c>
      <c r="FF13" s="114">
        <v>0</v>
      </c>
      <c r="FG13" s="114">
        <v>0</v>
      </c>
      <c r="FH13" s="114">
        <v>0</v>
      </c>
      <c r="FI13" s="114">
        <v>0</v>
      </c>
      <c r="FJ13" s="113">
        <v>0</v>
      </c>
      <c r="FK13" s="116">
        <v>0</v>
      </c>
      <c r="FL13" s="110">
        <v>109296</v>
      </c>
      <c r="FM13" s="114">
        <v>260872</v>
      </c>
      <c r="FN13" s="113">
        <v>370168</v>
      </c>
      <c r="FO13" s="110">
        <v>0</v>
      </c>
      <c r="FP13" s="114">
        <v>936728</v>
      </c>
      <c r="FQ13" s="114">
        <v>2461776</v>
      </c>
      <c r="FR13" s="114">
        <v>1748528</v>
      </c>
      <c r="FS13" s="114">
        <v>1555768</v>
      </c>
      <c r="FT13" s="114">
        <v>1048272</v>
      </c>
      <c r="FU13" s="113">
        <v>7751072</v>
      </c>
      <c r="FV13" s="116">
        <v>8121240</v>
      </c>
      <c r="FW13" s="115">
        <v>72496</v>
      </c>
      <c r="FX13" s="114">
        <v>117264</v>
      </c>
      <c r="FY13" s="112">
        <v>189760</v>
      </c>
      <c r="FZ13" s="111">
        <v>0</v>
      </c>
      <c r="GA13" s="114">
        <v>765696</v>
      </c>
      <c r="GB13" s="114">
        <v>2393392</v>
      </c>
      <c r="GC13" s="114">
        <v>1622944</v>
      </c>
      <c r="GD13" s="114">
        <v>1450136</v>
      </c>
      <c r="GE13" s="114">
        <v>955472</v>
      </c>
      <c r="GF13" s="113">
        <v>7187640</v>
      </c>
      <c r="GG13" s="316">
        <v>7377400</v>
      </c>
      <c r="GH13" s="115">
        <v>0</v>
      </c>
      <c r="GI13" s="114">
        <v>0</v>
      </c>
      <c r="GJ13" s="112">
        <v>0</v>
      </c>
      <c r="GK13" s="111">
        <v>0</v>
      </c>
      <c r="GL13" s="114">
        <v>33352</v>
      </c>
      <c r="GM13" s="114">
        <v>41184</v>
      </c>
      <c r="GN13" s="114">
        <v>41184</v>
      </c>
      <c r="GO13" s="114">
        <v>23232</v>
      </c>
      <c r="GP13" s="114">
        <v>0</v>
      </c>
      <c r="GQ13" s="113">
        <v>138952</v>
      </c>
      <c r="GR13" s="116">
        <v>138952</v>
      </c>
      <c r="GS13" s="110">
        <v>36800</v>
      </c>
      <c r="GT13" s="114">
        <v>143608</v>
      </c>
      <c r="GU13" s="113">
        <v>180408</v>
      </c>
      <c r="GV13" s="110">
        <v>0</v>
      </c>
      <c r="GW13" s="114">
        <v>137680</v>
      </c>
      <c r="GX13" s="114">
        <v>27200</v>
      </c>
      <c r="GY13" s="114">
        <v>84400</v>
      </c>
      <c r="GZ13" s="114">
        <v>82400</v>
      </c>
      <c r="HA13" s="114">
        <v>92800</v>
      </c>
      <c r="HB13" s="112">
        <v>424480</v>
      </c>
      <c r="HC13" s="116">
        <v>604888</v>
      </c>
      <c r="HD13" s="110">
        <v>604015</v>
      </c>
      <c r="HE13" s="114">
        <v>698531</v>
      </c>
      <c r="HF13" s="112">
        <v>1302546</v>
      </c>
      <c r="HG13" s="111">
        <v>0</v>
      </c>
      <c r="HH13" s="114">
        <v>7735877</v>
      </c>
      <c r="HI13" s="114">
        <v>6863384</v>
      </c>
      <c r="HJ13" s="114">
        <v>5221614</v>
      </c>
      <c r="HK13" s="114">
        <v>4438241</v>
      </c>
      <c r="HL13" s="114">
        <v>3662294</v>
      </c>
      <c r="HM13" s="113">
        <v>27921410</v>
      </c>
      <c r="HN13" s="109">
        <v>29223956</v>
      </c>
      <c r="HO13" s="326"/>
      <c r="HP13" s="327"/>
      <c r="HQ13" s="328"/>
      <c r="HR13" s="329"/>
      <c r="HS13" s="327"/>
      <c r="HT13" s="327"/>
      <c r="HU13" s="327"/>
      <c r="HV13" s="327"/>
      <c r="HW13" s="327"/>
      <c r="HX13" s="330"/>
      <c r="HY13" s="331"/>
      <c r="HZ13" s="131">
        <v>0</v>
      </c>
      <c r="IA13" s="132">
        <v>0</v>
      </c>
      <c r="IB13" s="133">
        <v>0</v>
      </c>
      <c r="IC13" s="146">
        <v>0</v>
      </c>
      <c r="ID13" s="132">
        <v>6182610</v>
      </c>
      <c r="IE13" s="147">
        <v>4495120</v>
      </c>
      <c r="IF13" s="133">
        <v>7252431</v>
      </c>
      <c r="IG13" s="132">
        <v>1988362</v>
      </c>
      <c r="IH13" s="133">
        <v>2393922</v>
      </c>
      <c r="II13" s="148">
        <v>22312445</v>
      </c>
      <c r="IJ13" s="139">
        <v>22312445</v>
      </c>
      <c r="IK13" s="232">
        <v>0</v>
      </c>
      <c r="IL13" s="236">
        <v>0</v>
      </c>
      <c r="IM13" s="237">
        <v>0</v>
      </c>
      <c r="IN13" s="140"/>
      <c r="IO13" s="119">
        <v>0</v>
      </c>
      <c r="IP13" s="119">
        <v>0</v>
      </c>
      <c r="IQ13" s="119">
        <v>0</v>
      </c>
      <c r="IR13" s="119">
        <v>0</v>
      </c>
      <c r="IS13" s="119">
        <v>0</v>
      </c>
      <c r="IT13" s="141">
        <v>0</v>
      </c>
      <c r="IU13" s="318">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465118</v>
      </c>
      <c r="JL13" s="119">
        <v>2279918</v>
      </c>
      <c r="JM13" s="119">
        <v>1806482</v>
      </c>
      <c r="JN13" s="119">
        <v>435777</v>
      </c>
      <c r="JO13" s="119">
        <v>259007</v>
      </c>
      <c r="JP13" s="120">
        <v>8246302</v>
      </c>
      <c r="JQ13" s="318">
        <v>8246302</v>
      </c>
      <c r="JR13" s="142">
        <v>0</v>
      </c>
      <c r="JS13" s="119">
        <v>0</v>
      </c>
      <c r="JT13" s="141">
        <v>0</v>
      </c>
      <c r="JU13" s="118">
        <v>0</v>
      </c>
      <c r="JV13" s="119">
        <v>642008</v>
      </c>
      <c r="JW13" s="119">
        <v>1079465</v>
      </c>
      <c r="JX13" s="119">
        <v>551463</v>
      </c>
      <c r="JY13" s="119">
        <v>702403</v>
      </c>
      <c r="JZ13" s="119">
        <v>235568</v>
      </c>
      <c r="KA13" s="120">
        <v>3210907</v>
      </c>
      <c r="KB13" s="318">
        <v>3210907</v>
      </c>
      <c r="KC13" s="234">
        <v>0</v>
      </c>
      <c r="KD13" s="230">
        <v>0</v>
      </c>
      <c r="KE13" s="120">
        <v>0</v>
      </c>
      <c r="KF13" s="118">
        <v>0</v>
      </c>
      <c r="KG13" s="119">
        <v>449512</v>
      </c>
      <c r="KH13" s="119">
        <v>643176</v>
      </c>
      <c r="KI13" s="119">
        <v>616608</v>
      </c>
      <c r="KJ13" s="119">
        <v>0</v>
      </c>
      <c r="KK13" s="119">
        <v>0</v>
      </c>
      <c r="KL13" s="120">
        <v>1709296</v>
      </c>
      <c r="KM13" s="143">
        <v>1709296</v>
      </c>
      <c r="KN13" s="232">
        <v>0</v>
      </c>
      <c r="KO13" s="236">
        <v>0</v>
      </c>
      <c r="KP13" s="237">
        <v>0</v>
      </c>
      <c r="KQ13" s="140"/>
      <c r="KR13" s="119">
        <v>1467081</v>
      </c>
      <c r="KS13" s="119">
        <v>492561</v>
      </c>
      <c r="KT13" s="119">
        <v>3732529</v>
      </c>
      <c r="KU13" s="119">
        <v>509232</v>
      </c>
      <c r="KV13" s="119">
        <v>1219059</v>
      </c>
      <c r="KW13" s="120">
        <v>7420462</v>
      </c>
      <c r="KX13" s="318">
        <v>7420462</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18">
        <v>0</v>
      </c>
      <c r="LU13" s="142">
        <v>0</v>
      </c>
      <c r="LV13" s="119">
        <v>0</v>
      </c>
      <c r="LW13" s="120">
        <v>0</v>
      </c>
      <c r="LX13" s="145"/>
      <c r="LY13" s="119">
        <v>158891</v>
      </c>
      <c r="LZ13" s="119">
        <v>0</v>
      </c>
      <c r="MA13" s="119">
        <v>545349</v>
      </c>
      <c r="MB13" s="119">
        <v>340950</v>
      </c>
      <c r="MC13" s="119">
        <v>680288</v>
      </c>
      <c r="MD13" s="120">
        <v>1725478</v>
      </c>
      <c r="ME13" s="121">
        <v>1725478</v>
      </c>
      <c r="MF13" s="142">
        <v>0</v>
      </c>
      <c r="MG13" s="119">
        <v>0</v>
      </c>
      <c r="MH13" s="120">
        <v>0</v>
      </c>
      <c r="MI13" s="145"/>
      <c r="MJ13" s="119">
        <v>3972211</v>
      </c>
      <c r="MK13" s="119">
        <v>2910249</v>
      </c>
      <c r="ML13" s="119">
        <v>6646352</v>
      </c>
      <c r="MM13" s="119">
        <v>18934410</v>
      </c>
      <c r="MN13" s="119">
        <v>9853853</v>
      </c>
      <c r="MO13" s="120">
        <v>42317075</v>
      </c>
      <c r="MP13" s="143">
        <v>42317075</v>
      </c>
      <c r="MQ13" s="142">
        <v>0</v>
      </c>
      <c r="MR13" s="119">
        <v>0</v>
      </c>
      <c r="MS13" s="120">
        <v>0</v>
      </c>
      <c r="MT13" s="145"/>
      <c r="MU13" s="119">
        <v>0</v>
      </c>
      <c r="MV13" s="119">
        <v>680534</v>
      </c>
      <c r="MW13" s="119">
        <v>3908483</v>
      </c>
      <c r="MX13" s="119">
        <v>12094603</v>
      </c>
      <c r="MY13" s="119">
        <v>8433663</v>
      </c>
      <c r="MZ13" s="120">
        <v>25117283</v>
      </c>
      <c r="NA13" s="143">
        <v>25117283</v>
      </c>
      <c r="NB13" s="142">
        <v>0</v>
      </c>
      <c r="NC13" s="119">
        <v>0</v>
      </c>
      <c r="ND13" s="120">
        <v>0</v>
      </c>
      <c r="NE13" s="145"/>
      <c r="NF13" s="119">
        <v>3972211</v>
      </c>
      <c r="NG13" s="119">
        <v>2229715</v>
      </c>
      <c r="NH13" s="119">
        <v>2737869</v>
      </c>
      <c r="NI13" s="119">
        <v>6839807</v>
      </c>
      <c r="NJ13" s="119">
        <v>1420190</v>
      </c>
      <c r="NK13" s="120">
        <v>17199792</v>
      </c>
      <c r="NL13" s="318">
        <v>17199792</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924924</v>
      </c>
      <c r="OJ13" s="119">
        <v>1309608</v>
      </c>
      <c r="OK13" s="141">
        <v>2234532</v>
      </c>
      <c r="OL13" s="118">
        <v>0</v>
      </c>
      <c r="OM13" s="119">
        <v>35110361</v>
      </c>
      <c r="ON13" s="119">
        <v>32660430</v>
      </c>
      <c r="OO13" s="119">
        <v>34708291</v>
      </c>
      <c r="OP13" s="119">
        <v>37999114</v>
      </c>
      <c r="OQ13" s="119">
        <v>24473550</v>
      </c>
      <c r="OR13" s="120">
        <v>164951746</v>
      </c>
      <c r="OS13" s="143">
        <v>167186278</v>
      </c>
    </row>
    <row r="14" spans="1:409" ht="21" customHeight="1" x14ac:dyDescent="0.2">
      <c r="B14" s="126" t="s">
        <v>8</v>
      </c>
      <c r="C14" s="110">
        <v>844211</v>
      </c>
      <c r="D14" s="114">
        <v>767516</v>
      </c>
      <c r="E14" s="113">
        <v>1611727</v>
      </c>
      <c r="F14" s="109">
        <v>0</v>
      </c>
      <c r="G14" s="114">
        <v>6747502</v>
      </c>
      <c r="H14" s="114">
        <v>9331756</v>
      </c>
      <c r="I14" s="114">
        <v>10418413</v>
      </c>
      <c r="J14" s="114">
        <v>6740988</v>
      </c>
      <c r="K14" s="114">
        <v>6458948</v>
      </c>
      <c r="L14" s="109">
        <v>39697607</v>
      </c>
      <c r="M14" s="116">
        <v>41309334</v>
      </c>
      <c r="N14" s="110">
        <v>213507</v>
      </c>
      <c r="O14" s="114">
        <v>195153</v>
      </c>
      <c r="P14" s="113">
        <v>408660</v>
      </c>
      <c r="Q14" s="110">
        <v>0</v>
      </c>
      <c r="R14" s="114">
        <v>1888070</v>
      </c>
      <c r="S14" s="114">
        <v>3482019</v>
      </c>
      <c r="T14" s="114">
        <v>3375155</v>
      </c>
      <c r="U14" s="114">
        <v>3212622</v>
      </c>
      <c r="V14" s="114">
        <v>2763427</v>
      </c>
      <c r="W14" s="113">
        <v>14721293</v>
      </c>
      <c r="X14" s="116">
        <v>15129953</v>
      </c>
      <c r="Y14" s="110">
        <v>0</v>
      </c>
      <c r="Z14" s="114">
        <v>0</v>
      </c>
      <c r="AA14" s="113">
        <v>0</v>
      </c>
      <c r="AB14" s="110">
        <v>0</v>
      </c>
      <c r="AC14" s="114">
        <v>736441</v>
      </c>
      <c r="AD14" s="114">
        <v>2171715</v>
      </c>
      <c r="AE14" s="114">
        <v>1921533</v>
      </c>
      <c r="AF14" s="114">
        <v>1904909</v>
      </c>
      <c r="AG14" s="114">
        <v>1601234</v>
      </c>
      <c r="AH14" s="113">
        <v>8335832</v>
      </c>
      <c r="AI14" s="116">
        <v>8335832</v>
      </c>
      <c r="AJ14" s="110">
        <v>0</v>
      </c>
      <c r="AK14" s="114">
        <v>0</v>
      </c>
      <c r="AL14" s="113">
        <v>0</v>
      </c>
      <c r="AM14" s="110">
        <v>0</v>
      </c>
      <c r="AN14" s="114">
        <v>0</v>
      </c>
      <c r="AO14" s="114">
        <v>94552</v>
      </c>
      <c r="AP14" s="114">
        <v>92242</v>
      </c>
      <c r="AQ14" s="114">
        <v>23385</v>
      </c>
      <c r="AR14" s="114">
        <v>305435</v>
      </c>
      <c r="AS14" s="113">
        <v>515614</v>
      </c>
      <c r="AT14" s="116">
        <v>515614</v>
      </c>
      <c r="AU14" s="110">
        <v>75411</v>
      </c>
      <c r="AV14" s="114">
        <v>118989</v>
      </c>
      <c r="AW14" s="113">
        <v>194400</v>
      </c>
      <c r="AX14" s="110">
        <v>0</v>
      </c>
      <c r="AY14" s="114">
        <v>671108</v>
      </c>
      <c r="AZ14" s="114">
        <v>762883</v>
      </c>
      <c r="BA14" s="114">
        <v>779385</v>
      </c>
      <c r="BB14" s="114">
        <v>968161</v>
      </c>
      <c r="BC14" s="114">
        <v>569790</v>
      </c>
      <c r="BD14" s="113">
        <v>3751327</v>
      </c>
      <c r="BE14" s="116">
        <v>3945727</v>
      </c>
      <c r="BF14" s="110">
        <v>0</v>
      </c>
      <c r="BG14" s="114">
        <v>20796</v>
      </c>
      <c r="BH14" s="112">
        <v>20796</v>
      </c>
      <c r="BI14" s="111">
        <v>0</v>
      </c>
      <c r="BJ14" s="114">
        <v>98265</v>
      </c>
      <c r="BK14" s="114">
        <v>119645</v>
      </c>
      <c r="BL14" s="114">
        <v>177643</v>
      </c>
      <c r="BM14" s="114">
        <v>101935</v>
      </c>
      <c r="BN14" s="114">
        <v>0</v>
      </c>
      <c r="BO14" s="113">
        <v>497488</v>
      </c>
      <c r="BP14" s="116">
        <v>518284</v>
      </c>
      <c r="BQ14" s="110">
        <v>138096</v>
      </c>
      <c r="BR14" s="114">
        <v>55368</v>
      </c>
      <c r="BS14" s="113">
        <v>193464</v>
      </c>
      <c r="BT14" s="110">
        <v>0</v>
      </c>
      <c r="BU14" s="114">
        <v>382256</v>
      </c>
      <c r="BV14" s="114">
        <v>333224</v>
      </c>
      <c r="BW14" s="114">
        <v>404352</v>
      </c>
      <c r="BX14" s="114">
        <v>214232</v>
      </c>
      <c r="BY14" s="114">
        <v>286968</v>
      </c>
      <c r="BZ14" s="113">
        <v>1621032</v>
      </c>
      <c r="CA14" s="116">
        <v>1814496</v>
      </c>
      <c r="CB14" s="110">
        <v>123054</v>
      </c>
      <c r="CC14" s="114">
        <v>120056</v>
      </c>
      <c r="CD14" s="113">
        <v>243110</v>
      </c>
      <c r="CE14" s="110">
        <v>0</v>
      </c>
      <c r="CF14" s="114">
        <v>1761695</v>
      </c>
      <c r="CG14" s="114">
        <v>2717691</v>
      </c>
      <c r="CH14" s="114">
        <v>2702645</v>
      </c>
      <c r="CI14" s="114">
        <v>1457118</v>
      </c>
      <c r="CJ14" s="114">
        <v>1194988</v>
      </c>
      <c r="CK14" s="113">
        <v>9834137</v>
      </c>
      <c r="CL14" s="116">
        <v>10077247</v>
      </c>
      <c r="CM14" s="110">
        <v>0</v>
      </c>
      <c r="CN14" s="114">
        <v>0</v>
      </c>
      <c r="CO14" s="113">
        <v>0</v>
      </c>
      <c r="CP14" s="111">
        <v>0</v>
      </c>
      <c r="CQ14" s="114">
        <v>1400675</v>
      </c>
      <c r="CR14" s="114">
        <v>2215466</v>
      </c>
      <c r="CS14" s="114">
        <v>2198403</v>
      </c>
      <c r="CT14" s="114">
        <v>1285129</v>
      </c>
      <c r="CU14" s="114">
        <v>1194988</v>
      </c>
      <c r="CV14" s="113">
        <v>8294661</v>
      </c>
      <c r="CW14" s="116">
        <v>8294661</v>
      </c>
      <c r="CX14" s="110">
        <v>123054</v>
      </c>
      <c r="CY14" s="114">
        <v>120056</v>
      </c>
      <c r="CZ14" s="113">
        <v>243110</v>
      </c>
      <c r="DA14" s="110">
        <v>0</v>
      </c>
      <c r="DB14" s="114">
        <v>361020</v>
      </c>
      <c r="DC14" s="114">
        <v>502225</v>
      </c>
      <c r="DD14" s="114">
        <v>504242</v>
      </c>
      <c r="DE14" s="114">
        <v>171989</v>
      </c>
      <c r="DF14" s="114">
        <v>0</v>
      </c>
      <c r="DG14" s="113">
        <v>1539476</v>
      </c>
      <c r="DH14" s="116">
        <v>1782586</v>
      </c>
      <c r="DI14" s="110">
        <v>29100</v>
      </c>
      <c r="DJ14" s="114">
        <v>0</v>
      </c>
      <c r="DK14" s="112">
        <v>29100</v>
      </c>
      <c r="DL14" s="111">
        <v>0</v>
      </c>
      <c r="DM14" s="114">
        <v>217098</v>
      </c>
      <c r="DN14" s="114">
        <v>205728</v>
      </c>
      <c r="DO14" s="114">
        <v>1786021</v>
      </c>
      <c r="DP14" s="114">
        <v>338980</v>
      </c>
      <c r="DQ14" s="114">
        <v>491964</v>
      </c>
      <c r="DR14" s="113">
        <v>3039791</v>
      </c>
      <c r="DS14" s="116">
        <v>3068891</v>
      </c>
      <c r="DT14" s="110">
        <v>29100</v>
      </c>
      <c r="DU14" s="114">
        <v>0</v>
      </c>
      <c r="DV14" s="113">
        <v>29100</v>
      </c>
      <c r="DW14" s="110">
        <v>0</v>
      </c>
      <c r="DX14" s="114">
        <v>217098</v>
      </c>
      <c r="DY14" s="114">
        <v>174688</v>
      </c>
      <c r="DZ14" s="114">
        <v>1728957</v>
      </c>
      <c r="EA14" s="114">
        <v>338980</v>
      </c>
      <c r="EB14" s="114">
        <v>491964</v>
      </c>
      <c r="EC14" s="113">
        <v>2951687</v>
      </c>
      <c r="ED14" s="116">
        <v>2980787</v>
      </c>
      <c r="EE14" s="110">
        <v>0</v>
      </c>
      <c r="EF14" s="112">
        <v>0</v>
      </c>
      <c r="EG14" s="113">
        <v>0</v>
      </c>
      <c r="EH14" s="110">
        <v>0</v>
      </c>
      <c r="EI14" s="114">
        <v>0</v>
      </c>
      <c r="EJ14" s="114">
        <v>31040</v>
      </c>
      <c r="EK14" s="114">
        <v>57064</v>
      </c>
      <c r="EL14" s="114">
        <v>0</v>
      </c>
      <c r="EM14" s="114">
        <v>0</v>
      </c>
      <c r="EN14" s="112">
        <v>88104</v>
      </c>
      <c r="EO14" s="116">
        <v>88104</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5"/>
      <c r="FE14" s="114">
        <v>0</v>
      </c>
      <c r="FF14" s="114">
        <v>0</v>
      </c>
      <c r="FG14" s="114">
        <v>0</v>
      </c>
      <c r="FH14" s="114">
        <v>0</v>
      </c>
      <c r="FI14" s="114">
        <v>0</v>
      </c>
      <c r="FJ14" s="113">
        <v>0</v>
      </c>
      <c r="FK14" s="116">
        <v>0</v>
      </c>
      <c r="FL14" s="110">
        <v>54896</v>
      </c>
      <c r="FM14" s="114">
        <v>115672</v>
      </c>
      <c r="FN14" s="113">
        <v>170568</v>
      </c>
      <c r="FO14" s="110">
        <v>0</v>
      </c>
      <c r="FP14" s="114">
        <v>408368</v>
      </c>
      <c r="FQ14" s="114">
        <v>1173056</v>
      </c>
      <c r="FR14" s="114">
        <v>995768</v>
      </c>
      <c r="FS14" s="114">
        <v>698840</v>
      </c>
      <c r="FT14" s="114">
        <v>376248</v>
      </c>
      <c r="FU14" s="113">
        <v>3652280</v>
      </c>
      <c r="FV14" s="116">
        <v>3822848</v>
      </c>
      <c r="FW14" s="115">
        <v>54896</v>
      </c>
      <c r="FX14" s="114">
        <v>115672</v>
      </c>
      <c r="FY14" s="112">
        <v>170568</v>
      </c>
      <c r="FZ14" s="111">
        <v>0</v>
      </c>
      <c r="GA14" s="114">
        <v>333448</v>
      </c>
      <c r="GB14" s="114">
        <v>1079776</v>
      </c>
      <c r="GC14" s="114">
        <v>949920</v>
      </c>
      <c r="GD14" s="114">
        <v>659384</v>
      </c>
      <c r="GE14" s="114">
        <v>376248</v>
      </c>
      <c r="GF14" s="113">
        <v>3398776</v>
      </c>
      <c r="GG14" s="316">
        <v>3569344</v>
      </c>
      <c r="GH14" s="115">
        <v>0</v>
      </c>
      <c r="GI14" s="114">
        <v>0</v>
      </c>
      <c r="GJ14" s="112">
        <v>0</v>
      </c>
      <c r="GK14" s="111">
        <v>0</v>
      </c>
      <c r="GL14" s="114">
        <v>18920</v>
      </c>
      <c r="GM14" s="114">
        <v>0</v>
      </c>
      <c r="GN14" s="114">
        <v>45848</v>
      </c>
      <c r="GO14" s="114">
        <v>18656</v>
      </c>
      <c r="GP14" s="114">
        <v>0</v>
      </c>
      <c r="GQ14" s="113">
        <v>83424</v>
      </c>
      <c r="GR14" s="116">
        <v>83424</v>
      </c>
      <c r="GS14" s="110">
        <v>0</v>
      </c>
      <c r="GT14" s="114">
        <v>0</v>
      </c>
      <c r="GU14" s="113">
        <v>0</v>
      </c>
      <c r="GV14" s="110">
        <v>0</v>
      </c>
      <c r="GW14" s="114">
        <v>56000</v>
      </c>
      <c r="GX14" s="114">
        <v>93280</v>
      </c>
      <c r="GY14" s="114">
        <v>0</v>
      </c>
      <c r="GZ14" s="114">
        <v>20800</v>
      </c>
      <c r="HA14" s="114">
        <v>0</v>
      </c>
      <c r="HB14" s="112">
        <v>170080</v>
      </c>
      <c r="HC14" s="116">
        <v>170080</v>
      </c>
      <c r="HD14" s="110">
        <v>423654</v>
      </c>
      <c r="HE14" s="114">
        <v>336635</v>
      </c>
      <c r="HF14" s="112">
        <v>760289</v>
      </c>
      <c r="HG14" s="111">
        <v>0</v>
      </c>
      <c r="HH14" s="114">
        <v>2472271</v>
      </c>
      <c r="HI14" s="114">
        <v>1753262</v>
      </c>
      <c r="HJ14" s="114">
        <v>1558824</v>
      </c>
      <c r="HK14" s="114">
        <v>1033428</v>
      </c>
      <c r="HL14" s="114">
        <v>1632321</v>
      </c>
      <c r="HM14" s="113">
        <v>8450106</v>
      </c>
      <c r="HN14" s="109">
        <v>9210395</v>
      </c>
      <c r="HO14" s="326"/>
      <c r="HP14" s="327"/>
      <c r="HQ14" s="328"/>
      <c r="HR14" s="329"/>
      <c r="HS14" s="327"/>
      <c r="HT14" s="327"/>
      <c r="HU14" s="327"/>
      <c r="HV14" s="327"/>
      <c r="HW14" s="327"/>
      <c r="HX14" s="330"/>
      <c r="HY14" s="331"/>
      <c r="HZ14" s="131">
        <v>0</v>
      </c>
      <c r="IA14" s="132">
        <v>79588</v>
      </c>
      <c r="IB14" s="133">
        <v>79588</v>
      </c>
      <c r="IC14" s="134">
        <v>0</v>
      </c>
      <c r="ID14" s="135">
        <v>3146809</v>
      </c>
      <c r="IE14" s="136">
        <v>2137623</v>
      </c>
      <c r="IF14" s="137">
        <v>3400616</v>
      </c>
      <c r="IG14" s="135">
        <v>2656242</v>
      </c>
      <c r="IH14" s="137">
        <v>1462186</v>
      </c>
      <c r="II14" s="138">
        <v>12803476</v>
      </c>
      <c r="IJ14" s="139">
        <v>12883064</v>
      </c>
      <c r="IK14" s="232">
        <v>0</v>
      </c>
      <c r="IL14" s="236">
        <v>0</v>
      </c>
      <c r="IM14" s="237">
        <v>0</v>
      </c>
      <c r="IN14" s="140"/>
      <c r="IO14" s="119">
        <v>0</v>
      </c>
      <c r="IP14" s="119">
        <v>0</v>
      </c>
      <c r="IQ14" s="119">
        <v>0</v>
      </c>
      <c r="IR14" s="119">
        <v>205525</v>
      </c>
      <c r="IS14" s="119">
        <v>0</v>
      </c>
      <c r="IT14" s="141">
        <v>205525</v>
      </c>
      <c r="IU14" s="318">
        <v>205525</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354331</v>
      </c>
      <c r="JL14" s="119">
        <v>1072018</v>
      </c>
      <c r="JM14" s="119">
        <v>1189558</v>
      </c>
      <c r="JN14" s="119">
        <v>571292</v>
      </c>
      <c r="JO14" s="119">
        <v>270904</v>
      </c>
      <c r="JP14" s="120">
        <v>4458103</v>
      </c>
      <c r="JQ14" s="318">
        <v>4458103</v>
      </c>
      <c r="JR14" s="142">
        <v>0</v>
      </c>
      <c r="JS14" s="119">
        <v>0</v>
      </c>
      <c r="JT14" s="141">
        <v>0</v>
      </c>
      <c r="JU14" s="118">
        <v>0</v>
      </c>
      <c r="JV14" s="119">
        <v>79816</v>
      </c>
      <c r="JW14" s="119">
        <v>0</v>
      </c>
      <c r="JX14" s="119">
        <v>0</v>
      </c>
      <c r="JY14" s="119">
        <v>0</v>
      </c>
      <c r="JZ14" s="119">
        <v>90240</v>
      </c>
      <c r="KA14" s="120">
        <v>170056</v>
      </c>
      <c r="KB14" s="318">
        <v>170056</v>
      </c>
      <c r="KC14" s="234">
        <v>0</v>
      </c>
      <c r="KD14" s="230">
        <v>79588</v>
      </c>
      <c r="KE14" s="120">
        <v>79588</v>
      </c>
      <c r="KF14" s="118">
        <v>0</v>
      </c>
      <c r="KG14" s="119">
        <v>130000</v>
      </c>
      <c r="KH14" s="119">
        <v>346156</v>
      </c>
      <c r="KI14" s="119">
        <v>700340</v>
      </c>
      <c r="KJ14" s="119">
        <v>273269</v>
      </c>
      <c r="KK14" s="119">
        <v>285280</v>
      </c>
      <c r="KL14" s="120">
        <v>1735045</v>
      </c>
      <c r="KM14" s="143">
        <v>1814633</v>
      </c>
      <c r="KN14" s="232">
        <v>0</v>
      </c>
      <c r="KO14" s="236">
        <v>0</v>
      </c>
      <c r="KP14" s="237">
        <v>0</v>
      </c>
      <c r="KQ14" s="140"/>
      <c r="KR14" s="119">
        <v>1163526</v>
      </c>
      <c r="KS14" s="119">
        <v>719449</v>
      </c>
      <c r="KT14" s="119">
        <v>989110</v>
      </c>
      <c r="KU14" s="119">
        <v>769536</v>
      </c>
      <c r="KV14" s="119">
        <v>256902</v>
      </c>
      <c r="KW14" s="120">
        <v>3898523</v>
      </c>
      <c r="KX14" s="318">
        <v>3898523</v>
      </c>
      <c r="KY14" s="142">
        <v>0</v>
      </c>
      <c r="KZ14" s="119">
        <v>0</v>
      </c>
      <c r="LA14" s="120">
        <v>0</v>
      </c>
      <c r="LB14" s="145"/>
      <c r="LC14" s="119">
        <v>0</v>
      </c>
      <c r="LD14" s="119">
        <v>0</v>
      </c>
      <c r="LE14" s="119">
        <v>267176</v>
      </c>
      <c r="LF14" s="119">
        <v>0</v>
      </c>
      <c r="LG14" s="119">
        <v>232148</v>
      </c>
      <c r="LH14" s="120">
        <v>499324</v>
      </c>
      <c r="LI14" s="121">
        <v>499324</v>
      </c>
      <c r="LJ14" s="142">
        <v>0</v>
      </c>
      <c r="LK14" s="119">
        <v>0</v>
      </c>
      <c r="LL14" s="120">
        <v>0</v>
      </c>
      <c r="LM14" s="145"/>
      <c r="LN14" s="119">
        <v>0</v>
      </c>
      <c r="LO14" s="119">
        <v>0</v>
      </c>
      <c r="LP14" s="119">
        <v>0</v>
      </c>
      <c r="LQ14" s="119">
        <v>240901</v>
      </c>
      <c r="LR14" s="119">
        <v>0</v>
      </c>
      <c r="LS14" s="120">
        <v>240901</v>
      </c>
      <c r="LT14" s="318">
        <v>240901</v>
      </c>
      <c r="LU14" s="142">
        <v>0</v>
      </c>
      <c r="LV14" s="119">
        <v>0</v>
      </c>
      <c r="LW14" s="120">
        <v>0</v>
      </c>
      <c r="LX14" s="145"/>
      <c r="LY14" s="119">
        <v>419136</v>
      </c>
      <c r="LZ14" s="119">
        <v>0</v>
      </c>
      <c r="MA14" s="119">
        <v>254432</v>
      </c>
      <c r="MB14" s="119">
        <v>595719</v>
      </c>
      <c r="MC14" s="119">
        <v>326712</v>
      </c>
      <c r="MD14" s="120">
        <v>1595999</v>
      </c>
      <c r="ME14" s="121">
        <v>1595999</v>
      </c>
      <c r="MF14" s="142">
        <v>0</v>
      </c>
      <c r="MG14" s="119">
        <v>0</v>
      </c>
      <c r="MH14" s="120">
        <v>0</v>
      </c>
      <c r="MI14" s="145"/>
      <c r="MJ14" s="119">
        <v>912383</v>
      </c>
      <c r="MK14" s="119">
        <v>943089</v>
      </c>
      <c r="ML14" s="119">
        <v>3842250</v>
      </c>
      <c r="MM14" s="119">
        <v>5282902</v>
      </c>
      <c r="MN14" s="119">
        <v>2658162</v>
      </c>
      <c r="MO14" s="120">
        <v>13638786</v>
      </c>
      <c r="MP14" s="143">
        <v>13638786</v>
      </c>
      <c r="MQ14" s="142">
        <v>0</v>
      </c>
      <c r="MR14" s="119">
        <v>0</v>
      </c>
      <c r="MS14" s="120">
        <v>0</v>
      </c>
      <c r="MT14" s="145"/>
      <c r="MU14" s="119">
        <v>210479</v>
      </c>
      <c r="MV14" s="119">
        <v>131069</v>
      </c>
      <c r="MW14" s="119">
        <v>2680397</v>
      </c>
      <c r="MX14" s="119">
        <v>2472448</v>
      </c>
      <c r="MY14" s="119">
        <v>1654424</v>
      </c>
      <c r="MZ14" s="120">
        <v>7148817</v>
      </c>
      <c r="NA14" s="143">
        <v>7148817</v>
      </c>
      <c r="NB14" s="142">
        <v>0</v>
      </c>
      <c r="NC14" s="119">
        <v>0</v>
      </c>
      <c r="ND14" s="120">
        <v>0</v>
      </c>
      <c r="NE14" s="145"/>
      <c r="NF14" s="119">
        <v>701904</v>
      </c>
      <c r="NG14" s="119">
        <v>812020</v>
      </c>
      <c r="NH14" s="119">
        <v>1161853</v>
      </c>
      <c r="NI14" s="119">
        <v>2224814</v>
      </c>
      <c r="NJ14" s="119">
        <v>1003738</v>
      </c>
      <c r="NK14" s="120">
        <v>5904329</v>
      </c>
      <c r="NL14" s="318">
        <v>5904329</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585640</v>
      </c>
      <c r="OF14" s="119">
        <v>0</v>
      </c>
      <c r="OG14" s="120">
        <v>585640</v>
      </c>
      <c r="OH14" s="121">
        <v>585640</v>
      </c>
      <c r="OI14" s="142">
        <v>844211</v>
      </c>
      <c r="OJ14" s="119">
        <v>847104</v>
      </c>
      <c r="OK14" s="141">
        <v>1691315</v>
      </c>
      <c r="OL14" s="118">
        <v>0</v>
      </c>
      <c r="OM14" s="119">
        <v>10806694</v>
      </c>
      <c r="ON14" s="119">
        <v>12412468</v>
      </c>
      <c r="OO14" s="119">
        <v>17661279</v>
      </c>
      <c r="OP14" s="119">
        <v>14680132</v>
      </c>
      <c r="OQ14" s="119">
        <v>10579296</v>
      </c>
      <c r="OR14" s="120">
        <v>66139869</v>
      </c>
      <c r="OS14" s="143">
        <v>67831184</v>
      </c>
    </row>
    <row r="15" spans="1:409" ht="21" customHeight="1" x14ac:dyDescent="0.2">
      <c r="B15" s="126" t="s">
        <v>9</v>
      </c>
      <c r="C15" s="110">
        <v>1012175</v>
      </c>
      <c r="D15" s="114">
        <v>938489</v>
      </c>
      <c r="E15" s="113">
        <v>1950664</v>
      </c>
      <c r="F15" s="111">
        <v>0</v>
      </c>
      <c r="G15" s="114">
        <v>10529063</v>
      </c>
      <c r="H15" s="114">
        <v>11492062</v>
      </c>
      <c r="I15" s="114">
        <v>12721765</v>
      </c>
      <c r="J15" s="114">
        <v>12058719</v>
      </c>
      <c r="K15" s="114">
        <v>7122022</v>
      </c>
      <c r="L15" s="109">
        <v>53923631</v>
      </c>
      <c r="M15" s="116">
        <v>55874295</v>
      </c>
      <c r="N15" s="110">
        <v>213492</v>
      </c>
      <c r="O15" s="114">
        <v>256920</v>
      </c>
      <c r="P15" s="113">
        <v>470412</v>
      </c>
      <c r="Q15" s="110">
        <v>0</v>
      </c>
      <c r="R15" s="114">
        <v>4405137</v>
      </c>
      <c r="S15" s="114">
        <v>4446937</v>
      </c>
      <c r="T15" s="114">
        <v>5019052</v>
      </c>
      <c r="U15" s="114">
        <v>5759021</v>
      </c>
      <c r="V15" s="114">
        <v>4147858</v>
      </c>
      <c r="W15" s="113">
        <v>23778005</v>
      </c>
      <c r="X15" s="116">
        <v>24248417</v>
      </c>
      <c r="Y15" s="110">
        <v>0</v>
      </c>
      <c r="Z15" s="114">
        <v>0</v>
      </c>
      <c r="AA15" s="113">
        <v>0</v>
      </c>
      <c r="AB15" s="110">
        <v>0</v>
      </c>
      <c r="AC15" s="114">
        <v>1775017</v>
      </c>
      <c r="AD15" s="114">
        <v>2170657</v>
      </c>
      <c r="AE15" s="114">
        <v>2898807</v>
      </c>
      <c r="AF15" s="114">
        <v>3000478</v>
      </c>
      <c r="AG15" s="114">
        <v>2690680</v>
      </c>
      <c r="AH15" s="113">
        <v>12535639</v>
      </c>
      <c r="AI15" s="116">
        <v>12535639</v>
      </c>
      <c r="AJ15" s="110">
        <v>0</v>
      </c>
      <c r="AK15" s="114">
        <v>0</v>
      </c>
      <c r="AL15" s="113">
        <v>0</v>
      </c>
      <c r="AM15" s="110">
        <v>0</v>
      </c>
      <c r="AN15" s="114">
        <v>0</v>
      </c>
      <c r="AO15" s="114">
        <v>132811</v>
      </c>
      <c r="AP15" s="114">
        <v>48292</v>
      </c>
      <c r="AQ15" s="114">
        <v>171636</v>
      </c>
      <c r="AR15" s="114">
        <v>215197</v>
      </c>
      <c r="AS15" s="113">
        <v>567936</v>
      </c>
      <c r="AT15" s="116">
        <v>567936</v>
      </c>
      <c r="AU15" s="110">
        <v>59532</v>
      </c>
      <c r="AV15" s="114">
        <v>189768</v>
      </c>
      <c r="AW15" s="113">
        <v>249300</v>
      </c>
      <c r="AX15" s="110">
        <v>0</v>
      </c>
      <c r="AY15" s="114">
        <v>1823575</v>
      </c>
      <c r="AZ15" s="114">
        <v>1326647</v>
      </c>
      <c r="BA15" s="114">
        <v>1186139</v>
      </c>
      <c r="BB15" s="114">
        <v>1666660</v>
      </c>
      <c r="BC15" s="114">
        <v>820040</v>
      </c>
      <c r="BD15" s="113">
        <v>6823061</v>
      </c>
      <c r="BE15" s="116">
        <v>7072361</v>
      </c>
      <c r="BF15" s="110">
        <v>0</v>
      </c>
      <c r="BG15" s="114">
        <v>0</v>
      </c>
      <c r="BH15" s="112">
        <v>0</v>
      </c>
      <c r="BI15" s="111">
        <v>0</v>
      </c>
      <c r="BJ15" s="114">
        <v>68625</v>
      </c>
      <c r="BK15" s="114">
        <v>212934</v>
      </c>
      <c r="BL15" s="114">
        <v>95086</v>
      </c>
      <c r="BM15" s="114">
        <v>148751</v>
      </c>
      <c r="BN15" s="114">
        <v>32125</v>
      </c>
      <c r="BO15" s="113">
        <v>557521</v>
      </c>
      <c r="BP15" s="116">
        <v>557521</v>
      </c>
      <c r="BQ15" s="110">
        <v>153960</v>
      </c>
      <c r="BR15" s="114">
        <v>67152</v>
      </c>
      <c r="BS15" s="113">
        <v>221112</v>
      </c>
      <c r="BT15" s="110">
        <v>0</v>
      </c>
      <c r="BU15" s="114">
        <v>737920</v>
      </c>
      <c r="BV15" s="114">
        <v>603888</v>
      </c>
      <c r="BW15" s="114">
        <v>790728</v>
      </c>
      <c r="BX15" s="114">
        <v>771496</v>
      </c>
      <c r="BY15" s="114">
        <v>389816</v>
      </c>
      <c r="BZ15" s="113">
        <v>3293848</v>
      </c>
      <c r="CA15" s="116">
        <v>3514960</v>
      </c>
      <c r="CB15" s="110">
        <v>43856</v>
      </c>
      <c r="CC15" s="114">
        <v>153716</v>
      </c>
      <c r="CD15" s="113">
        <v>197572</v>
      </c>
      <c r="CE15" s="110">
        <v>0</v>
      </c>
      <c r="CF15" s="114">
        <v>2828815</v>
      </c>
      <c r="CG15" s="114">
        <v>2796289</v>
      </c>
      <c r="CH15" s="114">
        <v>2876643</v>
      </c>
      <c r="CI15" s="114">
        <v>1483965</v>
      </c>
      <c r="CJ15" s="114">
        <v>429309</v>
      </c>
      <c r="CK15" s="113">
        <v>10415021</v>
      </c>
      <c r="CL15" s="116">
        <v>10612593</v>
      </c>
      <c r="CM15" s="110">
        <v>0</v>
      </c>
      <c r="CN15" s="114">
        <v>0</v>
      </c>
      <c r="CO15" s="113">
        <v>0</v>
      </c>
      <c r="CP15" s="111">
        <v>0</v>
      </c>
      <c r="CQ15" s="114">
        <v>1685784</v>
      </c>
      <c r="CR15" s="114">
        <v>2166826</v>
      </c>
      <c r="CS15" s="114">
        <v>1700872</v>
      </c>
      <c r="CT15" s="114">
        <v>1107886</v>
      </c>
      <c r="CU15" s="114">
        <v>227207</v>
      </c>
      <c r="CV15" s="113">
        <v>6888575</v>
      </c>
      <c r="CW15" s="116">
        <v>6888575</v>
      </c>
      <c r="CX15" s="110">
        <v>43856</v>
      </c>
      <c r="CY15" s="114">
        <v>153716</v>
      </c>
      <c r="CZ15" s="113">
        <v>197572</v>
      </c>
      <c r="DA15" s="110">
        <v>0</v>
      </c>
      <c r="DB15" s="114">
        <v>1143031</v>
      </c>
      <c r="DC15" s="114">
        <v>629463</v>
      </c>
      <c r="DD15" s="114">
        <v>1175771</v>
      </c>
      <c r="DE15" s="114">
        <v>376079</v>
      </c>
      <c r="DF15" s="114">
        <v>202102</v>
      </c>
      <c r="DG15" s="113">
        <v>3526446</v>
      </c>
      <c r="DH15" s="116">
        <v>3724018</v>
      </c>
      <c r="DI15" s="110">
        <v>0</v>
      </c>
      <c r="DJ15" s="114">
        <v>0</v>
      </c>
      <c r="DK15" s="112">
        <v>0</v>
      </c>
      <c r="DL15" s="111">
        <v>0</v>
      </c>
      <c r="DM15" s="114">
        <v>346990</v>
      </c>
      <c r="DN15" s="114">
        <v>492861</v>
      </c>
      <c r="DO15" s="114">
        <v>843212</v>
      </c>
      <c r="DP15" s="114">
        <v>959470</v>
      </c>
      <c r="DQ15" s="114">
        <v>260617</v>
      </c>
      <c r="DR15" s="113">
        <v>2903150</v>
      </c>
      <c r="DS15" s="116">
        <v>2903150</v>
      </c>
      <c r="DT15" s="110">
        <v>0</v>
      </c>
      <c r="DU15" s="114">
        <v>0</v>
      </c>
      <c r="DV15" s="113">
        <v>0</v>
      </c>
      <c r="DW15" s="110">
        <v>0</v>
      </c>
      <c r="DX15" s="114">
        <v>346990</v>
      </c>
      <c r="DY15" s="114">
        <v>302187</v>
      </c>
      <c r="DZ15" s="114">
        <v>603445</v>
      </c>
      <c r="EA15" s="114">
        <v>959470</v>
      </c>
      <c r="EB15" s="114">
        <v>136422</v>
      </c>
      <c r="EC15" s="113">
        <v>2348514</v>
      </c>
      <c r="ED15" s="116">
        <v>2348514</v>
      </c>
      <c r="EE15" s="110">
        <v>0</v>
      </c>
      <c r="EF15" s="112">
        <v>0</v>
      </c>
      <c r="EG15" s="113">
        <v>0</v>
      </c>
      <c r="EH15" s="110">
        <v>0</v>
      </c>
      <c r="EI15" s="114">
        <v>0</v>
      </c>
      <c r="EJ15" s="114">
        <v>190674</v>
      </c>
      <c r="EK15" s="114">
        <v>239767</v>
      </c>
      <c r="EL15" s="114">
        <v>0</v>
      </c>
      <c r="EM15" s="114">
        <v>124195</v>
      </c>
      <c r="EN15" s="112">
        <v>554636</v>
      </c>
      <c r="EO15" s="116">
        <v>554636</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5"/>
      <c r="FE15" s="114">
        <v>0</v>
      </c>
      <c r="FF15" s="114">
        <v>0</v>
      </c>
      <c r="FG15" s="114">
        <v>0</v>
      </c>
      <c r="FH15" s="114">
        <v>0</v>
      </c>
      <c r="FI15" s="114">
        <v>0</v>
      </c>
      <c r="FJ15" s="113">
        <v>0</v>
      </c>
      <c r="FK15" s="116">
        <v>0</v>
      </c>
      <c r="FL15" s="110">
        <v>201824</v>
      </c>
      <c r="FM15" s="114">
        <v>332168</v>
      </c>
      <c r="FN15" s="113">
        <v>533992</v>
      </c>
      <c r="FO15" s="110">
        <v>0</v>
      </c>
      <c r="FP15" s="114">
        <v>614736</v>
      </c>
      <c r="FQ15" s="114">
        <v>1269672</v>
      </c>
      <c r="FR15" s="114">
        <v>1152840</v>
      </c>
      <c r="FS15" s="114">
        <v>890168</v>
      </c>
      <c r="FT15" s="114">
        <v>554880</v>
      </c>
      <c r="FU15" s="113">
        <v>4482296</v>
      </c>
      <c r="FV15" s="116">
        <v>5016288</v>
      </c>
      <c r="FW15" s="115">
        <v>144224</v>
      </c>
      <c r="FX15" s="114">
        <v>175368</v>
      </c>
      <c r="FY15" s="112">
        <v>319592</v>
      </c>
      <c r="FZ15" s="111">
        <v>0</v>
      </c>
      <c r="GA15" s="114">
        <v>605056</v>
      </c>
      <c r="GB15" s="114">
        <v>918552</v>
      </c>
      <c r="GC15" s="114">
        <v>980136</v>
      </c>
      <c r="GD15" s="114">
        <v>869048</v>
      </c>
      <c r="GE15" s="114">
        <v>524080</v>
      </c>
      <c r="GF15" s="113">
        <v>3896872</v>
      </c>
      <c r="GG15" s="316">
        <v>4216464</v>
      </c>
      <c r="GH15" s="115">
        <v>0</v>
      </c>
      <c r="GI15" s="114">
        <v>0</v>
      </c>
      <c r="GJ15" s="112">
        <v>0</v>
      </c>
      <c r="GK15" s="111">
        <v>0</v>
      </c>
      <c r="GL15" s="114">
        <v>9680</v>
      </c>
      <c r="GM15" s="114">
        <v>21120</v>
      </c>
      <c r="GN15" s="114">
        <v>44704</v>
      </c>
      <c r="GO15" s="114">
        <v>21120</v>
      </c>
      <c r="GP15" s="114">
        <v>0</v>
      </c>
      <c r="GQ15" s="113">
        <v>96624</v>
      </c>
      <c r="GR15" s="116">
        <v>96624</v>
      </c>
      <c r="GS15" s="110">
        <v>57600</v>
      </c>
      <c r="GT15" s="114">
        <v>156800</v>
      </c>
      <c r="GU15" s="113">
        <v>214400</v>
      </c>
      <c r="GV15" s="110">
        <v>0</v>
      </c>
      <c r="GW15" s="114">
        <v>0</v>
      </c>
      <c r="GX15" s="114">
        <v>330000</v>
      </c>
      <c r="GY15" s="114">
        <v>128000</v>
      </c>
      <c r="GZ15" s="114">
        <v>0</v>
      </c>
      <c r="HA15" s="114">
        <v>30800</v>
      </c>
      <c r="HB15" s="112">
        <v>488800</v>
      </c>
      <c r="HC15" s="116">
        <v>703200</v>
      </c>
      <c r="HD15" s="110">
        <v>553003</v>
      </c>
      <c r="HE15" s="114">
        <v>195685</v>
      </c>
      <c r="HF15" s="112">
        <v>748688</v>
      </c>
      <c r="HG15" s="111">
        <v>0</v>
      </c>
      <c r="HH15" s="114">
        <v>2333385</v>
      </c>
      <c r="HI15" s="114">
        <v>2486303</v>
      </c>
      <c r="HJ15" s="114">
        <v>2830018</v>
      </c>
      <c r="HK15" s="114">
        <v>2966095</v>
      </c>
      <c r="HL15" s="114">
        <v>1729358</v>
      </c>
      <c r="HM15" s="113">
        <v>12345159</v>
      </c>
      <c r="HN15" s="109">
        <v>13093847</v>
      </c>
      <c r="HO15" s="326"/>
      <c r="HP15" s="327"/>
      <c r="HQ15" s="328"/>
      <c r="HR15" s="329"/>
      <c r="HS15" s="327"/>
      <c r="HT15" s="327"/>
      <c r="HU15" s="327"/>
      <c r="HV15" s="327"/>
      <c r="HW15" s="327"/>
      <c r="HX15" s="330"/>
      <c r="HY15" s="331"/>
      <c r="HZ15" s="128">
        <v>123798</v>
      </c>
      <c r="IA15" s="149">
        <v>0</v>
      </c>
      <c r="IB15" s="129">
        <v>123798</v>
      </c>
      <c r="IC15" s="146">
        <v>0</v>
      </c>
      <c r="ID15" s="132">
        <v>2805715</v>
      </c>
      <c r="IE15" s="147">
        <v>2107763</v>
      </c>
      <c r="IF15" s="133">
        <v>4510271</v>
      </c>
      <c r="IG15" s="132">
        <v>1994953</v>
      </c>
      <c r="IH15" s="133">
        <v>2136968</v>
      </c>
      <c r="II15" s="148">
        <v>13555670</v>
      </c>
      <c r="IJ15" s="130">
        <v>13679468</v>
      </c>
      <c r="IK15" s="232">
        <v>0</v>
      </c>
      <c r="IL15" s="236">
        <v>0</v>
      </c>
      <c r="IM15" s="237">
        <v>0</v>
      </c>
      <c r="IN15" s="140"/>
      <c r="IO15" s="119">
        <v>0</v>
      </c>
      <c r="IP15" s="119">
        <v>0</v>
      </c>
      <c r="IQ15" s="119">
        <v>0</v>
      </c>
      <c r="IR15" s="119">
        <v>0</v>
      </c>
      <c r="IS15" s="119">
        <v>0</v>
      </c>
      <c r="IT15" s="141">
        <v>0</v>
      </c>
      <c r="IU15" s="318">
        <v>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2059304</v>
      </c>
      <c r="JL15" s="119">
        <v>851942</v>
      </c>
      <c r="JM15" s="119">
        <v>1395978</v>
      </c>
      <c r="JN15" s="119">
        <v>524347</v>
      </c>
      <c r="JO15" s="119">
        <v>349260</v>
      </c>
      <c r="JP15" s="120">
        <v>5180831</v>
      </c>
      <c r="JQ15" s="318">
        <v>5180831</v>
      </c>
      <c r="JR15" s="142">
        <v>0</v>
      </c>
      <c r="JS15" s="119">
        <v>0</v>
      </c>
      <c r="JT15" s="141">
        <v>0</v>
      </c>
      <c r="JU15" s="118">
        <v>0</v>
      </c>
      <c r="JV15" s="119">
        <v>0</v>
      </c>
      <c r="JW15" s="119">
        <v>0</v>
      </c>
      <c r="JX15" s="119">
        <v>161782</v>
      </c>
      <c r="JY15" s="119">
        <v>0</v>
      </c>
      <c r="JZ15" s="119">
        <v>0</v>
      </c>
      <c r="KA15" s="120">
        <v>161782</v>
      </c>
      <c r="KB15" s="318">
        <v>161782</v>
      </c>
      <c r="KC15" s="234">
        <v>123798</v>
      </c>
      <c r="KD15" s="230">
        <v>0</v>
      </c>
      <c r="KE15" s="120">
        <v>123798</v>
      </c>
      <c r="KF15" s="118">
        <v>0</v>
      </c>
      <c r="KG15" s="119">
        <v>118514</v>
      </c>
      <c r="KH15" s="119">
        <v>648046</v>
      </c>
      <c r="KI15" s="119">
        <v>715461</v>
      </c>
      <c r="KJ15" s="119">
        <v>0</v>
      </c>
      <c r="KK15" s="119">
        <v>0</v>
      </c>
      <c r="KL15" s="120">
        <v>1482021</v>
      </c>
      <c r="KM15" s="143">
        <v>1605819</v>
      </c>
      <c r="KN15" s="232">
        <v>0</v>
      </c>
      <c r="KO15" s="236">
        <v>0</v>
      </c>
      <c r="KP15" s="237">
        <v>0</v>
      </c>
      <c r="KQ15" s="140"/>
      <c r="KR15" s="119">
        <v>469851</v>
      </c>
      <c r="KS15" s="119">
        <v>416254</v>
      </c>
      <c r="KT15" s="119">
        <v>1812758</v>
      </c>
      <c r="KU15" s="119">
        <v>1020288</v>
      </c>
      <c r="KV15" s="119">
        <v>1132452</v>
      </c>
      <c r="KW15" s="120">
        <v>4851603</v>
      </c>
      <c r="KX15" s="318">
        <v>4851603</v>
      </c>
      <c r="KY15" s="142">
        <v>0</v>
      </c>
      <c r="KZ15" s="119">
        <v>0</v>
      </c>
      <c r="LA15" s="120">
        <v>0</v>
      </c>
      <c r="LB15" s="145"/>
      <c r="LC15" s="119">
        <v>158046</v>
      </c>
      <c r="LD15" s="119">
        <v>0</v>
      </c>
      <c r="LE15" s="119">
        <v>0</v>
      </c>
      <c r="LF15" s="119">
        <v>0</v>
      </c>
      <c r="LG15" s="119">
        <v>0</v>
      </c>
      <c r="LH15" s="120">
        <v>158046</v>
      </c>
      <c r="LI15" s="121">
        <v>158046</v>
      </c>
      <c r="LJ15" s="142">
        <v>0</v>
      </c>
      <c r="LK15" s="119">
        <v>0</v>
      </c>
      <c r="LL15" s="120">
        <v>0</v>
      </c>
      <c r="LM15" s="145"/>
      <c r="LN15" s="119">
        <v>0</v>
      </c>
      <c r="LO15" s="119">
        <v>0</v>
      </c>
      <c r="LP15" s="119">
        <v>0</v>
      </c>
      <c r="LQ15" s="119">
        <v>0</v>
      </c>
      <c r="LR15" s="119">
        <v>0</v>
      </c>
      <c r="LS15" s="120">
        <v>0</v>
      </c>
      <c r="LT15" s="318">
        <v>0</v>
      </c>
      <c r="LU15" s="142">
        <v>0</v>
      </c>
      <c r="LV15" s="119">
        <v>0</v>
      </c>
      <c r="LW15" s="120">
        <v>0</v>
      </c>
      <c r="LX15" s="145"/>
      <c r="LY15" s="119">
        <v>0</v>
      </c>
      <c r="LZ15" s="119">
        <v>191521</v>
      </c>
      <c r="MA15" s="119">
        <v>424292</v>
      </c>
      <c r="MB15" s="119">
        <v>450318</v>
      </c>
      <c r="MC15" s="119">
        <v>655256</v>
      </c>
      <c r="MD15" s="120">
        <v>1721387</v>
      </c>
      <c r="ME15" s="121">
        <v>1721387</v>
      </c>
      <c r="MF15" s="142">
        <v>0</v>
      </c>
      <c r="MG15" s="119">
        <v>0</v>
      </c>
      <c r="MH15" s="120">
        <v>0</v>
      </c>
      <c r="MI15" s="145"/>
      <c r="MJ15" s="119">
        <v>554290</v>
      </c>
      <c r="MK15" s="119">
        <v>1062562</v>
      </c>
      <c r="ML15" s="119">
        <v>4255832</v>
      </c>
      <c r="MM15" s="119">
        <v>9216936</v>
      </c>
      <c r="MN15" s="119">
        <v>3780784</v>
      </c>
      <c r="MO15" s="120">
        <v>18870404</v>
      </c>
      <c r="MP15" s="143">
        <v>18870404</v>
      </c>
      <c r="MQ15" s="142">
        <v>0</v>
      </c>
      <c r="MR15" s="119">
        <v>0</v>
      </c>
      <c r="MS15" s="120">
        <v>0</v>
      </c>
      <c r="MT15" s="145"/>
      <c r="MU15" s="119">
        <v>0</v>
      </c>
      <c r="MV15" s="119">
        <v>0</v>
      </c>
      <c r="MW15" s="119">
        <v>3243096</v>
      </c>
      <c r="MX15" s="119">
        <v>5614813</v>
      </c>
      <c r="MY15" s="119">
        <v>2552436</v>
      </c>
      <c r="MZ15" s="120">
        <v>11410345</v>
      </c>
      <c r="NA15" s="143">
        <v>11410345</v>
      </c>
      <c r="NB15" s="142">
        <v>0</v>
      </c>
      <c r="NC15" s="119">
        <v>0</v>
      </c>
      <c r="ND15" s="120">
        <v>0</v>
      </c>
      <c r="NE15" s="145"/>
      <c r="NF15" s="119">
        <v>554290</v>
      </c>
      <c r="NG15" s="119">
        <v>1062562</v>
      </c>
      <c r="NH15" s="119">
        <v>1012736</v>
      </c>
      <c r="NI15" s="119">
        <v>3265097</v>
      </c>
      <c r="NJ15" s="119">
        <v>1228348</v>
      </c>
      <c r="NK15" s="120">
        <v>7123033</v>
      </c>
      <c r="NL15" s="318">
        <v>7123033</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337026</v>
      </c>
      <c r="OF15" s="119">
        <v>0</v>
      </c>
      <c r="OG15" s="120">
        <v>337026</v>
      </c>
      <c r="OH15" s="121">
        <v>337026</v>
      </c>
      <c r="OI15" s="142">
        <v>1135973</v>
      </c>
      <c r="OJ15" s="119">
        <v>938489</v>
      </c>
      <c r="OK15" s="141">
        <v>2074462</v>
      </c>
      <c r="OL15" s="118">
        <v>0</v>
      </c>
      <c r="OM15" s="119">
        <v>13889068</v>
      </c>
      <c r="ON15" s="119">
        <v>14662387</v>
      </c>
      <c r="OO15" s="119">
        <v>21487868</v>
      </c>
      <c r="OP15" s="119">
        <v>23270608</v>
      </c>
      <c r="OQ15" s="119">
        <v>13039774</v>
      </c>
      <c r="OR15" s="120">
        <v>86349705</v>
      </c>
      <c r="OS15" s="143">
        <v>88424167</v>
      </c>
    </row>
    <row r="16" spans="1:409" ht="21" customHeight="1" x14ac:dyDescent="0.2">
      <c r="B16" s="126" t="s">
        <v>10</v>
      </c>
      <c r="C16" s="110">
        <v>1589346</v>
      </c>
      <c r="D16" s="114">
        <v>1569616</v>
      </c>
      <c r="E16" s="113">
        <v>3158962</v>
      </c>
      <c r="F16" s="172">
        <v>0</v>
      </c>
      <c r="G16" s="114">
        <v>20244182</v>
      </c>
      <c r="H16" s="114">
        <v>16208941</v>
      </c>
      <c r="I16" s="114">
        <v>11514994</v>
      </c>
      <c r="J16" s="114">
        <v>14863470</v>
      </c>
      <c r="K16" s="114">
        <v>9771439</v>
      </c>
      <c r="L16" s="109">
        <v>72603026</v>
      </c>
      <c r="M16" s="116">
        <v>75761988</v>
      </c>
      <c r="N16" s="110">
        <v>552672</v>
      </c>
      <c r="O16" s="114">
        <v>713712</v>
      </c>
      <c r="P16" s="113">
        <v>1266384</v>
      </c>
      <c r="Q16" s="110">
        <v>0</v>
      </c>
      <c r="R16" s="114">
        <v>6564774</v>
      </c>
      <c r="S16" s="114">
        <v>5856663</v>
      </c>
      <c r="T16" s="114">
        <v>3788093</v>
      </c>
      <c r="U16" s="114">
        <v>6291246</v>
      </c>
      <c r="V16" s="114">
        <v>5516747</v>
      </c>
      <c r="W16" s="113">
        <v>28017523</v>
      </c>
      <c r="X16" s="116">
        <v>29283907</v>
      </c>
      <c r="Y16" s="110">
        <v>0</v>
      </c>
      <c r="Z16" s="114">
        <v>0</v>
      </c>
      <c r="AA16" s="113">
        <v>0</v>
      </c>
      <c r="AB16" s="110">
        <v>0</v>
      </c>
      <c r="AC16" s="114">
        <v>2964664</v>
      </c>
      <c r="AD16" s="114">
        <v>2937173</v>
      </c>
      <c r="AE16" s="114">
        <v>1951619</v>
      </c>
      <c r="AF16" s="114">
        <v>3627326</v>
      </c>
      <c r="AG16" s="114">
        <v>3215561</v>
      </c>
      <c r="AH16" s="113">
        <v>14696343</v>
      </c>
      <c r="AI16" s="116">
        <v>14696343</v>
      </c>
      <c r="AJ16" s="110">
        <v>0</v>
      </c>
      <c r="AK16" s="114">
        <v>0</v>
      </c>
      <c r="AL16" s="113">
        <v>0</v>
      </c>
      <c r="AM16" s="110">
        <v>0</v>
      </c>
      <c r="AN16" s="114">
        <v>11845</v>
      </c>
      <c r="AO16" s="114">
        <v>63139</v>
      </c>
      <c r="AP16" s="114">
        <v>59219</v>
      </c>
      <c r="AQ16" s="114">
        <v>553379</v>
      </c>
      <c r="AR16" s="114">
        <v>639912</v>
      </c>
      <c r="AS16" s="113">
        <v>1327494</v>
      </c>
      <c r="AT16" s="116">
        <v>1327494</v>
      </c>
      <c r="AU16" s="110">
        <v>306119</v>
      </c>
      <c r="AV16" s="114">
        <v>564508</v>
      </c>
      <c r="AW16" s="113">
        <v>870627</v>
      </c>
      <c r="AX16" s="110">
        <v>0</v>
      </c>
      <c r="AY16" s="114">
        <v>2074580</v>
      </c>
      <c r="AZ16" s="114">
        <v>1755063</v>
      </c>
      <c r="BA16" s="114">
        <v>888742</v>
      </c>
      <c r="BB16" s="114">
        <v>1087561</v>
      </c>
      <c r="BC16" s="114">
        <v>886887</v>
      </c>
      <c r="BD16" s="113">
        <v>6692833</v>
      </c>
      <c r="BE16" s="116">
        <v>7563460</v>
      </c>
      <c r="BF16" s="110">
        <v>23169</v>
      </c>
      <c r="BG16" s="114">
        <v>52020</v>
      </c>
      <c r="BH16" s="112">
        <v>75189</v>
      </c>
      <c r="BI16" s="111">
        <v>0</v>
      </c>
      <c r="BJ16" s="114">
        <v>229669</v>
      </c>
      <c r="BK16" s="114">
        <v>200440</v>
      </c>
      <c r="BL16" s="114">
        <v>93241</v>
      </c>
      <c r="BM16" s="114">
        <v>146012</v>
      </c>
      <c r="BN16" s="114">
        <v>133083</v>
      </c>
      <c r="BO16" s="113">
        <v>802445</v>
      </c>
      <c r="BP16" s="116">
        <v>877634</v>
      </c>
      <c r="BQ16" s="110">
        <v>223384</v>
      </c>
      <c r="BR16" s="114">
        <v>97184</v>
      </c>
      <c r="BS16" s="113">
        <v>320568</v>
      </c>
      <c r="BT16" s="110">
        <v>0</v>
      </c>
      <c r="BU16" s="114">
        <v>1284016</v>
      </c>
      <c r="BV16" s="114">
        <v>900848</v>
      </c>
      <c r="BW16" s="114">
        <v>795272</v>
      </c>
      <c r="BX16" s="114">
        <v>876968</v>
      </c>
      <c r="BY16" s="114">
        <v>641304</v>
      </c>
      <c r="BZ16" s="113">
        <v>4498408</v>
      </c>
      <c r="CA16" s="116">
        <v>4818976</v>
      </c>
      <c r="CB16" s="110">
        <v>93820</v>
      </c>
      <c r="CC16" s="114">
        <v>197811</v>
      </c>
      <c r="CD16" s="113">
        <v>291631</v>
      </c>
      <c r="CE16" s="110">
        <v>0</v>
      </c>
      <c r="CF16" s="114">
        <v>6378501</v>
      </c>
      <c r="CG16" s="114">
        <v>4990701</v>
      </c>
      <c r="CH16" s="114">
        <v>2700807</v>
      </c>
      <c r="CI16" s="114">
        <v>1981135</v>
      </c>
      <c r="CJ16" s="114">
        <v>965121</v>
      </c>
      <c r="CK16" s="113">
        <v>17016265</v>
      </c>
      <c r="CL16" s="116">
        <v>17307896</v>
      </c>
      <c r="CM16" s="110">
        <v>0</v>
      </c>
      <c r="CN16" s="114">
        <v>0</v>
      </c>
      <c r="CO16" s="113">
        <v>0</v>
      </c>
      <c r="CP16" s="111">
        <v>0</v>
      </c>
      <c r="CQ16" s="114">
        <v>5275681</v>
      </c>
      <c r="CR16" s="114">
        <v>4291428</v>
      </c>
      <c r="CS16" s="114">
        <v>2309049</v>
      </c>
      <c r="CT16" s="114">
        <v>1525709</v>
      </c>
      <c r="CU16" s="114">
        <v>775801</v>
      </c>
      <c r="CV16" s="113">
        <v>14177668</v>
      </c>
      <c r="CW16" s="116">
        <v>14177668</v>
      </c>
      <c r="CX16" s="110">
        <v>93820</v>
      </c>
      <c r="CY16" s="114">
        <v>197811</v>
      </c>
      <c r="CZ16" s="113">
        <v>291631</v>
      </c>
      <c r="DA16" s="110">
        <v>0</v>
      </c>
      <c r="DB16" s="114">
        <v>1102820</v>
      </c>
      <c r="DC16" s="114">
        <v>699273</v>
      </c>
      <c r="DD16" s="114">
        <v>391758</v>
      </c>
      <c r="DE16" s="114">
        <v>455426</v>
      </c>
      <c r="DF16" s="114">
        <v>189320</v>
      </c>
      <c r="DG16" s="113">
        <v>2838597</v>
      </c>
      <c r="DH16" s="116">
        <v>3130228</v>
      </c>
      <c r="DI16" s="110">
        <v>51619</v>
      </c>
      <c r="DJ16" s="114">
        <v>122569</v>
      </c>
      <c r="DK16" s="112">
        <v>174188</v>
      </c>
      <c r="DL16" s="111">
        <v>0</v>
      </c>
      <c r="DM16" s="114">
        <v>797923</v>
      </c>
      <c r="DN16" s="114">
        <v>904143</v>
      </c>
      <c r="DO16" s="114">
        <v>1261860</v>
      </c>
      <c r="DP16" s="114">
        <v>1683061</v>
      </c>
      <c r="DQ16" s="114">
        <v>139904</v>
      </c>
      <c r="DR16" s="113">
        <v>4786891</v>
      </c>
      <c r="DS16" s="116">
        <v>4961079</v>
      </c>
      <c r="DT16" s="110">
        <v>51619</v>
      </c>
      <c r="DU16" s="114">
        <v>122569</v>
      </c>
      <c r="DV16" s="113">
        <v>174188</v>
      </c>
      <c r="DW16" s="110">
        <v>0</v>
      </c>
      <c r="DX16" s="114">
        <v>684851</v>
      </c>
      <c r="DY16" s="114">
        <v>796075</v>
      </c>
      <c r="DZ16" s="114">
        <v>1064267</v>
      </c>
      <c r="EA16" s="114">
        <v>1601306</v>
      </c>
      <c r="EB16" s="114">
        <v>98470</v>
      </c>
      <c r="EC16" s="113">
        <v>4244969</v>
      </c>
      <c r="ED16" s="116">
        <v>4419157</v>
      </c>
      <c r="EE16" s="110">
        <v>0</v>
      </c>
      <c r="EF16" s="112">
        <v>0</v>
      </c>
      <c r="EG16" s="113">
        <v>0</v>
      </c>
      <c r="EH16" s="110">
        <v>0</v>
      </c>
      <c r="EI16" s="114">
        <v>113072</v>
      </c>
      <c r="EJ16" s="114">
        <v>108068</v>
      </c>
      <c r="EK16" s="114">
        <v>197593</v>
      </c>
      <c r="EL16" s="114">
        <v>81755</v>
      </c>
      <c r="EM16" s="114">
        <v>41434</v>
      </c>
      <c r="EN16" s="112">
        <v>541922</v>
      </c>
      <c r="EO16" s="116">
        <v>541922</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5"/>
      <c r="FE16" s="114">
        <v>0</v>
      </c>
      <c r="FF16" s="114">
        <v>0</v>
      </c>
      <c r="FG16" s="114">
        <v>0</v>
      </c>
      <c r="FH16" s="114">
        <v>0</v>
      </c>
      <c r="FI16" s="114">
        <v>0</v>
      </c>
      <c r="FJ16" s="113">
        <v>0</v>
      </c>
      <c r="FK16" s="116">
        <v>0</v>
      </c>
      <c r="FL16" s="110">
        <v>396112</v>
      </c>
      <c r="FM16" s="114">
        <v>445192</v>
      </c>
      <c r="FN16" s="113">
        <v>841304</v>
      </c>
      <c r="FO16" s="110">
        <v>0</v>
      </c>
      <c r="FP16" s="114">
        <v>1106088</v>
      </c>
      <c r="FQ16" s="114">
        <v>1547872</v>
      </c>
      <c r="FR16" s="114">
        <v>991008</v>
      </c>
      <c r="FS16" s="114">
        <v>1348488</v>
      </c>
      <c r="FT16" s="114">
        <v>695744</v>
      </c>
      <c r="FU16" s="113">
        <v>5689200</v>
      </c>
      <c r="FV16" s="116">
        <v>6530504</v>
      </c>
      <c r="FW16" s="115">
        <v>307040</v>
      </c>
      <c r="FX16" s="114">
        <v>430144</v>
      </c>
      <c r="FY16" s="112">
        <v>737184</v>
      </c>
      <c r="FZ16" s="111">
        <v>0</v>
      </c>
      <c r="GA16" s="114">
        <v>891352</v>
      </c>
      <c r="GB16" s="114">
        <v>1297152</v>
      </c>
      <c r="GC16" s="114">
        <v>877888</v>
      </c>
      <c r="GD16" s="114">
        <v>1269464</v>
      </c>
      <c r="GE16" s="114">
        <v>695744</v>
      </c>
      <c r="GF16" s="113">
        <v>5031600</v>
      </c>
      <c r="GG16" s="316">
        <v>5768784</v>
      </c>
      <c r="GH16" s="115">
        <v>60192</v>
      </c>
      <c r="GI16" s="114">
        <v>15048</v>
      </c>
      <c r="GJ16" s="112">
        <v>75240</v>
      </c>
      <c r="GK16" s="111">
        <v>0</v>
      </c>
      <c r="GL16" s="114">
        <v>16896</v>
      </c>
      <c r="GM16" s="114">
        <v>26400</v>
      </c>
      <c r="GN16" s="114">
        <v>50720</v>
      </c>
      <c r="GO16" s="114">
        <v>79024</v>
      </c>
      <c r="GP16" s="114">
        <v>0</v>
      </c>
      <c r="GQ16" s="113">
        <v>173040</v>
      </c>
      <c r="GR16" s="116">
        <v>248280</v>
      </c>
      <c r="GS16" s="110">
        <v>28880</v>
      </c>
      <c r="GT16" s="114">
        <v>0</v>
      </c>
      <c r="GU16" s="113">
        <v>28880</v>
      </c>
      <c r="GV16" s="110">
        <v>0</v>
      </c>
      <c r="GW16" s="114">
        <v>197840</v>
      </c>
      <c r="GX16" s="114">
        <v>224320</v>
      </c>
      <c r="GY16" s="114">
        <v>62400</v>
      </c>
      <c r="GZ16" s="114">
        <v>0</v>
      </c>
      <c r="HA16" s="114">
        <v>0</v>
      </c>
      <c r="HB16" s="112">
        <v>484560</v>
      </c>
      <c r="HC16" s="116">
        <v>513440</v>
      </c>
      <c r="HD16" s="110">
        <v>495123</v>
      </c>
      <c r="HE16" s="114">
        <v>90332</v>
      </c>
      <c r="HF16" s="112">
        <v>585455</v>
      </c>
      <c r="HG16" s="111">
        <v>0</v>
      </c>
      <c r="HH16" s="114">
        <v>5396896</v>
      </c>
      <c r="HI16" s="114">
        <v>2909562</v>
      </c>
      <c r="HJ16" s="114">
        <v>2773226</v>
      </c>
      <c r="HK16" s="114">
        <v>3559540</v>
      </c>
      <c r="HL16" s="114">
        <v>2453923</v>
      </c>
      <c r="HM16" s="113">
        <v>17093147</v>
      </c>
      <c r="HN16" s="109">
        <v>17678602</v>
      </c>
      <c r="HO16" s="326"/>
      <c r="HP16" s="327"/>
      <c r="HQ16" s="328"/>
      <c r="HR16" s="329"/>
      <c r="HS16" s="327"/>
      <c r="HT16" s="327"/>
      <c r="HU16" s="327"/>
      <c r="HV16" s="327"/>
      <c r="HW16" s="327"/>
      <c r="HX16" s="330"/>
      <c r="HY16" s="331"/>
      <c r="HZ16" s="150">
        <v>0</v>
      </c>
      <c r="IA16" s="135">
        <v>0</v>
      </c>
      <c r="IB16" s="150">
        <v>0</v>
      </c>
      <c r="IC16" s="134">
        <v>0</v>
      </c>
      <c r="ID16" s="135">
        <v>3946220</v>
      </c>
      <c r="IE16" s="136">
        <v>4962390</v>
      </c>
      <c r="IF16" s="137">
        <v>7312685</v>
      </c>
      <c r="IG16" s="135">
        <v>5751202</v>
      </c>
      <c r="IH16" s="137">
        <v>4318640</v>
      </c>
      <c r="II16" s="138">
        <v>26291137</v>
      </c>
      <c r="IJ16" s="150">
        <v>26291137</v>
      </c>
      <c r="IK16" s="232">
        <v>0</v>
      </c>
      <c r="IL16" s="236">
        <v>0</v>
      </c>
      <c r="IM16" s="237">
        <v>0</v>
      </c>
      <c r="IN16" s="140"/>
      <c r="IO16" s="119">
        <v>315414</v>
      </c>
      <c r="IP16" s="119">
        <v>259090</v>
      </c>
      <c r="IQ16" s="119">
        <v>383933</v>
      </c>
      <c r="IR16" s="119">
        <v>0</v>
      </c>
      <c r="IS16" s="119">
        <v>63634</v>
      </c>
      <c r="IT16" s="141">
        <v>1022071</v>
      </c>
      <c r="IU16" s="318">
        <v>1022071</v>
      </c>
      <c r="IV16" s="142">
        <v>0</v>
      </c>
      <c r="IW16" s="119">
        <v>0</v>
      </c>
      <c r="IX16" s="120">
        <v>0</v>
      </c>
      <c r="IY16" s="144"/>
      <c r="IZ16" s="119">
        <v>10692</v>
      </c>
      <c r="JA16" s="119">
        <v>10692</v>
      </c>
      <c r="JB16" s="119">
        <v>21384</v>
      </c>
      <c r="JC16" s="119">
        <v>10692</v>
      </c>
      <c r="JD16" s="119">
        <v>0</v>
      </c>
      <c r="JE16" s="120">
        <v>53460</v>
      </c>
      <c r="JF16" s="121">
        <v>53460</v>
      </c>
      <c r="JG16" s="142">
        <v>0</v>
      </c>
      <c r="JH16" s="119">
        <v>0</v>
      </c>
      <c r="JI16" s="141">
        <v>0</v>
      </c>
      <c r="JJ16" s="118">
        <v>0</v>
      </c>
      <c r="JK16" s="119">
        <v>1464999</v>
      </c>
      <c r="JL16" s="119">
        <v>1144516</v>
      </c>
      <c r="JM16" s="119">
        <v>685096</v>
      </c>
      <c r="JN16" s="119">
        <v>890645</v>
      </c>
      <c r="JO16" s="119">
        <v>0</v>
      </c>
      <c r="JP16" s="120">
        <v>4185256</v>
      </c>
      <c r="JQ16" s="318">
        <v>4185256</v>
      </c>
      <c r="JR16" s="142">
        <v>0</v>
      </c>
      <c r="JS16" s="119">
        <v>0</v>
      </c>
      <c r="JT16" s="141">
        <v>0</v>
      </c>
      <c r="JU16" s="118">
        <v>0</v>
      </c>
      <c r="JV16" s="119">
        <v>261482</v>
      </c>
      <c r="JW16" s="119">
        <v>102028</v>
      </c>
      <c r="JX16" s="119">
        <v>125480</v>
      </c>
      <c r="JY16" s="119">
        <v>129326</v>
      </c>
      <c r="JZ16" s="119">
        <v>204518</v>
      </c>
      <c r="KA16" s="120">
        <v>822834</v>
      </c>
      <c r="KB16" s="318">
        <v>822834</v>
      </c>
      <c r="KC16" s="234">
        <v>0</v>
      </c>
      <c r="KD16" s="230">
        <v>0</v>
      </c>
      <c r="KE16" s="120">
        <v>0</v>
      </c>
      <c r="KF16" s="118">
        <v>0</v>
      </c>
      <c r="KG16" s="119">
        <v>254679</v>
      </c>
      <c r="KH16" s="119">
        <v>535011</v>
      </c>
      <c r="KI16" s="119">
        <v>1419166</v>
      </c>
      <c r="KJ16" s="119">
        <v>1187376</v>
      </c>
      <c r="KK16" s="119">
        <v>287188</v>
      </c>
      <c r="KL16" s="120">
        <v>3683420</v>
      </c>
      <c r="KM16" s="143">
        <v>3683420</v>
      </c>
      <c r="KN16" s="232">
        <v>0</v>
      </c>
      <c r="KO16" s="236">
        <v>0</v>
      </c>
      <c r="KP16" s="237">
        <v>0</v>
      </c>
      <c r="KQ16" s="140"/>
      <c r="KR16" s="119">
        <v>1035116</v>
      </c>
      <c r="KS16" s="119">
        <v>1956782</v>
      </c>
      <c r="KT16" s="119">
        <v>2240559</v>
      </c>
      <c r="KU16" s="119">
        <v>822057</v>
      </c>
      <c r="KV16" s="119">
        <v>1300800</v>
      </c>
      <c r="KW16" s="120">
        <v>7355314</v>
      </c>
      <c r="KX16" s="318">
        <v>7355314</v>
      </c>
      <c r="KY16" s="142">
        <v>0</v>
      </c>
      <c r="KZ16" s="119">
        <v>0</v>
      </c>
      <c r="LA16" s="120">
        <v>0</v>
      </c>
      <c r="LB16" s="145"/>
      <c r="LC16" s="119">
        <v>307935</v>
      </c>
      <c r="LD16" s="119">
        <v>344496</v>
      </c>
      <c r="LE16" s="119">
        <v>959128</v>
      </c>
      <c r="LF16" s="119">
        <v>0</v>
      </c>
      <c r="LG16" s="119">
        <v>688699</v>
      </c>
      <c r="LH16" s="120">
        <v>2300258</v>
      </c>
      <c r="LI16" s="121">
        <v>2300258</v>
      </c>
      <c r="LJ16" s="142">
        <v>0</v>
      </c>
      <c r="LK16" s="119">
        <v>0</v>
      </c>
      <c r="LL16" s="120">
        <v>0</v>
      </c>
      <c r="LM16" s="145"/>
      <c r="LN16" s="119">
        <v>0</v>
      </c>
      <c r="LO16" s="119">
        <v>206120</v>
      </c>
      <c r="LP16" s="119">
        <v>226348</v>
      </c>
      <c r="LQ16" s="119">
        <v>959306</v>
      </c>
      <c r="LR16" s="119">
        <v>796947</v>
      </c>
      <c r="LS16" s="120">
        <v>2188721</v>
      </c>
      <c r="LT16" s="318">
        <v>2188721</v>
      </c>
      <c r="LU16" s="142">
        <v>0</v>
      </c>
      <c r="LV16" s="119">
        <v>0</v>
      </c>
      <c r="LW16" s="120">
        <v>0</v>
      </c>
      <c r="LX16" s="145"/>
      <c r="LY16" s="119">
        <v>295903</v>
      </c>
      <c r="LZ16" s="119">
        <v>403655</v>
      </c>
      <c r="MA16" s="119">
        <v>1251591</v>
      </c>
      <c r="MB16" s="119">
        <v>1751800</v>
      </c>
      <c r="MC16" s="119">
        <v>976854</v>
      </c>
      <c r="MD16" s="120">
        <v>4679803</v>
      </c>
      <c r="ME16" s="121">
        <v>4679803</v>
      </c>
      <c r="MF16" s="142">
        <v>0</v>
      </c>
      <c r="MG16" s="119">
        <v>0</v>
      </c>
      <c r="MH16" s="120">
        <v>0</v>
      </c>
      <c r="MI16" s="145"/>
      <c r="MJ16" s="119">
        <v>1310672</v>
      </c>
      <c r="MK16" s="119">
        <v>1511167</v>
      </c>
      <c r="ML16" s="119">
        <v>7312723</v>
      </c>
      <c r="MM16" s="119">
        <v>10878194</v>
      </c>
      <c r="MN16" s="119">
        <v>7265740</v>
      </c>
      <c r="MO16" s="120">
        <v>28278496</v>
      </c>
      <c r="MP16" s="143">
        <v>28278496</v>
      </c>
      <c r="MQ16" s="142">
        <v>0</v>
      </c>
      <c r="MR16" s="119">
        <v>0</v>
      </c>
      <c r="MS16" s="120">
        <v>0</v>
      </c>
      <c r="MT16" s="145"/>
      <c r="MU16" s="119">
        <v>208404</v>
      </c>
      <c r="MV16" s="119">
        <v>0</v>
      </c>
      <c r="MW16" s="119">
        <v>4140811</v>
      </c>
      <c r="MX16" s="119">
        <v>7858667</v>
      </c>
      <c r="MY16" s="119">
        <v>4278996</v>
      </c>
      <c r="MZ16" s="120">
        <v>16486878</v>
      </c>
      <c r="NA16" s="143">
        <v>16486878</v>
      </c>
      <c r="NB16" s="142">
        <v>0</v>
      </c>
      <c r="NC16" s="119">
        <v>0</v>
      </c>
      <c r="ND16" s="120">
        <v>0</v>
      </c>
      <c r="NE16" s="145"/>
      <c r="NF16" s="119">
        <v>1102268</v>
      </c>
      <c r="NG16" s="119">
        <v>1511167</v>
      </c>
      <c r="NH16" s="119">
        <v>3171912</v>
      </c>
      <c r="NI16" s="119">
        <v>3019527</v>
      </c>
      <c r="NJ16" s="119">
        <v>2259501</v>
      </c>
      <c r="NK16" s="120">
        <v>11064375</v>
      </c>
      <c r="NL16" s="318">
        <v>11064375</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727243</v>
      </c>
      <c r="OG16" s="120">
        <v>727243</v>
      </c>
      <c r="OH16" s="121">
        <v>727243</v>
      </c>
      <c r="OI16" s="142">
        <v>1589346</v>
      </c>
      <c r="OJ16" s="119">
        <v>1569616</v>
      </c>
      <c r="OK16" s="141">
        <v>3158962</v>
      </c>
      <c r="OL16" s="118">
        <v>0</v>
      </c>
      <c r="OM16" s="119">
        <v>25501074</v>
      </c>
      <c r="ON16" s="119">
        <v>22682498</v>
      </c>
      <c r="OO16" s="119">
        <v>26140402</v>
      </c>
      <c r="OP16" s="119">
        <v>31492866</v>
      </c>
      <c r="OQ16" s="119">
        <v>21355819</v>
      </c>
      <c r="OR16" s="120">
        <v>127172659</v>
      </c>
      <c r="OS16" s="143">
        <v>130331621</v>
      </c>
    </row>
    <row r="17" spans="2:409" ht="21" customHeight="1" x14ac:dyDescent="0.2">
      <c r="B17" s="126" t="s">
        <v>11</v>
      </c>
      <c r="C17" s="110">
        <v>464059</v>
      </c>
      <c r="D17" s="114">
        <v>679921</v>
      </c>
      <c r="E17" s="171">
        <v>1143980</v>
      </c>
      <c r="F17" s="111">
        <v>0</v>
      </c>
      <c r="G17" s="114">
        <v>6572667</v>
      </c>
      <c r="H17" s="114">
        <v>6693486</v>
      </c>
      <c r="I17" s="114">
        <v>6015011</v>
      </c>
      <c r="J17" s="114">
        <v>8429606</v>
      </c>
      <c r="K17" s="114">
        <v>3823374</v>
      </c>
      <c r="L17" s="109">
        <v>31534144</v>
      </c>
      <c r="M17" s="116">
        <v>32678124</v>
      </c>
      <c r="N17" s="110">
        <v>159518</v>
      </c>
      <c r="O17" s="114">
        <v>228551</v>
      </c>
      <c r="P17" s="113">
        <v>388069</v>
      </c>
      <c r="Q17" s="110">
        <v>0</v>
      </c>
      <c r="R17" s="114">
        <v>1265126</v>
      </c>
      <c r="S17" s="114">
        <v>2037578</v>
      </c>
      <c r="T17" s="114">
        <v>1417456</v>
      </c>
      <c r="U17" s="114">
        <v>2306101</v>
      </c>
      <c r="V17" s="114">
        <v>2141344</v>
      </c>
      <c r="W17" s="113">
        <v>9167605</v>
      </c>
      <c r="X17" s="116">
        <v>9555674</v>
      </c>
      <c r="Y17" s="110">
        <v>0</v>
      </c>
      <c r="Z17" s="114">
        <v>0</v>
      </c>
      <c r="AA17" s="113">
        <v>0</v>
      </c>
      <c r="AB17" s="110">
        <v>0</v>
      </c>
      <c r="AC17" s="114">
        <v>305041</v>
      </c>
      <c r="AD17" s="114">
        <v>852826</v>
      </c>
      <c r="AE17" s="114">
        <v>799179</v>
      </c>
      <c r="AF17" s="114">
        <v>999602</v>
      </c>
      <c r="AG17" s="114">
        <v>1416227</v>
      </c>
      <c r="AH17" s="113">
        <v>4372875</v>
      </c>
      <c r="AI17" s="116">
        <v>4372875</v>
      </c>
      <c r="AJ17" s="110">
        <v>0</v>
      </c>
      <c r="AK17" s="114">
        <v>0</v>
      </c>
      <c r="AL17" s="113">
        <v>0</v>
      </c>
      <c r="AM17" s="110">
        <v>0</v>
      </c>
      <c r="AN17" s="114">
        <v>23060</v>
      </c>
      <c r="AO17" s="114">
        <v>138354</v>
      </c>
      <c r="AP17" s="114">
        <v>35724</v>
      </c>
      <c r="AQ17" s="114">
        <v>334708</v>
      </c>
      <c r="AR17" s="114">
        <v>154236</v>
      </c>
      <c r="AS17" s="113">
        <v>686082</v>
      </c>
      <c r="AT17" s="116">
        <v>686082</v>
      </c>
      <c r="AU17" s="110">
        <v>114150</v>
      </c>
      <c r="AV17" s="114">
        <v>151316</v>
      </c>
      <c r="AW17" s="113">
        <v>265466</v>
      </c>
      <c r="AX17" s="110">
        <v>0</v>
      </c>
      <c r="AY17" s="114">
        <v>628574</v>
      </c>
      <c r="AZ17" s="114">
        <v>735208</v>
      </c>
      <c r="BA17" s="114">
        <v>378142</v>
      </c>
      <c r="BB17" s="114">
        <v>535434</v>
      </c>
      <c r="BC17" s="114">
        <v>369491</v>
      </c>
      <c r="BD17" s="113">
        <v>2646849</v>
      </c>
      <c r="BE17" s="116">
        <v>2912315</v>
      </c>
      <c r="BF17" s="110">
        <v>0</v>
      </c>
      <c r="BG17" s="114">
        <v>43107</v>
      </c>
      <c r="BH17" s="112">
        <v>43107</v>
      </c>
      <c r="BI17" s="111">
        <v>0</v>
      </c>
      <c r="BJ17" s="114">
        <v>76419</v>
      </c>
      <c r="BK17" s="114">
        <v>41862</v>
      </c>
      <c r="BL17" s="114">
        <v>23547</v>
      </c>
      <c r="BM17" s="114">
        <v>138981</v>
      </c>
      <c r="BN17" s="114">
        <v>41862</v>
      </c>
      <c r="BO17" s="113">
        <v>322671</v>
      </c>
      <c r="BP17" s="116">
        <v>365778</v>
      </c>
      <c r="BQ17" s="110">
        <v>45368</v>
      </c>
      <c r="BR17" s="114">
        <v>34128</v>
      </c>
      <c r="BS17" s="113">
        <v>79496</v>
      </c>
      <c r="BT17" s="110">
        <v>0</v>
      </c>
      <c r="BU17" s="114">
        <v>232032</v>
      </c>
      <c r="BV17" s="114">
        <v>269328</v>
      </c>
      <c r="BW17" s="114">
        <v>180864</v>
      </c>
      <c r="BX17" s="114">
        <v>297376</v>
      </c>
      <c r="BY17" s="114">
        <v>159528</v>
      </c>
      <c r="BZ17" s="113">
        <v>1139128</v>
      </c>
      <c r="CA17" s="116">
        <v>1218624</v>
      </c>
      <c r="CB17" s="110">
        <v>165917</v>
      </c>
      <c r="CC17" s="114">
        <v>73089</v>
      </c>
      <c r="CD17" s="113">
        <v>239006</v>
      </c>
      <c r="CE17" s="110">
        <v>0</v>
      </c>
      <c r="CF17" s="114">
        <v>2624461</v>
      </c>
      <c r="CG17" s="114">
        <v>1933952</v>
      </c>
      <c r="CH17" s="114">
        <v>1852683</v>
      </c>
      <c r="CI17" s="114">
        <v>2026714</v>
      </c>
      <c r="CJ17" s="114">
        <v>261975</v>
      </c>
      <c r="CK17" s="113">
        <v>8699785</v>
      </c>
      <c r="CL17" s="116">
        <v>8938791</v>
      </c>
      <c r="CM17" s="110">
        <v>0</v>
      </c>
      <c r="CN17" s="114">
        <v>0</v>
      </c>
      <c r="CO17" s="113">
        <v>0</v>
      </c>
      <c r="CP17" s="111">
        <v>0</v>
      </c>
      <c r="CQ17" s="114">
        <v>1700097</v>
      </c>
      <c r="CR17" s="114">
        <v>1235923</v>
      </c>
      <c r="CS17" s="114">
        <v>1450902</v>
      </c>
      <c r="CT17" s="114">
        <v>1165420</v>
      </c>
      <c r="CU17" s="114">
        <v>186184</v>
      </c>
      <c r="CV17" s="113">
        <v>5738526</v>
      </c>
      <c r="CW17" s="116">
        <v>5738526</v>
      </c>
      <c r="CX17" s="110">
        <v>165917</v>
      </c>
      <c r="CY17" s="114">
        <v>73089</v>
      </c>
      <c r="CZ17" s="113">
        <v>239006</v>
      </c>
      <c r="DA17" s="110">
        <v>0</v>
      </c>
      <c r="DB17" s="114">
        <v>924364</v>
      </c>
      <c r="DC17" s="114">
        <v>698029</v>
      </c>
      <c r="DD17" s="114">
        <v>401781</v>
      </c>
      <c r="DE17" s="114">
        <v>861294</v>
      </c>
      <c r="DF17" s="114">
        <v>75791</v>
      </c>
      <c r="DG17" s="113">
        <v>2961259</v>
      </c>
      <c r="DH17" s="116">
        <v>3200265</v>
      </c>
      <c r="DI17" s="110">
        <v>0</v>
      </c>
      <c r="DJ17" s="114">
        <v>0</v>
      </c>
      <c r="DK17" s="112">
        <v>0</v>
      </c>
      <c r="DL17" s="111">
        <v>0</v>
      </c>
      <c r="DM17" s="114">
        <v>291674</v>
      </c>
      <c r="DN17" s="114">
        <v>377157</v>
      </c>
      <c r="DO17" s="114">
        <v>746049</v>
      </c>
      <c r="DP17" s="114">
        <v>318102</v>
      </c>
      <c r="DQ17" s="114">
        <v>29759</v>
      </c>
      <c r="DR17" s="113">
        <v>1762741</v>
      </c>
      <c r="DS17" s="116">
        <v>1762741</v>
      </c>
      <c r="DT17" s="110">
        <v>0</v>
      </c>
      <c r="DU17" s="114">
        <v>0</v>
      </c>
      <c r="DV17" s="113">
        <v>0</v>
      </c>
      <c r="DW17" s="110">
        <v>0</v>
      </c>
      <c r="DX17" s="114">
        <v>291674</v>
      </c>
      <c r="DY17" s="114">
        <v>258304</v>
      </c>
      <c r="DZ17" s="114">
        <v>725643</v>
      </c>
      <c r="EA17" s="114">
        <v>270927</v>
      </c>
      <c r="EB17" s="114">
        <v>29759</v>
      </c>
      <c r="EC17" s="113">
        <v>1576307</v>
      </c>
      <c r="ED17" s="116">
        <v>1576307</v>
      </c>
      <c r="EE17" s="110">
        <v>0</v>
      </c>
      <c r="EF17" s="112">
        <v>0</v>
      </c>
      <c r="EG17" s="113">
        <v>0</v>
      </c>
      <c r="EH17" s="110">
        <v>0</v>
      </c>
      <c r="EI17" s="114">
        <v>0</v>
      </c>
      <c r="EJ17" s="114">
        <v>118853</v>
      </c>
      <c r="EK17" s="114">
        <v>20406</v>
      </c>
      <c r="EL17" s="114">
        <v>47175</v>
      </c>
      <c r="EM17" s="114">
        <v>0</v>
      </c>
      <c r="EN17" s="112">
        <v>186434</v>
      </c>
      <c r="EO17" s="116">
        <v>186434</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5"/>
      <c r="FE17" s="114">
        <v>0</v>
      </c>
      <c r="FF17" s="114">
        <v>0</v>
      </c>
      <c r="FG17" s="114">
        <v>0</v>
      </c>
      <c r="FH17" s="114">
        <v>0</v>
      </c>
      <c r="FI17" s="114">
        <v>0</v>
      </c>
      <c r="FJ17" s="113">
        <v>0</v>
      </c>
      <c r="FK17" s="116">
        <v>0</v>
      </c>
      <c r="FL17" s="110">
        <v>81016</v>
      </c>
      <c r="FM17" s="114">
        <v>184528</v>
      </c>
      <c r="FN17" s="113">
        <v>265544</v>
      </c>
      <c r="FO17" s="110">
        <v>0</v>
      </c>
      <c r="FP17" s="114">
        <v>334072</v>
      </c>
      <c r="FQ17" s="114">
        <v>665824</v>
      </c>
      <c r="FR17" s="114">
        <v>451161</v>
      </c>
      <c r="FS17" s="114">
        <v>791480</v>
      </c>
      <c r="FT17" s="114">
        <v>235360</v>
      </c>
      <c r="FU17" s="113">
        <v>2477897</v>
      </c>
      <c r="FV17" s="116">
        <v>2743441</v>
      </c>
      <c r="FW17" s="115">
        <v>62800</v>
      </c>
      <c r="FX17" s="114">
        <v>184528</v>
      </c>
      <c r="FY17" s="112">
        <v>247328</v>
      </c>
      <c r="FZ17" s="111">
        <v>0</v>
      </c>
      <c r="GA17" s="114">
        <v>242424</v>
      </c>
      <c r="GB17" s="114">
        <v>582576</v>
      </c>
      <c r="GC17" s="114">
        <v>427600</v>
      </c>
      <c r="GD17" s="114">
        <v>631480</v>
      </c>
      <c r="GE17" s="114">
        <v>197520</v>
      </c>
      <c r="GF17" s="113">
        <v>2081600</v>
      </c>
      <c r="GG17" s="316">
        <v>2328928</v>
      </c>
      <c r="GH17" s="115">
        <v>18216</v>
      </c>
      <c r="GI17" s="114">
        <v>0</v>
      </c>
      <c r="GJ17" s="112">
        <v>18216</v>
      </c>
      <c r="GK17" s="111">
        <v>0</v>
      </c>
      <c r="GL17" s="114">
        <v>21120</v>
      </c>
      <c r="GM17" s="114">
        <v>32736</v>
      </c>
      <c r="GN17" s="114">
        <v>23561</v>
      </c>
      <c r="GO17" s="114">
        <v>0</v>
      </c>
      <c r="GP17" s="114">
        <v>0</v>
      </c>
      <c r="GQ17" s="113">
        <v>77417</v>
      </c>
      <c r="GR17" s="116">
        <v>95633</v>
      </c>
      <c r="GS17" s="110">
        <v>0</v>
      </c>
      <c r="GT17" s="114">
        <v>0</v>
      </c>
      <c r="GU17" s="113">
        <v>0</v>
      </c>
      <c r="GV17" s="110">
        <v>0</v>
      </c>
      <c r="GW17" s="114">
        <v>70528</v>
      </c>
      <c r="GX17" s="114">
        <v>50512</v>
      </c>
      <c r="GY17" s="114">
        <v>0</v>
      </c>
      <c r="GZ17" s="114">
        <v>160000</v>
      </c>
      <c r="HA17" s="114">
        <v>37840</v>
      </c>
      <c r="HB17" s="112">
        <v>318880</v>
      </c>
      <c r="HC17" s="116">
        <v>318880</v>
      </c>
      <c r="HD17" s="110">
        <v>57608</v>
      </c>
      <c r="HE17" s="114">
        <v>193753</v>
      </c>
      <c r="HF17" s="112">
        <v>251361</v>
      </c>
      <c r="HG17" s="111">
        <v>0</v>
      </c>
      <c r="HH17" s="114">
        <v>2057334</v>
      </c>
      <c r="HI17" s="114">
        <v>1678975</v>
      </c>
      <c r="HJ17" s="114">
        <v>1547662</v>
      </c>
      <c r="HK17" s="114">
        <v>2987209</v>
      </c>
      <c r="HL17" s="114">
        <v>1154936</v>
      </c>
      <c r="HM17" s="113">
        <v>9426116</v>
      </c>
      <c r="HN17" s="109">
        <v>9677477</v>
      </c>
      <c r="HO17" s="326"/>
      <c r="HP17" s="327"/>
      <c r="HQ17" s="328"/>
      <c r="HR17" s="329"/>
      <c r="HS17" s="327"/>
      <c r="HT17" s="327"/>
      <c r="HU17" s="327"/>
      <c r="HV17" s="327"/>
      <c r="HW17" s="327"/>
      <c r="HX17" s="330"/>
      <c r="HY17" s="331"/>
      <c r="HZ17" s="131">
        <v>0</v>
      </c>
      <c r="IA17" s="132">
        <v>0</v>
      </c>
      <c r="IB17" s="133">
        <v>0</v>
      </c>
      <c r="IC17" s="146">
        <v>0</v>
      </c>
      <c r="ID17" s="132">
        <v>1116283</v>
      </c>
      <c r="IE17" s="147">
        <v>2056410</v>
      </c>
      <c r="IF17" s="133">
        <v>1899386</v>
      </c>
      <c r="IG17" s="132">
        <v>1502287</v>
      </c>
      <c r="IH17" s="133">
        <v>1215361</v>
      </c>
      <c r="II17" s="148">
        <v>7789727</v>
      </c>
      <c r="IJ17" s="139">
        <v>7789727</v>
      </c>
      <c r="IK17" s="232">
        <v>0</v>
      </c>
      <c r="IL17" s="236">
        <v>0</v>
      </c>
      <c r="IM17" s="237">
        <v>0</v>
      </c>
      <c r="IN17" s="140"/>
      <c r="IO17" s="119">
        <v>75430</v>
      </c>
      <c r="IP17" s="119">
        <v>124872</v>
      </c>
      <c r="IQ17" s="119">
        <v>153880</v>
      </c>
      <c r="IR17" s="119">
        <v>0</v>
      </c>
      <c r="IS17" s="119">
        <v>565558</v>
      </c>
      <c r="IT17" s="141">
        <v>919740</v>
      </c>
      <c r="IU17" s="318">
        <v>919740</v>
      </c>
      <c r="IV17" s="142">
        <v>0</v>
      </c>
      <c r="IW17" s="119">
        <v>0</v>
      </c>
      <c r="IX17" s="120">
        <v>0</v>
      </c>
      <c r="IY17" s="144"/>
      <c r="IZ17" s="119">
        <v>0</v>
      </c>
      <c r="JA17" s="119">
        <v>0</v>
      </c>
      <c r="JB17" s="119">
        <v>0</v>
      </c>
      <c r="JC17" s="119">
        <v>16836</v>
      </c>
      <c r="JD17" s="119">
        <v>0</v>
      </c>
      <c r="JE17" s="120">
        <v>16836</v>
      </c>
      <c r="JF17" s="121">
        <v>16836</v>
      </c>
      <c r="JG17" s="142">
        <v>0</v>
      </c>
      <c r="JH17" s="119">
        <v>0</v>
      </c>
      <c r="JI17" s="141">
        <v>0</v>
      </c>
      <c r="JJ17" s="118">
        <v>0</v>
      </c>
      <c r="JK17" s="119">
        <v>905729</v>
      </c>
      <c r="JL17" s="119">
        <v>454783</v>
      </c>
      <c r="JM17" s="119">
        <v>342180</v>
      </c>
      <c r="JN17" s="119">
        <v>234513</v>
      </c>
      <c r="JO17" s="119">
        <v>385377</v>
      </c>
      <c r="JP17" s="120">
        <v>2322582</v>
      </c>
      <c r="JQ17" s="318">
        <v>2322582</v>
      </c>
      <c r="JR17" s="142">
        <v>0</v>
      </c>
      <c r="JS17" s="119">
        <v>0</v>
      </c>
      <c r="JT17" s="141">
        <v>0</v>
      </c>
      <c r="JU17" s="118">
        <v>0</v>
      </c>
      <c r="JV17" s="119">
        <v>0</v>
      </c>
      <c r="JW17" s="119">
        <v>303803</v>
      </c>
      <c r="JX17" s="119">
        <v>172588</v>
      </c>
      <c r="JY17" s="119">
        <v>47288</v>
      </c>
      <c r="JZ17" s="119">
        <v>0</v>
      </c>
      <c r="KA17" s="120">
        <v>523679</v>
      </c>
      <c r="KB17" s="318">
        <v>523679</v>
      </c>
      <c r="KC17" s="234">
        <v>0</v>
      </c>
      <c r="KD17" s="230">
        <v>0</v>
      </c>
      <c r="KE17" s="120">
        <v>0</v>
      </c>
      <c r="KF17" s="118">
        <v>0</v>
      </c>
      <c r="KG17" s="119">
        <v>0</v>
      </c>
      <c r="KH17" s="119">
        <v>510271</v>
      </c>
      <c r="KI17" s="119">
        <v>475297</v>
      </c>
      <c r="KJ17" s="119">
        <v>161727</v>
      </c>
      <c r="KK17" s="119">
        <v>0</v>
      </c>
      <c r="KL17" s="120">
        <v>1147295</v>
      </c>
      <c r="KM17" s="143">
        <v>1147295</v>
      </c>
      <c r="KN17" s="232">
        <v>0</v>
      </c>
      <c r="KO17" s="236">
        <v>0</v>
      </c>
      <c r="KP17" s="237">
        <v>0</v>
      </c>
      <c r="KQ17" s="140"/>
      <c r="KR17" s="119">
        <v>0</v>
      </c>
      <c r="KS17" s="119">
        <v>472748</v>
      </c>
      <c r="KT17" s="119">
        <v>755441</v>
      </c>
      <c r="KU17" s="119">
        <v>760281</v>
      </c>
      <c r="KV17" s="119">
        <v>264426</v>
      </c>
      <c r="KW17" s="120">
        <v>2252896</v>
      </c>
      <c r="KX17" s="318">
        <v>2252896</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18">
        <v>0</v>
      </c>
      <c r="LU17" s="142">
        <v>0</v>
      </c>
      <c r="LV17" s="119">
        <v>0</v>
      </c>
      <c r="LW17" s="120">
        <v>0</v>
      </c>
      <c r="LX17" s="145"/>
      <c r="LY17" s="119">
        <v>135124</v>
      </c>
      <c r="LZ17" s="119">
        <v>189933</v>
      </c>
      <c r="MA17" s="119">
        <v>0</v>
      </c>
      <c r="MB17" s="119">
        <v>281642</v>
      </c>
      <c r="MC17" s="119">
        <v>0</v>
      </c>
      <c r="MD17" s="120">
        <v>606699</v>
      </c>
      <c r="ME17" s="121">
        <v>606699</v>
      </c>
      <c r="MF17" s="142">
        <v>0</v>
      </c>
      <c r="MG17" s="119">
        <v>0</v>
      </c>
      <c r="MH17" s="120">
        <v>0</v>
      </c>
      <c r="MI17" s="145"/>
      <c r="MJ17" s="119">
        <v>233176</v>
      </c>
      <c r="MK17" s="119">
        <v>245767</v>
      </c>
      <c r="ML17" s="119">
        <v>2212991</v>
      </c>
      <c r="MM17" s="119">
        <v>5383118</v>
      </c>
      <c r="MN17" s="119">
        <v>3557479</v>
      </c>
      <c r="MO17" s="120">
        <v>11632531</v>
      </c>
      <c r="MP17" s="143">
        <v>11632531</v>
      </c>
      <c r="MQ17" s="142">
        <v>0</v>
      </c>
      <c r="MR17" s="119">
        <v>0</v>
      </c>
      <c r="MS17" s="120">
        <v>0</v>
      </c>
      <c r="MT17" s="145"/>
      <c r="MU17" s="119">
        <v>0</v>
      </c>
      <c r="MV17" s="119">
        <v>0</v>
      </c>
      <c r="MW17" s="119">
        <v>939449</v>
      </c>
      <c r="MX17" s="119">
        <v>3941554</v>
      </c>
      <c r="MY17" s="119">
        <v>1670165</v>
      </c>
      <c r="MZ17" s="120">
        <v>6551168</v>
      </c>
      <c r="NA17" s="143">
        <v>6551168</v>
      </c>
      <c r="NB17" s="142">
        <v>0</v>
      </c>
      <c r="NC17" s="119">
        <v>0</v>
      </c>
      <c r="ND17" s="120">
        <v>0</v>
      </c>
      <c r="NE17" s="145"/>
      <c r="NF17" s="119">
        <v>233176</v>
      </c>
      <c r="NG17" s="119">
        <v>245767</v>
      </c>
      <c r="NH17" s="119">
        <v>1273542</v>
      </c>
      <c r="NI17" s="119">
        <v>1096085</v>
      </c>
      <c r="NJ17" s="119">
        <v>1887314</v>
      </c>
      <c r="NK17" s="120">
        <v>4735884</v>
      </c>
      <c r="NL17" s="318">
        <v>4735884</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345479</v>
      </c>
      <c r="OF17" s="119">
        <v>0</v>
      </c>
      <c r="OG17" s="120">
        <v>345479</v>
      </c>
      <c r="OH17" s="121">
        <v>345479</v>
      </c>
      <c r="OI17" s="142">
        <v>464059</v>
      </c>
      <c r="OJ17" s="119">
        <v>679921</v>
      </c>
      <c r="OK17" s="141">
        <v>1143980</v>
      </c>
      <c r="OL17" s="118">
        <v>0</v>
      </c>
      <c r="OM17" s="119">
        <v>7922126</v>
      </c>
      <c r="ON17" s="119">
        <v>8995663</v>
      </c>
      <c r="OO17" s="119">
        <v>10127388</v>
      </c>
      <c r="OP17" s="119">
        <v>15315011</v>
      </c>
      <c r="OQ17" s="119">
        <v>8596214</v>
      </c>
      <c r="OR17" s="120">
        <v>50956402</v>
      </c>
      <c r="OS17" s="143">
        <v>52100382</v>
      </c>
    </row>
    <row r="18" spans="2:409" ht="21" customHeight="1" x14ac:dyDescent="0.2">
      <c r="B18" s="126" t="s">
        <v>12</v>
      </c>
      <c r="C18" s="110">
        <v>772476</v>
      </c>
      <c r="D18" s="114">
        <v>1717595</v>
      </c>
      <c r="E18" s="113">
        <v>2490071</v>
      </c>
      <c r="F18" s="109">
        <v>0</v>
      </c>
      <c r="G18" s="114">
        <v>7119108</v>
      </c>
      <c r="H18" s="170">
        <v>8566676</v>
      </c>
      <c r="I18" s="170">
        <v>8417852</v>
      </c>
      <c r="J18" s="170">
        <v>9961623</v>
      </c>
      <c r="K18" s="170">
        <v>4267843</v>
      </c>
      <c r="L18" s="112">
        <v>38333102</v>
      </c>
      <c r="M18" s="116">
        <v>40823173</v>
      </c>
      <c r="N18" s="110">
        <v>367922</v>
      </c>
      <c r="O18" s="114">
        <v>472094</v>
      </c>
      <c r="P18" s="113">
        <v>840016</v>
      </c>
      <c r="Q18" s="110">
        <v>0</v>
      </c>
      <c r="R18" s="114">
        <v>2288703</v>
      </c>
      <c r="S18" s="114">
        <v>3105958</v>
      </c>
      <c r="T18" s="114">
        <v>2881230</v>
      </c>
      <c r="U18" s="114">
        <v>4249495</v>
      </c>
      <c r="V18" s="114">
        <v>1968234</v>
      </c>
      <c r="W18" s="113">
        <v>14493620</v>
      </c>
      <c r="X18" s="116">
        <v>15333636</v>
      </c>
      <c r="Y18" s="110">
        <v>0</v>
      </c>
      <c r="Z18" s="114">
        <v>0</v>
      </c>
      <c r="AA18" s="113">
        <v>0</v>
      </c>
      <c r="AB18" s="110">
        <v>0</v>
      </c>
      <c r="AC18" s="114">
        <v>1358661</v>
      </c>
      <c r="AD18" s="114">
        <v>1360804</v>
      </c>
      <c r="AE18" s="114">
        <v>1662868</v>
      </c>
      <c r="AF18" s="114">
        <v>3049110</v>
      </c>
      <c r="AG18" s="114">
        <v>1222079</v>
      </c>
      <c r="AH18" s="113">
        <v>8653522</v>
      </c>
      <c r="AI18" s="116">
        <v>8653522</v>
      </c>
      <c r="AJ18" s="110">
        <v>0</v>
      </c>
      <c r="AK18" s="114">
        <v>0</v>
      </c>
      <c r="AL18" s="113">
        <v>0</v>
      </c>
      <c r="AM18" s="110">
        <v>0</v>
      </c>
      <c r="AN18" s="114">
        <v>25243</v>
      </c>
      <c r="AO18" s="114">
        <v>91606</v>
      </c>
      <c r="AP18" s="114">
        <v>95913</v>
      </c>
      <c r="AQ18" s="114">
        <v>117973</v>
      </c>
      <c r="AR18" s="114">
        <v>116911</v>
      </c>
      <c r="AS18" s="113">
        <v>447646</v>
      </c>
      <c r="AT18" s="116">
        <v>447646</v>
      </c>
      <c r="AU18" s="110">
        <v>320210</v>
      </c>
      <c r="AV18" s="114">
        <v>348414</v>
      </c>
      <c r="AW18" s="113">
        <v>668624</v>
      </c>
      <c r="AX18" s="110">
        <v>0</v>
      </c>
      <c r="AY18" s="114">
        <v>651099</v>
      </c>
      <c r="AZ18" s="114">
        <v>1163723</v>
      </c>
      <c r="BA18" s="114">
        <v>704542</v>
      </c>
      <c r="BB18" s="114">
        <v>589581</v>
      </c>
      <c r="BC18" s="114">
        <v>412668</v>
      </c>
      <c r="BD18" s="113">
        <v>3521613</v>
      </c>
      <c r="BE18" s="116">
        <v>4190237</v>
      </c>
      <c r="BF18" s="110">
        <v>0</v>
      </c>
      <c r="BG18" s="114">
        <v>63400</v>
      </c>
      <c r="BH18" s="112">
        <v>63400</v>
      </c>
      <c r="BI18" s="111">
        <v>0</v>
      </c>
      <c r="BJ18" s="114">
        <v>7156</v>
      </c>
      <c r="BK18" s="114">
        <v>113617</v>
      </c>
      <c r="BL18" s="114">
        <v>78755</v>
      </c>
      <c r="BM18" s="114">
        <v>5423</v>
      </c>
      <c r="BN18" s="114">
        <v>0</v>
      </c>
      <c r="BO18" s="113">
        <v>204951</v>
      </c>
      <c r="BP18" s="116">
        <v>268351</v>
      </c>
      <c r="BQ18" s="110">
        <v>47712</v>
      </c>
      <c r="BR18" s="114">
        <v>60280</v>
      </c>
      <c r="BS18" s="113">
        <v>107992</v>
      </c>
      <c r="BT18" s="110">
        <v>0</v>
      </c>
      <c r="BU18" s="114">
        <v>246544</v>
      </c>
      <c r="BV18" s="114">
        <v>376208</v>
      </c>
      <c r="BW18" s="114">
        <v>339152</v>
      </c>
      <c r="BX18" s="114">
        <v>487408</v>
      </c>
      <c r="BY18" s="114">
        <v>216576</v>
      </c>
      <c r="BZ18" s="113">
        <v>1665888</v>
      </c>
      <c r="CA18" s="116">
        <v>1773880</v>
      </c>
      <c r="CB18" s="110">
        <v>213953</v>
      </c>
      <c r="CC18" s="114">
        <v>345477</v>
      </c>
      <c r="CD18" s="113">
        <v>559430</v>
      </c>
      <c r="CE18" s="110">
        <v>0</v>
      </c>
      <c r="CF18" s="114">
        <v>2696150</v>
      </c>
      <c r="CG18" s="114">
        <v>2727931</v>
      </c>
      <c r="CH18" s="114">
        <v>2321160</v>
      </c>
      <c r="CI18" s="114">
        <v>1419482</v>
      </c>
      <c r="CJ18" s="114">
        <v>173854</v>
      </c>
      <c r="CK18" s="113">
        <v>9338577</v>
      </c>
      <c r="CL18" s="116">
        <v>9898007</v>
      </c>
      <c r="CM18" s="110">
        <v>0</v>
      </c>
      <c r="CN18" s="114">
        <v>0</v>
      </c>
      <c r="CO18" s="113">
        <v>0</v>
      </c>
      <c r="CP18" s="111">
        <v>0</v>
      </c>
      <c r="CQ18" s="114">
        <v>2438930</v>
      </c>
      <c r="CR18" s="114">
        <v>1917276</v>
      </c>
      <c r="CS18" s="114">
        <v>1391946</v>
      </c>
      <c r="CT18" s="114">
        <v>749600</v>
      </c>
      <c r="CU18" s="114">
        <v>0</v>
      </c>
      <c r="CV18" s="113">
        <v>6497752</v>
      </c>
      <c r="CW18" s="116">
        <v>6497752</v>
      </c>
      <c r="CX18" s="110">
        <v>213953</v>
      </c>
      <c r="CY18" s="114">
        <v>345477</v>
      </c>
      <c r="CZ18" s="113">
        <v>559430</v>
      </c>
      <c r="DA18" s="110">
        <v>0</v>
      </c>
      <c r="DB18" s="114">
        <v>257220</v>
      </c>
      <c r="DC18" s="114">
        <v>810655</v>
      </c>
      <c r="DD18" s="114">
        <v>929214</v>
      </c>
      <c r="DE18" s="114">
        <v>669882</v>
      </c>
      <c r="DF18" s="114">
        <v>173854</v>
      </c>
      <c r="DG18" s="113">
        <v>2840825</v>
      </c>
      <c r="DH18" s="116">
        <v>3400255</v>
      </c>
      <c r="DI18" s="110">
        <v>18922</v>
      </c>
      <c r="DJ18" s="114">
        <v>124918</v>
      </c>
      <c r="DK18" s="112">
        <v>143840</v>
      </c>
      <c r="DL18" s="111">
        <v>0</v>
      </c>
      <c r="DM18" s="114">
        <v>742724</v>
      </c>
      <c r="DN18" s="114">
        <v>318192</v>
      </c>
      <c r="DO18" s="114">
        <v>363871</v>
      </c>
      <c r="DP18" s="114">
        <v>1010063</v>
      </c>
      <c r="DQ18" s="114">
        <v>294732</v>
      </c>
      <c r="DR18" s="113">
        <v>2729582</v>
      </c>
      <c r="DS18" s="116">
        <v>2873422</v>
      </c>
      <c r="DT18" s="110">
        <v>18922</v>
      </c>
      <c r="DU18" s="114">
        <v>124918</v>
      </c>
      <c r="DV18" s="113">
        <v>143840</v>
      </c>
      <c r="DW18" s="110">
        <v>0</v>
      </c>
      <c r="DX18" s="114">
        <v>742724</v>
      </c>
      <c r="DY18" s="114">
        <v>318192</v>
      </c>
      <c r="DZ18" s="114">
        <v>258050</v>
      </c>
      <c r="EA18" s="114">
        <v>1010063</v>
      </c>
      <c r="EB18" s="114">
        <v>294732</v>
      </c>
      <c r="EC18" s="113">
        <v>2623761</v>
      </c>
      <c r="ED18" s="116">
        <v>2767601</v>
      </c>
      <c r="EE18" s="110">
        <v>0</v>
      </c>
      <c r="EF18" s="112">
        <v>0</v>
      </c>
      <c r="EG18" s="113">
        <v>0</v>
      </c>
      <c r="EH18" s="110">
        <v>0</v>
      </c>
      <c r="EI18" s="114">
        <v>0</v>
      </c>
      <c r="EJ18" s="114">
        <v>0</v>
      </c>
      <c r="EK18" s="114">
        <v>105821</v>
      </c>
      <c r="EL18" s="114">
        <v>0</v>
      </c>
      <c r="EM18" s="114">
        <v>0</v>
      </c>
      <c r="EN18" s="112">
        <v>105821</v>
      </c>
      <c r="EO18" s="116">
        <v>105821</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5"/>
      <c r="FE18" s="114">
        <v>0</v>
      </c>
      <c r="FF18" s="114">
        <v>0</v>
      </c>
      <c r="FG18" s="114">
        <v>0</v>
      </c>
      <c r="FH18" s="114">
        <v>0</v>
      </c>
      <c r="FI18" s="114">
        <v>0</v>
      </c>
      <c r="FJ18" s="113">
        <v>0</v>
      </c>
      <c r="FK18" s="116">
        <v>0</v>
      </c>
      <c r="FL18" s="110">
        <v>65232</v>
      </c>
      <c r="FM18" s="114">
        <v>318920</v>
      </c>
      <c r="FN18" s="113">
        <v>384152</v>
      </c>
      <c r="FO18" s="110">
        <v>0</v>
      </c>
      <c r="FP18" s="114">
        <v>463992</v>
      </c>
      <c r="FQ18" s="114">
        <v>854872</v>
      </c>
      <c r="FR18" s="114">
        <v>709016</v>
      </c>
      <c r="FS18" s="114">
        <v>746984</v>
      </c>
      <c r="FT18" s="114">
        <v>322656</v>
      </c>
      <c r="FU18" s="113">
        <v>3097520</v>
      </c>
      <c r="FV18" s="116">
        <v>3481672</v>
      </c>
      <c r="FW18" s="115">
        <v>55712</v>
      </c>
      <c r="FX18" s="114">
        <v>248520</v>
      </c>
      <c r="FY18" s="112">
        <v>304232</v>
      </c>
      <c r="FZ18" s="111">
        <v>0</v>
      </c>
      <c r="GA18" s="114">
        <v>251992</v>
      </c>
      <c r="GB18" s="114">
        <v>826072</v>
      </c>
      <c r="GC18" s="114">
        <v>648616</v>
      </c>
      <c r="GD18" s="114">
        <v>726984</v>
      </c>
      <c r="GE18" s="114">
        <v>322656</v>
      </c>
      <c r="GF18" s="113">
        <v>2776320</v>
      </c>
      <c r="GG18" s="316">
        <v>3080552</v>
      </c>
      <c r="GH18" s="115">
        <v>9520</v>
      </c>
      <c r="GI18" s="114">
        <v>0</v>
      </c>
      <c r="GJ18" s="112">
        <v>9520</v>
      </c>
      <c r="GK18" s="111">
        <v>0</v>
      </c>
      <c r="GL18" s="114">
        <v>0</v>
      </c>
      <c r="GM18" s="114">
        <v>0</v>
      </c>
      <c r="GN18" s="114">
        <v>16400</v>
      </c>
      <c r="GO18" s="114">
        <v>20000</v>
      </c>
      <c r="GP18" s="114">
        <v>0</v>
      </c>
      <c r="GQ18" s="113">
        <v>36400</v>
      </c>
      <c r="GR18" s="116">
        <v>45920</v>
      </c>
      <c r="GS18" s="110">
        <v>0</v>
      </c>
      <c r="GT18" s="114">
        <v>70400</v>
      </c>
      <c r="GU18" s="113">
        <v>70400</v>
      </c>
      <c r="GV18" s="110">
        <v>0</v>
      </c>
      <c r="GW18" s="114">
        <v>212000</v>
      </c>
      <c r="GX18" s="114">
        <v>28800</v>
      </c>
      <c r="GY18" s="114">
        <v>44000</v>
      </c>
      <c r="GZ18" s="114">
        <v>0</v>
      </c>
      <c r="HA18" s="114">
        <v>0</v>
      </c>
      <c r="HB18" s="112">
        <v>284800</v>
      </c>
      <c r="HC18" s="116">
        <v>355200</v>
      </c>
      <c r="HD18" s="110">
        <v>106447</v>
      </c>
      <c r="HE18" s="114">
        <v>456186</v>
      </c>
      <c r="HF18" s="112">
        <v>562633</v>
      </c>
      <c r="HG18" s="111">
        <v>0</v>
      </c>
      <c r="HH18" s="114">
        <v>927539</v>
      </c>
      <c r="HI18" s="114">
        <v>1559723</v>
      </c>
      <c r="HJ18" s="114">
        <v>2142575</v>
      </c>
      <c r="HK18" s="114">
        <v>2535599</v>
      </c>
      <c r="HL18" s="114">
        <v>1508367</v>
      </c>
      <c r="HM18" s="113">
        <v>8673803</v>
      </c>
      <c r="HN18" s="109">
        <v>9236436</v>
      </c>
      <c r="HO18" s="326"/>
      <c r="HP18" s="327"/>
      <c r="HQ18" s="328"/>
      <c r="HR18" s="329"/>
      <c r="HS18" s="327"/>
      <c r="HT18" s="327"/>
      <c r="HU18" s="327"/>
      <c r="HV18" s="327"/>
      <c r="HW18" s="327"/>
      <c r="HX18" s="330"/>
      <c r="HY18" s="331"/>
      <c r="HZ18" s="150">
        <v>0</v>
      </c>
      <c r="IA18" s="135">
        <v>0</v>
      </c>
      <c r="IB18" s="150">
        <v>0</v>
      </c>
      <c r="IC18" s="134">
        <v>0</v>
      </c>
      <c r="ID18" s="135">
        <v>2634711</v>
      </c>
      <c r="IE18" s="136">
        <v>2299251</v>
      </c>
      <c r="IF18" s="137">
        <v>2106787</v>
      </c>
      <c r="IG18" s="135">
        <v>3383235</v>
      </c>
      <c r="IH18" s="137">
        <v>1629169</v>
      </c>
      <c r="II18" s="138">
        <v>12053153</v>
      </c>
      <c r="IJ18" s="150">
        <v>12053153</v>
      </c>
      <c r="IK18" s="232">
        <v>0</v>
      </c>
      <c r="IL18" s="236">
        <v>0</v>
      </c>
      <c r="IM18" s="237">
        <v>0</v>
      </c>
      <c r="IN18" s="140"/>
      <c r="IO18" s="119">
        <v>72828</v>
      </c>
      <c r="IP18" s="119">
        <v>104628</v>
      </c>
      <c r="IQ18" s="119">
        <v>0</v>
      </c>
      <c r="IR18" s="119">
        <v>228492</v>
      </c>
      <c r="IS18" s="119">
        <v>0</v>
      </c>
      <c r="IT18" s="141">
        <v>405948</v>
      </c>
      <c r="IU18" s="318">
        <v>405948</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367424</v>
      </c>
      <c r="JL18" s="119">
        <v>900412</v>
      </c>
      <c r="JM18" s="119">
        <v>701921</v>
      </c>
      <c r="JN18" s="119">
        <v>737690</v>
      </c>
      <c r="JO18" s="119">
        <v>218018</v>
      </c>
      <c r="JP18" s="120">
        <v>3925465</v>
      </c>
      <c r="JQ18" s="318">
        <v>3925465</v>
      </c>
      <c r="JR18" s="142">
        <v>0</v>
      </c>
      <c r="JS18" s="119">
        <v>0</v>
      </c>
      <c r="JT18" s="141">
        <v>0</v>
      </c>
      <c r="JU18" s="118">
        <v>0</v>
      </c>
      <c r="JV18" s="119">
        <v>0</v>
      </c>
      <c r="JW18" s="119">
        <v>0</v>
      </c>
      <c r="JX18" s="119">
        <v>0</v>
      </c>
      <c r="JY18" s="119">
        <v>0</v>
      </c>
      <c r="JZ18" s="119">
        <v>0</v>
      </c>
      <c r="KA18" s="120">
        <v>0</v>
      </c>
      <c r="KB18" s="318">
        <v>0</v>
      </c>
      <c r="KC18" s="234">
        <v>0</v>
      </c>
      <c r="KD18" s="230">
        <v>0</v>
      </c>
      <c r="KE18" s="120">
        <v>0</v>
      </c>
      <c r="KF18" s="118">
        <v>0</v>
      </c>
      <c r="KG18" s="119">
        <v>255942</v>
      </c>
      <c r="KH18" s="119">
        <v>0</v>
      </c>
      <c r="KI18" s="119">
        <v>910884</v>
      </c>
      <c r="KJ18" s="119">
        <v>1059757</v>
      </c>
      <c r="KK18" s="119">
        <v>602902</v>
      </c>
      <c r="KL18" s="120">
        <v>2829485</v>
      </c>
      <c r="KM18" s="143">
        <v>2829485</v>
      </c>
      <c r="KN18" s="232">
        <v>0</v>
      </c>
      <c r="KO18" s="236">
        <v>0</v>
      </c>
      <c r="KP18" s="237">
        <v>0</v>
      </c>
      <c r="KQ18" s="140"/>
      <c r="KR18" s="119">
        <v>938517</v>
      </c>
      <c r="KS18" s="119">
        <v>484016</v>
      </c>
      <c r="KT18" s="119">
        <v>493982</v>
      </c>
      <c r="KU18" s="119">
        <v>759888</v>
      </c>
      <c r="KV18" s="119">
        <v>517381</v>
      </c>
      <c r="KW18" s="120">
        <v>3193784</v>
      </c>
      <c r="KX18" s="318">
        <v>3193784</v>
      </c>
      <c r="KY18" s="142">
        <v>0</v>
      </c>
      <c r="KZ18" s="119">
        <v>0</v>
      </c>
      <c r="LA18" s="120">
        <v>0</v>
      </c>
      <c r="LB18" s="145"/>
      <c r="LC18" s="119">
        <v>0</v>
      </c>
      <c r="LD18" s="119">
        <v>534066</v>
      </c>
      <c r="LE18" s="119">
        <v>0</v>
      </c>
      <c r="LF18" s="119">
        <v>427664</v>
      </c>
      <c r="LG18" s="119">
        <v>0</v>
      </c>
      <c r="LH18" s="120">
        <v>961730</v>
      </c>
      <c r="LI18" s="121">
        <v>961730</v>
      </c>
      <c r="LJ18" s="142">
        <v>0</v>
      </c>
      <c r="LK18" s="119">
        <v>0</v>
      </c>
      <c r="LL18" s="120">
        <v>0</v>
      </c>
      <c r="LM18" s="145"/>
      <c r="LN18" s="119">
        <v>0</v>
      </c>
      <c r="LO18" s="119">
        <v>0</v>
      </c>
      <c r="LP18" s="119">
        <v>0</v>
      </c>
      <c r="LQ18" s="119">
        <v>0</v>
      </c>
      <c r="LR18" s="119">
        <v>290868</v>
      </c>
      <c r="LS18" s="120">
        <v>290868</v>
      </c>
      <c r="LT18" s="318">
        <v>290868</v>
      </c>
      <c r="LU18" s="142">
        <v>0</v>
      </c>
      <c r="LV18" s="119">
        <v>0</v>
      </c>
      <c r="LW18" s="120">
        <v>0</v>
      </c>
      <c r="LX18" s="145"/>
      <c r="LY18" s="119">
        <v>0</v>
      </c>
      <c r="LZ18" s="119">
        <v>276129</v>
      </c>
      <c r="MA18" s="119">
        <v>0</v>
      </c>
      <c r="MB18" s="119">
        <v>169744</v>
      </c>
      <c r="MC18" s="119">
        <v>0</v>
      </c>
      <c r="MD18" s="120">
        <v>445873</v>
      </c>
      <c r="ME18" s="121">
        <v>445873</v>
      </c>
      <c r="MF18" s="142">
        <v>0</v>
      </c>
      <c r="MG18" s="119">
        <v>0</v>
      </c>
      <c r="MH18" s="120">
        <v>0</v>
      </c>
      <c r="MI18" s="145"/>
      <c r="MJ18" s="119">
        <v>540156</v>
      </c>
      <c r="MK18" s="119">
        <v>1495966</v>
      </c>
      <c r="ML18" s="119">
        <v>3260442</v>
      </c>
      <c r="MM18" s="119">
        <v>8451280</v>
      </c>
      <c r="MN18" s="119">
        <v>2317111</v>
      </c>
      <c r="MO18" s="120">
        <v>16064955</v>
      </c>
      <c r="MP18" s="143">
        <v>16064955</v>
      </c>
      <c r="MQ18" s="142">
        <v>0</v>
      </c>
      <c r="MR18" s="119">
        <v>0</v>
      </c>
      <c r="MS18" s="120">
        <v>0</v>
      </c>
      <c r="MT18" s="145"/>
      <c r="MU18" s="119">
        <v>0</v>
      </c>
      <c r="MV18" s="119">
        <v>0</v>
      </c>
      <c r="MW18" s="119">
        <v>1608878</v>
      </c>
      <c r="MX18" s="119">
        <v>4889461</v>
      </c>
      <c r="MY18" s="119">
        <v>1770901</v>
      </c>
      <c r="MZ18" s="120">
        <v>8269240</v>
      </c>
      <c r="NA18" s="143">
        <v>8269240</v>
      </c>
      <c r="NB18" s="142">
        <v>0</v>
      </c>
      <c r="NC18" s="119">
        <v>0</v>
      </c>
      <c r="ND18" s="120">
        <v>0</v>
      </c>
      <c r="NE18" s="145"/>
      <c r="NF18" s="119">
        <v>540156</v>
      </c>
      <c r="NG18" s="119">
        <v>1495966</v>
      </c>
      <c r="NH18" s="119">
        <v>1651564</v>
      </c>
      <c r="NI18" s="119">
        <v>3222505</v>
      </c>
      <c r="NJ18" s="119">
        <v>546210</v>
      </c>
      <c r="NK18" s="120">
        <v>7456401</v>
      </c>
      <c r="NL18" s="318">
        <v>7456401</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39314</v>
      </c>
      <c r="OF18" s="119">
        <v>0</v>
      </c>
      <c r="OG18" s="120">
        <v>339314</v>
      </c>
      <c r="OH18" s="121">
        <v>339314</v>
      </c>
      <c r="OI18" s="142">
        <v>772476</v>
      </c>
      <c r="OJ18" s="119">
        <v>1717595</v>
      </c>
      <c r="OK18" s="141">
        <v>2490071</v>
      </c>
      <c r="OL18" s="118">
        <v>0</v>
      </c>
      <c r="OM18" s="119">
        <v>10293975</v>
      </c>
      <c r="ON18" s="119">
        <v>12361893</v>
      </c>
      <c r="OO18" s="119">
        <v>13785081</v>
      </c>
      <c r="OP18" s="119">
        <v>21796138</v>
      </c>
      <c r="OQ18" s="119">
        <v>8214123</v>
      </c>
      <c r="OR18" s="120">
        <v>66451210</v>
      </c>
      <c r="OS18" s="143">
        <v>68941281</v>
      </c>
    </row>
    <row r="19" spans="2:409" ht="21" customHeight="1" x14ac:dyDescent="0.2">
      <c r="B19" s="126" t="s">
        <v>13</v>
      </c>
      <c r="C19" s="110">
        <v>160251</v>
      </c>
      <c r="D19" s="114">
        <v>193143</v>
      </c>
      <c r="E19" s="113">
        <v>353394</v>
      </c>
      <c r="F19" s="110">
        <v>0</v>
      </c>
      <c r="G19" s="170">
        <v>3676703</v>
      </c>
      <c r="H19" s="114">
        <v>4105704</v>
      </c>
      <c r="I19" s="114">
        <v>4514677</v>
      </c>
      <c r="J19" s="114">
        <v>4870434</v>
      </c>
      <c r="K19" s="114">
        <v>4914723</v>
      </c>
      <c r="L19" s="112">
        <v>22082241</v>
      </c>
      <c r="M19" s="116">
        <v>22435635</v>
      </c>
      <c r="N19" s="110">
        <v>48663</v>
      </c>
      <c r="O19" s="114">
        <v>120441</v>
      </c>
      <c r="P19" s="113">
        <v>169104</v>
      </c>
      <c r="Q19" s="110">
        <v>0</v>
      </c>
      <c r="R19" s="114">
        <v>1052949</v>
      </c>
      <c r="S19" s="114">
        <v>1122627</v>
      </c>
      <c r="T19" s="114">
        <v>1572616</v>
      </c>
      <c r="U19" s="114">
        <v>2495084</v>
      </c>
      <c r="V19" s="114">
        <v>2687646</v>
      </c>
      <c r="W19" s="113">
        <v>8930922</v>
      </c>
      <c r="X19" s="116">
        <v>9100026</v>
      </c>
      <c r="Y19" s="110">
        <v>0</v>
      </c>
      <c r="Z19" s="114">
        <v>0</v>
      </c>
      <c r="AA19" s="113">
        <v>0</v>
      </c>
      <c r="AB19" s="110">
        <v>0</v>
      </c>
      <c r="AC19" s="114">
        <v>450717</v>
      </c>
      <c r="AD19" s="114">
        <v>530432</v>
      </c>
      <c r="AE19" s="114">
        <v>937870</v>
      </c>
      <c r="AF19" s="114">
        <v>1591825</v>
      </c>
      <c r="AG19" s="114">
        <v>1480011</v>
      </c>
      <c r="AH19" s="113">
        <v>4990855</v>
      </c>
      <c r="AI19" s="116">
        <v>4990855</v>
      </c>
      <c r="AJ19" s="110">
        <v>0</v>
      </c>
      <c r="AK19" s="114">
        <v>0</v>
      </c>
      <c r="AL19" s="113">
        <v>0</v>
      </c>
      <c r="AM19" s="110">
        <v>0</v>
      </c>
      <c r="AN19" s="114">
        <v>0</v>
      </c>
      <c r="AO19" s="114">
        <v>0</v>
      </c>
      <c r="AP19" s="114">
        <v>0</v>
      </c>
      <c r="AQ19" s="114">
        <v>169366</v>
      </c>
      <c r="AR19" s="114">
        <v>440831</v>
      </c>
      <c r="AS19" s="113">
        <v>610197</v>
      </c>
      <c r="AT19" s="116">
        <v>610197</v>
      </c>
      <c r="AU19" s="110">
        <v>23991</v>
      </c>
      <c r="AV19" s="114">
        <v>79999</v>
      </c>
      <c r="AW19" s="113">
        <v>103990</v>
      </c>
      <c r="AX19" s="110">
        <v>0</v>
      </c>
      <c r="AY19" s="114">
        <v>323507</v>
      </c>
      <c r="AZ19" s="114">
        <v>319883</v>
      </c>
      <c r="BA19" s="114">
        <v>492474</v>
      </c>
      <c r="BB19" s="114">
        <v>386851</v>
      </c>
      <c r="BC19" s="114">
        <v>470045</v>
      </c>
      <c r="BD19" s="113">
        <v>1992760</v>
      </c>
      <c r="BE19" s="116">
        <v>2096750</v>
      </c>
      <c r="BF19" s="110">
        <v>0</v>
      </c>
      <c r="BG19" s="114">
        <v>21794</v>
      </c>
      <c r="BH19" s="112">
        <v>21794</v>
      </c>
      <c r="BI19" s="111">
        <v>0</v>
      </c>
      <c r="BJ19" s="114">
        <v>67069</v>
      </c>
      <c r="BK19" s="114">
        <v>0</v>
      </c>
      <c r="BL19" s="114">
        <v>0</v>
      </c>
      <c r="BM19" s="114">
        <v>72802</v>
      </c>
      <c r="BN19" s="114">
        <v>38383</v>
      </c>
      <c r="BO19" s="113">
        <v>178254</v>
      </c>
      <c r="BP19" s="116">
        <v>200048</v>
      </c>
      <c r="BQ19" s="110">
        <v>24672</v>
      </c>
      <c r="BR19" s="114">
        <v>18648</v>
      </c>
      <c r="BS19" s="113">
        <v>43320</v>
      </c>
      <c r="BT19" s="110">
        <v>0</v>
      </c>
      <c r="BU19" s="114">
        <v>211656</v>
      </c>
      <c r="BV19" s="114">
        <v>272312</v>
      </c>
      <c r="BW19" s="114">
        <v>142272</v>
      </c>
      <c r="BX19" s="114">
        <v>274240</v>
      </c>
      <c r="BY19" s="114">
        <v>258376</v>
      </c>
      <c r="BZ19" s="113">
        <v>1158856</v>
      </c>
      <c r="CA19" s="116">
        <v>1202176</v>
      </c>
      <c r="CB19" s="110">
        <v>0</v>
      </c>
      <c r="CC19" s="114">
        <v>39134</v>
      </c>
      <c r="CD19" s="113">
        <v>39134</v>
      </c>
      <c r="CE19" s="110">
        <v>0</v>
      </c>
      <c r="CF19" s="114">
        <v>617753</v>
      </c>
      <c r="CG19" s="114">
        <v>835644</v>
      </c>
      <c r="CH19" s="114">
        <v>1267282</v>
      </c>
      <c r="CI19" s="114">
        <v>636218</v>
      </c>
      <c r="CJ19" s="114">
        <v>485495</v>
      </c>
      <c r="CK19" s="113">
        <v>3842392</v>
      </c>
      <c r="CL19" s="116">
        <v>3881526</v>
      </c>
      <c r="CM19" s="110">
        <v>0</v>
      </c>
      <c r="CN19" s="114">
        <v>0</v>
      </c>
      <c r="CO19" s="113">
        <v>0</v>
      </c>
      <c r="CP19" s="111">
        <v>0</v>
      </c>
      <c r="CQ19" s="114">
        <v>603682</v>
      </c>
      <c r="CR19" s="114">
        <v>761957</v>
      </c>
      <c r="CS19" s="114">
        <v>1163773</v>
      </c>
      <c r="CT19" s="114">
        <v>282443</v>
      </c>
      <c r="CU19" s="114">
        <v>341233</v>
      </c>
      <c r="CV19" s="113">
        <v>3153088</v>
      </c>
      <c r="CW19" s="116">
        <v>3153088</v>
      </c>
      <c r="CX19" s="110">
        <v>0</v>
      </c>
      <c r="CY19" s="114">
        <v>39134</v>
      </c>
      <c r="CZ19" s="113">
        <v>39134</v>
      </c>
      <c r="DA19" s="110">
        <v>0</v>
      </c>
      <c r="DB19" s="114">
        <v>14071</v>
      </c>
      <c r="DC19" s="114">
        <v>73687</v>
      </c>
      <c r="DD19" s="114">
        <v>103509</v>
      </c>
      <c r="DE19" s="114">
        <v>353775</v>
      </c>
      <c r="DF19" s="114">
        <v>144262</v>
      </c>
      <c r="DG19" s="113">
        <v>689304</v>
      </c>
      <c r="DH19" s="116">
        <v>728438</v>
      </c>
      <c r="DI19" s="110">
        <v>0</v>
      </c>
      <c r="DJ19" s="114">
        <v>0</v>
      </c>
      <c r="DK19" s="112">
        <v>0</v>
      </c>
      <c r="DL19" s="111">
        <v>0</v>
      </c>
      <c r="DM19" s="114">
        <v>176379</v>
      </c>
      <c r="DN19" s="114">
        <v>247665</v>
      </c>
      <c r="DO19" s="114">
        <v>382031</v>
      </c>
      <c r="DP19" s="114">
        <v>206090</v>
      </c>
      <c r="DQ19" s="114">
        <v>29651</v>
      </c>
      <c r="DR19" s="113">
        <v>1041816</v>
      </c>
      <c r="DS19" s="116">
        <v>1041816</v>
      </c>
      <c r="DT19" s="110">
        <v>0</v>
      </c>
      <c r="DU19" s="114">
        <v>0</v>
      </c>
      <c r="DV19" s="113">
        <v>0</v>
      </c>
      <c r="DW19" s="110">
        <v>0</v>
      </c>
      <c r="DX19" s="114">
        <v>176379</v>
      </c>
      <c r="DY19" s="114">
        <v>247665</v>
      </c>
      <c r="DZ19" s="114">
        <v>382031</v>
      </c>
      <c r="EA19" s="114">
        <v>206090</v>
      </c>
      <c r="EB19" s="114">
        <v>29651</v>
      </c>
      <c r="EC19" s="113">
        <v>1041816</v>
      </c>
      <c r="ED19" s="116">
        <v>1041816</v>
      </c>
      <c r="EE19" s="110">
        <v>0</v>
      </c>
      <c r="EF19" s="112">
        <v>0</v>
      </c>
      <c r="EG19" s="113">
        <v>0</v>
      </c>
      <c r="EH19" s="110">
        <v>0</v>
      </c>
      <c r="EI19" s="114">
        <v>0</v>
      </c>
      <c r="EJ19" s="114">
        <v>0</v>
      </c>
      <c r="EK19" s="114">
        <v>0</v>
      </c>
      <c r="EL19" s="114">
        <v>0</v>
      </c>
      <c r="EM19" s="114">
        <v>0</v>
      </c>
      <c r="EN19" s="112">
        <v>0</v>
      </c>
      <c r="EO19" s="116">
        <v>0</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5"/>
      <c r="FE19" s="114">
        <v>0</v>
      </c>
      <c r="FF19" s="114">
        <v>0</v>
      </c>
      <c r="FG19" s="114">
        <v>0</v>
      </c>
      <c r="FH19" s="114">
        <v>0</v>
      </c>
      <c r="FI19" s="114">
        <v>0</v>
      </c>
      <c r="FJ19" s="113">
        <v>0</v>
      </c>
      <c r="FK19" s="116">
        <v>0</v>
      </c>
      <c r="FL19" s="110">
        <v>8240</v>
      </c>
      <c r="FM19" s="114">
        <v>33568</v>
      </c>
      <c r="FN19" s="113">
        <v>41808</v>
      </c>
      <c r="FO19" s="110">
        <v>0</v>
      </c>
      <c r="FP19" s="114">
        <v>312080</v>
      </c>
      <c r="FQ19" s="114">
        <v>331200</v>
      </c>
      <c r="FR19" s="114">
        <v>318760</v>
      </c>
      <c r="FS19" s="114">
        <v>452760</v>
      </c>
      <c r="FT19" s="114">
        <v>322736</v>
      </c>
      <c r="FU19" s="113">
        <v>1737536</v>
      </c>
      <c r="FV19" s="116">
        <v>1779344</v>
      </c>
      <c r="FW19" s="115">
        <v>8240</v>
      </c>
      <c r="FX19" s="114">
        <v>33568</v>
      </c>
      <c r="FY19" s="112">
        <v>41808</v>
      </c>
      <c r="FZ19" s="111">
        <v>0</v>
      </c>
      <c r="GA19" s="114">
        <v>152080</v>
      </c>
      <c r="GB19" s="114">
        <v>331200</v>
      </c>
      <c r="GC19" s="114">
        <v>305560</v>
      </c>
      <c r="GD19" s="114">
        <v>452760</v>
      </c>
      <c r="GE19" s="114">
        <v>309536</v>
      </c>
      <c r="GF19" s="113">
        <v>1551136</v>
      </c>
      <c r="GG19" s="316">
        <v>1592944</v>
      </c>
      <c r="GH19" s="115">
        <v>0</v>
      </c>
      <c r="GI19" s="114">
        <v>0</v>
      </c>
      <c r="GJ19" s="112">
        <v>0</v>
      </c>
      <c r="GK19" s="111">
        <v>0</v>
      </c>
      <c r="GL19" s="114">
        <v>0</v>
      </c>
      <c r="GM19" s="114">
        <v>0</v>
      </c>
      <c r="GN19" s="114">
        <v>13200</v>
      </c>
      <c r="GO19" s="114">
        <v>0</v>
      </c>
      <c r="GP19" s="114">
        <v>13200</v>
      </c>
      <c r="GQ19" s="113">
        <v>26400</v>
      </c>
      <c r="GR19" s="116">
        <v>26400</v>
      </c>
      <c r="GS19" s="110">
        <v>0</v>
      </c>
      <c r="GT19" s="114">
        <v>0</v>
      </c>
      <c r="GU19" s="113">
        <v>0</v>
      </c>
      <c r="GV19" s="110">
        <v>0</v>
      </c>
      <c r="GW19" s="114">
        <v>160000</v>
      </c>
      <c r="GX19" s="114">
        <v>0</v>
      </c>
      <c r="GY19" s="114">
        <v>0</v>
      </c>
      <c r="GZ19" s="114">
        <v>0</v>
      </c>
      <c r="HA19" s="114">
        <v>0</v>
      </c>
      <c r="HB19" s="112">
        <v>160000</v>
      </c>
      <c r="HC19" s="116">
        <v>160000</v>
      </c>
      <c r="HD19" s="110">
        <v>103348</v>
      </c>
      <c r="HE19" s="114">
        <v>0</v>
      </c>
      <c r="HF19" s="112">
        <v>103348</v>
      </c>
      <c r="HG19" s="111">
        <v>0</v>
      </c>
      <c r="HH19" s="114">
        <v>1517542</v>
      </c>
      <c r="HI19" s="114">
        <v>1568568</v>
      </c>
      <c r="HJ19" s="114">
        <v>973988</v>
      </c>
      <c r="HK19" s="114">
        <v>1080282</v>
      </c>
      <c r="HL19" s="114">
        <v>1389195</v>
      </c>
      <c r="HM19" s="113">
        <v>6529575</v>
      </c>
      <c r="HN19" s="109">
        <v>6632923</v>
      </c>
      <c r="HO19" s="326"/>
      <c r="HP19" s="327"/>
      <c r="HQ19" s="328"/>
      <c r="HR19" s="329"/>
      <c r="HS19" s="327"/>
      <c r="HT19" s="327"/>
      <c r="HU19" s="327"/>
      <c r="HV19" s="327"/>
      <c r="HW19" s="327"/>
      <c r="HX19" s="330"/>
      <c r="HY19" s="331"/>
      <c r="HZ19" s="131">
        <v>0</v>
      </c>
      <c r="IA19" s="132">
        <v>0</v>
      </c>
      <c r="IB19" s="133">
        <v>0</v>
      </c>
      <c r="IC19" s="146">
        <v>0</v>
      </c>
      <c r="ID19" s="132">
        <v>477060</v>
      </c>
      <c r="IE19" s="147">
        <v>1453963</v>
      </c>
      <c r="IF19" s="133">
        <v>670978</v>
      </c>
      <c r="IG19" s="132">
        <v>1043018</v>
      </c>
      <c r="IH19" s="133">
        <v>292874</v>
      </c>
      <c r="II19" s="148">
        <v>3937893</v>
      </c>
      <c r="IJ19" s="139">
        <v>3937893</v>
      </c>
      <c r="IK19" s="232">
        <v>0</v>
      </c>
      <c r="IL19" s="236">
        <v>0</v>
      </c>
      <c r="IM19" s="237">
        <v>0</v>
      </c>
      <c r="IN19" s="140"/>
      <c r="IO19" s="119">
        <v>0</v>
      </c>
      <c r="IP19" s="119">
        <v>0</v>
      </c>
      <c r="IQ19" s="119">
        <v>0</v>
      </c>
      <c r="IR19" s="119">
        <v>0</v>
      </c>
      <c r="IS19" s="119">
        <v>0</v>
      </c>
      <c r="IT19" s="141">
        <v>0</v>
      </c>
      <c r="IU19" s="318">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88173</v>
      </c>
      <c r="JL19" s="119">
        <v>496891</v>
      </c>
      <c r="JM19" s="119">
        <v>670978</v>
      </c>
      <c r="JN19" s="119">
        <v>312253</v>
      </c>
      <c r="JO19" s="119">
        <v>181058</v>
      </c>
      <c r="JP19" s="120">
        <v>2049353</v>
      </c>
      <c r="JQ19" s="318">
        <v>2049353</v>
      </c>
      <c r="JR19" s="142">
        <v>0</v>
      </c>
      <c r="JS19" s="119">
        <v>0</v>
      </c>
      <c r="JT19" s="141">
        <v>0</v>
      </c>
      <c r="JU19" s="118">
        <v>0</v>
      </c>
      <c r="JV19" s="119">
        <v>0</v>
      </c>
      <c r="JW19" s="119">
        <v>172757</v>
      </c>
      <c r="JX19" s="119">
        <v>0</v>
      </c>
      <c r="JY19" s="119">
        <v>53240</v>
      </c>
      <c r="JZ19" s="119">
        <v>111816</v>
      </c>
      <c r="KA19" s="120">
        <v>337813</v>
      </c>
      <c r="KB19" s="318">
        <v>337813</v>
      </c>
      <c r="KC19" s="234">
        <v>0</v>
      </c>
      <c r="KD19" s="230">
        <v>0</v>
      </c>
      <c r="KE19" s="120">
        <v>0</v>
      </c>
      <c r="KF19" s="118">
        <v>0</v>
      </c>
      <c r="KG19" s="119">
        <v>88887</v>
      </c>
      <c r="KH19" s="119">
        <v>308456</v>
      </c>
      <c r="KI19" s="119">
        <v>0</v>
      </c>
      <c r="KJ19" s="119">
        <v>0</v>
      </c>
      <c r="KK19" s="119">
        <v>0</v>
      </c>
      <c r="KL19" s="120">
        <v>397343</v>
      </c>
      <c r="KM19" s="143">
        <v>397343</v>
      </c>
      <c r="KN19" s="232">
        <v>0</v>
      </c>
      <c r="KO19" s="236">
        <v>0</v>
      </c>
      <c r="KP19" s="237">
        <v>0</v>
      </c>
      <c r="KQ19" s="140"/>
      <c r="KR19" s="119">
        <v>0</v>
      </c>
      <c r="KS19" s="119">
        <v>475859</v>
      </c>
      <c r="KT19" s="119">
        <v>0</v>
      </c>
      <c r="KU19" s="119">
        <v>255219</v>
      </c>
      <c r="KV19" s="119">
        <v>0</v>
      </c>
      <c r="KW19" s="120">
        <v>731078</v>
      </c>
      <c r="KX19" s="318">
        <v>731078</v>
      </c>
      <c r="KY19" s="142">
        <v>0</v>
      </c>
      <c r="KZ19" s="119">
        <v>0</v>
      </c>
      <c r="LA19" s="120">
        <v>0</v>
      </c>
      <c r="LB19" s="145"/>
      <c r="LC19" s="119">
        <v>0</v>
      </c>
      <c r="LD19" s="119">
        <v>0</v>
      </c>
      <c r="LE19" s="119">
        <v>0</v>
      </c>
      <c r="LF19" s="119">
        <v>422306</v>
      </c>
      <c r="LG19" s="119">
        <v>0</v>
      </c>
      <c r="LH19" s="120">
        <v>422306</v>
      </c>
      <c r="LI19" s="121">
        <v>422306</v>
      </c>
      <c r="LJ19" s="142">
        <v>0</v>
      </c>
      <c r="LK19" s="119">
        <v>0</v>
      </c>
      <c r="LL19" s="120">
        <v>0</v>
      </c>
      <c r="LM19" s="145"/>
      <c r="LN19" s="119">
        <v>0</v>
      </c>
      <c r="LO19" s="119">
        <v>0</v>
      </c>
      <c r="LP19" s="119">
        <v>0</v>
      </c>
      <c r="LQ19" s="119">
        <v>0</v>
      </c>
      <c r="LR19" s="119">
        <v>0</v>
      </c>
      <c r="LS19" s="120">
        <v>0</v>
      </c>
      <c r="LT19" s="318">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676907</v>
      </c>
      <c r="ML19" s="119">
        <v>2278643</v>
      </c>
      <c r="MM19" s="119">
        <v>3537434</v>
      </c>
      <c r="MN19" s="119">
        <v>2308788</v>
      </c>
      <c r="MO19" s="120">
        <v>8801772</v>
      </c>
      <c r="MP19" s="143">
        <v>8801772</v>
      </c>
      <c r="MQ19" s="142">
        <v>0</v>
      </c>
      <c r="MR19" s="119">
        <v>0</v>
      </c>
      <c r="MS19" s="120">
        <v>0</v>
      </c>
      <c r="MT19" s="145"/>
      <c r="MU19" s="119">
        <v>0</v>
      </c>
      <c r="MV19" s="119">
        <v>0</v>
      </c>
      <c r="MW19" s="119">
        <v>705490</v>
      </c>
      <c r="MX19" s="119">
        <v>2923993</v>
      </c>
      <c r="MY19" s="119">
        <v>1960704</v>
      </c>
      <c r="MZ19" s="120">
        <v>5590187</v>
      </c>
      <c r="NA19" s="143">
        <v>5590187</v>
      </c>
      <c r="NB19" s="142">
        <v>0</v>
      </c>
      <c r="NC19" s="119">
        <v>0</v>
      </c>
      <c r="ND19" s="120">
        <v>0</v>
      </c>
      <c r="NE19" s="145"/>
      <c r="NF19" s="119">
        <v>0</v>
      </c>
      <c r="NG19" s="119">
        <v>676907</v>
      </c>
      <c r="NH19" s="119">
        <v>1573153</v>
      </c>
      <c r="NI19" s="119">
        <v>613441</v>
      </c>
      <c r="NJ19" s="119">
        <v>348084</v>
      </c>
      <c r="NK19" s="120">
        <v>3211585</v>
      </c>
      <c r="NL19" s="318">
        <v>3211585</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60251</v>
      </c>
      <c r="OJ19" s="119">
        <v>193143</v>
      </c>
      <c r="OK19" s="141">
        <v>353394</v>
      </c>
      <c r="OL19" s="118">
        <v>0</v>
      </c>
      <c r="OM19" s="119">
        <v>4153763</v>
      </c>
      <c r="ON19" s="119">
        <v>6236574</v>
      </c>
      <c r="OO19" s="119">
        <v>7464298</v>
      </c>
      <c r="OP19" s="119">
        <v>9450886</v>
      </c>
      <c r="OQ19" s="119">
        <v>7516385</v>
      </c>
      <c r="OR19" s="120">
        <v>34821906</v>
      </c>
      <c r="OS19" s="143">
        <v>35175300</v>
      </c>
    </row>
    <row r="20" spans="2:409" ht="21" customHeight="1" x14ac:dyDescent="0.2">
      <c r="B20" s="126" t="s">
        <v>15</v>
      </c>
      <c r="C20" s="110">
        <v>178557</v>
      </c>
      <c r="D20" s="114">
        <v>298964</v>
      </c>
      <c r="E20" s="113">
        <v>477521</v>
      </c>
      <c r="F20" s="109">
        <v>0</v>
      </c>
      <c r="G20" s="114">
        <v>1696151</v>
      </c>
      <c r="H20" s="114">
        <v>1981880</v>
      </c>
      <c r="I20" s="114">
        <v>2537746</v>
      </c>
      <c r="J20" s="114">
        <v>1595276</v>
      </c>
      <c r="K20" s="114">
        <v>1327002</v>
      </c>
      <c r="L20" s="109">
        <v>9138055</v>
      </c>
      <c r="M20" s="116">
        <v>9615576</v>
      </c>
      <c r="N20" s="110">
        <v>10912</v>
      </c>
      <c r="O20" s="114">
        <v>22888</v>
      </c>
      <c r="P20" s="113">
        <v>33800</v>
      </c>
      <c r="Q20" s="110">
        <v>0</v>
      </c>
      <c r="R20" s="114">
        <v>346726</v>
      </c>
      <c r="S20" s="114">
        <v>591742</v>
      </c>
      <c r="T20" s="114">
        <v>658158</v>
      </c>
      <c r="U20" s="114">
        <v>771717</v>
      </c>
      <c r="V20" s="114">
        <v>368252</v>
      </c>
      <c r="W20" s="113">
        <v>2736595</v>
      </c>
      <c r="X20" s="116">
        <v>2770395</v>
      </c>
      <c r="Y20" s="110">
        <v>0</v>
      </c>
      <c r="Z20" s="114">
        <v>0</v>
      </c>
      <c r="AA20" s="113">
        <v>0</v>
      </c>
      <c r="AB20" s="110">
        <v>0</v>
      </c>
      <c r="AC20" s="114">
        <v>7668</v>
      </c>
      <c r="AD20" s="114">
        <v>340023</v>
      </c>
      <c r="AE20" s="114">
        <v>399180</v>
      </c>
      <c r="AF20" s="114">
        <v>452436</v>
      </c>
      <c r="AG20" s="114">
        <v>273020</v>
      </c>
      <c r="AH20" s="113">
        <v>1472327</v>
      </c>
      <c r="AI20" s="116">
        <v>1472327</v>
      </c>
      <c r="AJ20" s="110">
        <v>0</v>
      </c>
      <c r="AK20" s="114">
        <v>0</v>
      </c>
      <c r="AL20" s="113">
        <v>0</v>
      </c>
      <c r="AM20" s="110">
        <v>0</v>
      </c>
      <c r="AN20" s="114">
        <v>0</v>
      </c>
      <c r="AO20" s="114">
        <v>0</v>
      </c>
      <c r="AP20" s="114">
        <v>0</v>
      </c>
      <c r="AQ20" s="114">
        <v>46763</v>
      </c>
      <c r="AR20" s="114">
        <v>0</v>
      </c>
      <c r="AS20" s="113">
        <v>46763</v>
      </c>
      <c r="AT20" s="116">
        <v>46763</v>
      </c>
      <c r="AU20" s="110">
        <v>0</v>
      </c>
      <c r="AV20" s="114">
        <v>22888</v>
      </c>
      <c r="AW20" s="113">
        <v>22888</v>
      </c>
      <c r="AX20" s="110">
        <v>0</v>
      </c>
      <c r="AY20" s="114">
        <v>175415</v>
      </c>
      <c r="AZ20" s="114">
        <v>129929</v>
      </c>
      <c r="BA20" s="114">
        <v>148994</v>
      </c>
      <c r="BB20" s="114">
        <v>202462</v>
      </c>
      <c r="BC20" s="114">
        <v>42217</v>
      </c>
      <c r="BD20" s="113">
        <v>699017</v>
      </c>
      <c r="BE20" s="116">
        <v>721905</v>
      </c>
      <c r="BF20" s="110">
        <v>0</v>
      </c>
      <c r="BG20" s="114">
        <v>0</v>
      </c>
      <c r="BH20" s="112">
        <v>0</v>
      </c>
      <c r="BI20" s="111">
        <v>0</v>
      </c>
      <c r="BJ20" s="114">
        <v>21707</v>
      </c>
      <c r="BK20" s="114">
        <v>62078</v>
      </c>
      <c r="BL20" s="114">
        <v>0</v>
      </c>
      <c r="BM20" s="114">
        <v>0</v>
      </c>
      <c r="BN20" s="114">
        <v>31039</v>
      </c>
      <c r="BO20" s="113">
        <v>114824</v>
      </c>
      <c r="BP20" s="116">
        <v>114824</v>
      </c>
      <c r="BQ20" s="110">
        <v>10912</v>
      </c>
      <c r="BR20" s="114">
        <v>0</v>
      </c>
      <c r="BS20" s="113">
        <v>10912</v>
      </c>
      <c r="BT20" s="110">
        <v>0</v>
      </c>
      <c r="BU20" s="114">
        <v>141936</v>
      </c>
      <c r="BV20" s="114">
        <v>59712</v>
      </c>
      <c r="BW20" s="114">
        <v>109984</v>
      </c>
      <c r="BX20" s="114">
        <v>70056</v>
      </c>
      <c r="BY20" s="114">
        <v>21976</v>
      </c>
      <c r="BZ20" s="113">
        <v>403664</v>
      </c>
      <c r="CA20" s="116">
        <v>414576</v>
      </c>
      <c r="CB20" s="110">
        <v>0</v>
      </c>
      <c r="CC20" s="114">
        <v>0</v>
      </c>
      <c r="CD20" s="113">
        <v>0</v>
      </c>
      <c r="CE20" s="110">
        <v>0</v>
      </c>
      <c r="CF20" s="114">
        <v>215665</v>
      </c>
      <c r="CG20" s="114">
        <v>411748</v>
      </c>
      <c r="CH20" s="114">
        <v>582434</v>
      </c>
      <c r="CI20" s="114">
        <v>190070</v>
      </c>
      <c r="CJ20" s="114">
        <v>0</v>
      </c>
      <c r="CK20" s="113">
        <v>1399917</v>
      </c>
      <c r="CL20" s="116">
        <v>1399917</v>
      </c>
      <c r="CM20" s="110">
        <v>0</v>
      </c>
      <c r="CN20" s="114">
        <v>0</v>
      </c>
      <c r="CO20" s="113">
        <v>0</v>
      </c>
      <c r="CP20" s="111">
        <v>0</v>
      </c>
      <c r="CQ20" s="114">
        <v>215665</v>
      </c>
      <c r="CR20" s="114">
        <v>234743</v>
      </c>
      <c r="CS20" s="114">
        <v>347689</v>
      </c>
      <c r="CT20" s="114">
        <v>87688</v>
      </c>
      <c r="CU20" s="114">
        <v>0</v>
      </c>
      <c r="CV20" s="113">
        <v>885785</v>
      </c>
      <c r="CW20" s="116">
        <v>885785</v>
      </c>
      <c r="CX20" s="110">
        <v>0</v>
      </c>
      <c r="CY20" s="114">
        <v>0</v>
      </c>
      <c r="CZ20" s="113">
        <v>0</v>
      </c>
      <c r="DA20" s="110">
        <v>0</v>
      </c>
      <c r="DB20" s="114">
        <v>0</v>
      </c>
      <c r="DC20" s="114">
        <v>177005</v>
      </c>
      <c r="DD20" s="114">
        <v>234745</v>
      </c>
      <c r="DE20" s="114">
        <v>102382</v>
      </c>
      <c r="DF20" s="114">
        <v>0</v>
      </c>
      <c r="DG20" s="113">
        <v>514132</v>
      </c>
      <c r="DH20" s="116">
        <v>514132</v>
      </c>
      <c r="DI20" s="110">
        <v>0</v>
      </c>
      <c r="DJ20" s="114">
        <v>0</v>
      </c>
      <c r="DK20" s="112">
        <v>0</v>
      </c>
      <c r="DL20" s="111">
        <v>0</v>
      </c>
      <c r="DM20" s="114">
        <v>0</v>
      </c>
      <c r="DN20" s="114">
        <v>54970</v>
      </c>
      <c r="DO20" s="114">
        <v>416677</v>
      </c>
      <c r="DP20" s="114">
        <v>246647</v>
      </c>
      <c r="DQ20" s="114">
        <v>679201</v>
      </c>
      <c r="DR20" s="113">
        <v>1397495</v>
      </c>
      <c r="DS20" s="116">
        <v>1397495</v>
      </c>
      <c r="DT20" s="110">
        <v>0</v>
      </c>
      <c r="DU20" s="114">
        <v>0</v>
      </c>
      <c r="DV20" s="113">
        <v>0</v>
      </c>
      <c r="DW20" s="110">
        <v>0</v>
      </c>
      <c r="DX20" s="114">
        <v>0</v>
      </c>
      <c r="DY20" s="114">
        <v>54970</v>
      </c>
      <c r="DZ20" s="114">
        <v>416677</v>
      </c>
      <c r="EA20" s="114">
        <v>246647</v>
      </c>
      <c r="EB20" s="114">
        <v>679201</v>
      </c>
      <c r="EC20" s="113">
        <v>1397495</v>
      </c>
      <c r="ED20" s="116">
        <v>1397495</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5"/>
      <c r="FE20" s="114">
        <v>0</v>
      </c>
      <c r="FF20" s="114">
        <v>0</v>
      </c>
      <c r="FG20" s="114">
        <v>0</v>
      </c>
      <c r="FH20" s="114">
        <v>0</v>
      </c>
      <c r="FI20" s="114">
        <v>0</v>
      </c>
      <c r="FJ20" s="113">
        <v>0</v>
      </c>
      <c r="FK20" s="116">
        <v>0</v>
      </c>
      <c r="FL20" s="110">
        <v>1600</v>
      </c>
      <c r="FM20" s="114">
        <v>41840</v>
      </c>
      <c r="FN20" s="113">
        <v>43440</v>
      </c>
      <c r="FO20" s="110">
        <v>0</v>
      </c>
      <c r="FP20" s="114">
        <v>68800</v>
      </c>
      <c r="FQ20" s="114">
        <v>227232</v>
      </c>
      <c r="FR20" s="114">
        <v>104048</v>
      </c>
      <c r="FS20" s="114">
        <v>179192</v>
      </c>
      <c r="FT20" s="114">
        <v>43200</v>
      </c>
      <c r="FU20" s="113">
        <v>622472</v>
      </c>
      <c r="FV20" s="116">
        <v>665912</v>
      </c>
      <c r="FW20" s="115">
        <v>1600</v>
      </c>
      <c r="FX20" s="114">
        <v>41840</v>
      </c>
      <c r="FY20" s="112">
        <v>43440</v>
      </c>
      <c r="FZ20" s="111">
        <v>0</v>
      </c>
      <c r="GA20" s="114">
        <v>47600</v>
      </c>
      <c r="GB20" s="114">
        <v>168536</v>
      </c>
      <c r="GC20" s="114">
        <v>104048</v>
      </c>
      <c r="GD20" s="114">
        <v>179192</v>
      </c>
      <c r="GE20" s="114">
        <v>43200</v>
      </c>
      <c r="GF20" s="113">
        <v>542576</v>
      </c>
      <c r="GG20" s="316">
        <v>586016</v>
      </c>
      <c r="GH20" s="115">
        <v>0</v>
      </c>
      <c r="GI20" s="114">
        <v>0</v>
      </c>
      <c r="GJ20" s="112">
        <v>0</v>
      </c>
      <c r="GK20" s="111">
        <v>0</v>
      </c>
      <c r="GL20" s="114">
        <v>10000</v>
      </c>
      <c r="GM20" s="114">
        <v>0</v>
      </c>
      <c r="GN20" s="114">
        <v>0</v>
      </c>
      <c r="GO20" s="114">
        <v>0</v>
      </c>
      <c r="GP20" s="114">
        <v>0</v>
      </c>
      <c r="GQ20" s="113">
        <v>10000</v>
      </c>
      <c r="GR20" s="116">
        <v>10000</v>
      </c>
      <c r="GS20" s="110">
        <v>0</v>
      </c>
      <c r="GT20" s="114">
        <v>0</v>
      </c>
      <c r="GU20" s="113">
        <v>0</v>
      </c>
      <c r="GV20" s="110">
        <v>0</v>
      </c>
      <c r="GW20" s="114">
        <v>11200</v>
      </c>
      <c r="GX20" s="114">
        <v>58696</v>
      </c>
      <c r="GY20" s="114">
        <v>0</v>
      </c>
      <c r="GZ20" s="114">
        <v>0</v>
      </c>
      <c r="HA20" s="114">
        <v>0</v>
      </c>
      <c r="HB20" s="112">
        <v>69896</v>
      </c>
      <c r="HC20" s="116">
        <v>69896</v>
      </c>
      <c r="HD20" s="110">
        <v>166045</v>
      </c>
      <c r="HE20" s="114">
        <v>234236</v>
      </c>
      <c r="HF20" s="112">
        <v>400281</v>
      </c>
      <c r="HG20" s="111">
        <v>0</v>
      </c>
      <c r="HH20" s="114">
        <v>1064960</v>
      </c>
      <c r="HI20" s="114">
        <v>696188</v>
      </c>
      <c r="HJ20" s="114">
        <v>776429</v>
      </c>
      <c r="HK20" s="114">
        <v>207650</v>
      </c>
      <c r="HL20" s="114">
        <v>236349</v>
      </c>
      <c r="HM20" s="113">
        <v>2981576</v>
      </c>
      <c r="HN20" s="109">
        <v>3381857</v>
      </c>
      <c r="HO20" s="326"/>
      <c r="HP20" s="327"/>
      <c r="HQ20" s="328"/>
      <c r="HR20" s="329"/>
      <c r="HS20" s="327"/>
      <c r="HT20" s="327"/>
      <c r="HU20" s="327"/>
      <c r="HV20" s="327"/>
      <c r="HW20" s="327"/>
      <c r="HX20" s="330"/>
      <c r="HY20" s="331"/>
      <c r="HZ20" s="150">
        <v>0</v>
      </c>
      <c r="IA20" s="135">
        <v>0</v>
      </c>
      <c r="IB20" s="150">
        <v>0</v>
      </c>
      <c r="IC20" s="134">
        <v>0</v>
      </c>
      <c r="ID20" s="135">
        <v>1107066</v>
      </c>
      <c r="IE20" s="136">
        <v>608475</v>
      </c>
      <c r="IF20" s="137">
        <v>286053</v>
      </c>
      <c r="IG20" s="135">
        <v>647552</v>
      </c>
      <c r="IH20" s="137">
        <v>364912</v>
      </c>
      <c r="II20" s="138">
        <v>3014058</v>
      </c>
      <c r="IJ20" s="150">
        <v>3014058</v>
      </c>
      <c r="IK20" s="232">
        <v>0</v>
      </c>
      <c r="IL20" s="236">
        <v>0</v>
      </c>
      <c r="IM20" s="237">
        <v>0</v>
      </c>
      <c r="IN20" s="140"/>
      <c r="IO20" s="119">
        <v>100048</v>
      </c>
      <c r="IP20" s="119">
        <v>0</v>
      </c>
      <c r="IQ20" s="119">
        <v>0</v>
      </c>
      <c r="IR20" s="119">
        <v>0</v>
      </c>
      <c r="IS20" s="119">
        <v>0</v>
      </c>
      <c r="IT20" s="141">
        <v>100048</v>
      </c>
      <c r="IU20" s="318">
        <v>100048</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324238</v>
      </c>
      <c r="JL20" s="119">
        <v>295564</v>
      </c>
      <c r="JM20" s="119">
        <v>286053</v>
      </c>
      <c r="JN20" s="119">
        <v>78437</v>
      </c>
      <c r="JO20" s="119">
        <v>94631</v>
      </c>
      <c r="JP20" s="120">
        <v>1078923</v>
      </c>
      <c r="JQ20" s="318">
        <v>1078923</v>
      </c>
      <c r="JR20" s="142">
        <v>0</v>
      </c>
      <c r="JS20" s="119">
        <v>0</v>
      </c>
      <c r="JT20" s="141">
        <v>0</v>
      </c>
      <c r="JU20" s="118">
        <v>0</v>
      </c>
      <c r="JV20" s="119">
        <v>0</v>
      </c>
      <c r="JW20" s="119">
        <v>0</v>
      </c>
      <c r="JX20" s="119">
        <v>0</v>
      </c>
      <c r="JY20" s="119">
        <v>47327</v>
      </c>
      <c r="JZ20" s="119">
        <v>0</v>
      </c>
      <c r="KA20" s="120">
        <v>47327</v>
      </c>
      <c r="KB20" s="318">
        <v>47327</v>
      </c>
      <c r="KC20" s="234">
        <v>0</v>
      </c>
      <c r="KD20" s="230">
        <v>0</v>
      </c>
      <c r="KE20" s="120">
        <v>0</v>
      </c>
      <c r="KF20" s="118">
        <v>0</v>
      </c>
      <c r="KG20" s="119">
        <v>0</v>
      </c>
      <c r="KH20" s="119">
        <v>150892</v>
      </c>
      <c r="KI20" s="119">
        <v>0</v>
      </c>
      <c r="KJ20" s="119">
        <v>260232</v>
      </c>
      <c r="KK20" s="119">
        <v>270281</v>
      </c>
      <c r="KL20" s="120">
        <v>681405</v>
      </c>
      <c r="KM20" s="143">
        <v>681405</v>
      </c>
      <c r="KN20" s="232">
        <v>0</v>
      </c>
      <c r="KO20" s="236">
        <v>0</v>
      </c>
      <c r="KP20" s="237">
        <v>0</v>
      </c>
      <c r="KQ20" s="140"/>
      <c r="KR20" s="119">
        <v>682780</v>
      </c>
      <c r="KS20" s="119">
        <v>162019</v>
      </c>
      <c r="KT20" s="119">
        <v>0</v>
      </c>
      <c r="KU20" s="119">
        <v>0</v>
      </c>
      <c r="KV20" s="119">
        <v>0</v>
      </c>
      <c r="KW20" s="120">
        <v>844799</v>
      </c>
      <c r="KX20" s="318">
        <v>844799</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261556</v>
      </c>
      <c r="LR20" s="119">
        <v>0</v>
      </c>
      <c r="LS20" s="120">
        <v>261556</v>
      </c>
      <c r="LT20" s="318">
        <v>261556</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491134</v>
      </c>
      <c r="ML20" s="119">
        <v>511642</v>
      </c>
      <c r="MM20" s="119">
        <v>3250433</v>
      </c>
      <c r="MN20" s="119">
        <v>1030108</v>
      </c>
      <c r="MO20" s="120">
        <v>5283317</v>
      </c>
      <c r="MP20" s="143">
        <v>5283317</v>
      </c>
      <c r="MQ20" s="142">
        <v>0</v>
      </c>
      <c r="MR20" s="119">
        <v>0</v>
      </c>
      <c r="MS20" s="120">
        <v>0</v>
      </c>
      <c r="MT20" s="145"/>
      <c r="MU20" s="119">
        <v>0</v>
      </c>
      <c r="MV20" s="119">
        <v>0</v>
      </c>
      <c r="MW20" s="119">
        <v>250744</v>
      </c>
      <c r="MX20" s="119">
        <v>2166649</v>
      </c>
      <c r="MY20" s="119">
        <v>568883</v>
      </c>
      <c r="MZ20" s="120">
        <v>2986276</v>
      </c>
      <c r="NA20" s="143">
        <v>2986276</v>
      </c>
      <c r="NB20" s="142">
        <v>0</v>
      </c>
      <c r="NC20" s="119">
        <v>0</v>
      </c>
      <c r="ND20" s="120">
        <v>0</v>
      </c>
      <c r="NE20" s="145"/>
      <c r="NF20" s="119">
        <v>0</v>
      </c>
      <c r="NG20" s="119">
        <v>491134</v>
      </c>
      <c r="NH20" s="119">
        <v>260898</v>
      </c>
      <c r="NI20" s="119">
        <v>1083784</v>
      </c>
      <c r="NJ20" s="119">
        <v>461225</v>
      </c>
      <c r="NK20" s="120">
        <v>2297041</v>
      </c>
      <c r="NL20" s="318">
        <v>2297041</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178557</v>
      </c>
      <c r="OJ20" s="119">
        <v>298964</v>
      </c>
      <c r="OK20" s="141">
        <v>477521</v>
      </c>
      <c r="OL20" s="118">
        <v>0</v>
      </c>
      <c r="OM20" s="119">
        <v>2803217</v>
      </c>
      <c r="ON20" s="119">
        <v>3081489</v>
      </c>
      <c r="OO20" s="119">
        <v>3335441</v>
      </c>
      <c r="OP20" s="119">
        <v>5493261</v>
      </c>
      <c r="OQ20" s="119">
        <v>2722022</v>
      </c>
      <c r="OR20" s="120">
        <v>17435430</v>
      </c>
      <c r="OS20" s="143">
        <v>17912951</v>
      </c>
    </row>
    <row r="21" spans="2:409" ht="21" customHeight="1" x14ac:dyDescent="0.2">
      <c r="B21" s="126" t="s">
        <v>16</v>
      </c>
      <c r="C21" s="110">
        <v>416159</v>
      </c>
      <c r="D21" s="114">
        <v>592164</v>
      </c>
      <c r="E21" s="113">
        <v>1008323</v>
      </c>
      <c r="F21" s="109">
        <v>0</v>
      </c>
      <c r="G21" s="114">
        <v>5436431</v>
      </c>
      <c r="H21" s="114">
        <v>7174081</v>
      </c>
      <c r="I21" s="114">
        <v>3617816</v>
      </c>
      <c r="J21" s="114">
        <v>6293213</v>
      </c>
      <c r="K21" s="114">
        <v>1845292</v>
      </c>
      <c r="L21" s="109">
        <v>24366833</v>
      </c>
      <c r="M21" s="116">
        <v>25375156</v>
      </c>
      <c r="N21" s="110">
        <v>97929</v>
      </c>
      <c r="O21" s="114">
        <v>213795</v>
      </c>
      <c r="P21" s="113">
        <v>311724</v>
      </c>
      <c r="Q21" s="110">
        <v>0</v>
      </c>
      <c r="R21" s="114">
        <v>1151814</v>
      </c>
      <c r="S21" s="114">
        <v>1114378</v>
      </c>
      <c r="T21" s="114">
        <v>763519</v>
      </c>
      <c r="U21" s="114">
        <v>1340716</v>
      </c>
      <c r="V21" s="114">
        <v>615922</v>
      </c>
      <c r="W21" s="113">
        <v>4986349</v>
      </c>
      <c r="X21" s="116">
        <v>5298073</v>
      </c>
      <c r="Y21" s="110">
        <v>0</v>
      </c>
      <c r="Z21" s="114">
        <v>0</v>
      </c>
      <c r="AA21" s="113">
        <v>0</v>
      </c>
      <c r="AB21" s="110">
        <v>0</v>
      </c>
      <c r="AC21" s="114">
        <v>356045</v>
      </c>
      <c r="AD21" s="114">
        <v>382922</v>
      </c>
      <c r="AE21" s="114">
        <v>180750</v>
      </c>
      <c r="AF21" s="114">
        <v>298822</v>
      </c>
      <c r="AG21" s="114">
        <v>273719</v>
      </c>
      <c r="AH21" s="113">
        <v>1492258</v>
      </c>
      <c r="AI21" s="116">
        <v>1492258</v>
      </c>
      <c r="AJ21" s="110">
        <v>0</v>
      </c>
      <c r="AK21" s="114">
        <v>0</v>
      </c>
      <c r="AL21" s="113">
        <v>0</v>
      </c>
      <c r="AM21" s="110">
        <v>0</v>
      </c>
      <c r="AN21" s="114">
        <v>0</v>
      </c>
      <c r="AO21" s="114">
        <v>0</v>
      </c>
      <c r="AP21" s="114">
        <v>0</v>
      </c>
      <c r="AQ21" s="114">
        <v>34160</v>
      </c>
      <c r="AR21" s="114">
        <v>160175</v>
      </c>
      <c r="AS21" s="113">
        <v>194335</v>
      </c>
      <c r="AT21" s="116">
        <v>194335</v>
      </c>
      <c r="AU21" s="110">
        <v>43737</v>
      </c>
      <c r="AV21" s="114">
        <v>191422</v>
      </c>
      <c r="AW21" s="113">
        <v>235159</v>
      </c>
      <c r="AX21" s="110">
        <v>0</v>
      </c>
      <c r="AY21" s="114">
        <v>560937</v>
      </c>
      <c r="AZ21" s="114">
        <v>457394</v>
      </c>
      <c r="BA21" s="114">
        <v>313489</v>
      </c>
      <c r="BB21" s="114">
        <v>676638</v>
      </c>
      <c r="BC21" s="114">
        <v>31532</v>
      </c>
      <c r="BD21" s="113">
        <v>2039990</v>
      </c>
      <c r="BE21" s="116">
        <v>2275149</v>
      </c>
      <c r="BF21" s="110">
        <v>0</v>
      </c>
      <c r="BG21" s="114">
        <v>15221</v>
      </c>
      <c r="BH21" s="112">
        <v>15221</v>
      </c>
      <c r="BI21" s="111">
        <v>0</v>
      </c>
      <c r="BJ21" s="114">
        <v>0</v>
      </c>
      <c r="BK21" s="114">
        <v>83894</v>
      </c>
      <c r="BL21" s="114">
        <v>0</v>
      </c>
      <c r="BM21" s="114">
        <v>0</v>
      </c>
      <c r="BN21" s="114">
        <v>0</v>
      </c>
      <c r="BO21" s="113">
        <v>83894</v>
      </c>
      <c r="BP21" s="116">
        <v>99115</v>
      </c>
      <c r="BQ21" s="110">
        <v>54192</v>
      </c>
      <c r="BR21" s="114">
        <v>7152</v>
      </c>
      <c r="BS21" s="113">
        <v>61344</v>
      </c>
      <c r="BT21" s="110">
        <v>0</v>
      </c>
      <c r="BU21" s="114">
        <v>234832</v>
      </c>
      <c r="BV21" s="114">
        <v>190168</v>
      </c>
      <c r="BW21" s="114">
        <v>269280</v>
      </c>
      <c r="BX21" s="114">
        <v>331096</v>
      </c>
      <c r="BY21" s="114">
        <v>150496</v>
      </c>
      <c r="BZ21" s="113">
        <v>1175872</v>
      </c>
      <c r="CA21" s="116">
        <v>1237216</v>
      </c>
      <c r="CB21" s="110">
        <v>42327</v>
      </c>
      <c r="CC21" s="114">
        <v>153120</v>
      </c>
      <c r="CD21" s="113">
        <v>195447</v>
      </c>
      <c r="CE21" s="110">
        <v>0</v>
      </c>
      <c r="CF21" s="114">
        <v>2072497</v>
      </c>
      <c r="CG21" s="114">
        <v>3253374</v>
      </c>
      <c r="CH21" s="114">
        <v>646969</v>
      </c>
      <c r="CI21" s="114">
        <v>923794</v>
      </c>
      <c r="CJ21" s="114">
        <v>42304</v>
      </c>
      <c r="CK21" s="113">
        <v>6938938</v>
      </c>
      <c r="CL21" s="116">
        <v>7134385</v>
      </c>
      <c r="CM21" s="110">
        <v>0</v>
      </c>
      <c r="CN21" s="114">
        <v>0</v>
      </c>
      <c r="CO21" s="113">
        <v>0</v>
      </c>
      <c r="CP21" s="111">
        <v>0</v>
      </c>
      <c r="CQ21" s="114">
        <v>1016526</v>
      </c>
      <c r="CR21" s="114">
        <v>1420865</v>
      </c>
      <c r="CS21" s="114">
        <v>363616</v>
      </c>
      <c r="CT21" s="114">
        <v>560406</v>
      </c>
      <c r="CU21" s="114">
        <v>42304</v>
      </c>
      <c r="CV21" s="113">
        <v>3403717</v>
      </c>
      <c r="CW21" s="116">
        <v>3403717</v>
      </c>
      <c r="CX21" s="110">
        <v>42327</v>
      </c>
      <c r="CY21" s="114">
        <v>153120</v>
      </c>
      <c r="CZ21" s="113">
        <v>195447</v>
      </c>
      <c r="DA21" s="110">
        <v>0</v>
      </c>
      <c r="DB21" s="114">
        <v>1055971</v>
      </c>
      <c r="DC21" s="114">
        <v>1832509</v>
      </c>
      <c r="DD21" s="114">
        <v>283353</v>
      </c>
      <c r="DE21" s="114">
        <v>363388</v>
      </c>
      <c r="DF21" s="114">
        <v>0</v>
      </c>
      <c r="DG21" s="113">
        <v>3535221</v>
      </c>
      <c r="DH21" s="116">
        <v>3730668</v>
      </c>
      <c r="DI21" s="110">
        <v>0</v>
      </c>
      <c r="DJ21" s="114">
        <v>0</v>
      </c>
      <c r="DK21" s="112">
        <v>0</v>
      </c>
      <c r="DL21" s="111">
        <v>0</v>
      </c>
      <c r="DM21" s="114">
        <v>67143</v>
      </c>
      <c r="DN21" s="114">
        <v>398677</v>
      </c>
      <c r="DO21" s="114">
        <v>128074</v>
      </c>
      <c r="DP21" s="114">
        <v>781446</v>
      </c>
      <c r="DQ21" s="114">
        <v>0</v>
      </c>
      <c r="DR21" s="113">
        <v>1375340</v>
      </c>
      <c r="DS21" s="116">
        <v>1375340</v>
      </c>
      <c r="DT21" s="110">
        <v>0</v>
      </c>
      <c r="DU21" s="114">
        <v>0</v>
      </c>
      <c r="DV21" s="113">
        <v>0</v>
      </c>
      <c r="DW21" s="110">
        <v>0</v>
      </c>
      <c r="DX21" s="114">
        <v>45963</v>
      </c>
      <c r="DY21" s="114">
        <v>302120</v>
      </c>
      <c r="DZ21" s="114">
        <v>128074</v>
      </c>
      <c r="EA21" s="114">
        <v>747918</v>
      </c>
      <c r="EB21" s="114">
        <v>0</v>
      </c>
      <c r="EC21" s="113">
        <v>1224075</v>
      </c>
      <c r="ED21" s="116">
        <v>1224075</v>
      </c>
      <c r="EE21" s="110">
        <v>0</v>
      </c>
      <c r="EF21" s="112">
        <v>0</v>
      </c>
      <c r="EG21" s="113">
        <v>0</v>
      </c>
      <c r="EH21" s="110">
        <v>0</v>
      </c>
      <c r="EI21" s="114">
        <v>21180</v>
      </c>
      <c r="EJ21" s="114">
        <v>96557</v>
      </c>
      <c r="EK21" s="114">
        <v>0</v>
      </c>
      <c r="EL21" s="114">
        <v>33528</v>
      </c>
      <c r="EM21" s="114">
        <v>0</v>
      </c>
      <c r="EN21" s="112">
        <v>151265</v>
      </c>
      <c r="EO21" s="116">
        <v>151265</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5"/>
      <c r="FE21" s="114">
        <v>0</v>
      </c>
      <c r="FF21" s="114">
        <v>0</v>
      </c>
      <c r="FG21" s="114">
        <v>0</v>
      </c>
      <c r="FH21" s="114">
        <v>0</v>
      </c>
      <c r="FI21" s="114">
        <v>0</v>
      </c>
      <c r="FJ21" s="113">
        <v>0</v>
      </c>
      <c r="FK21" s="116">
        <v>0</v>
      </c>
      <c r="FL21" s="110">
        <v>109920</v>
      </c>
      <c r="FM21" s="114">
        <v>132360</v>
      </c>
      <c r="FN21" s="113">
        <v>242280</v>
      </c>
      <c r="FO21" s="110">
        <v>0</v>
      </c>
      <c r="FP21" s="114">
        <v>473064</v>
      </c>
      <c r="FQ21" s="114">
        <v>593416</v>
      </c>
      <c r="FR21" s="114">
        <v>405200</v>
      </c>
      <c r="FS21" s="114">
        <v>406512</v>
      </c>
      <c r="FT21" s="114">
        <v>84672</v>
      </c>
      <c r="FU21" s="113">
        <v>1962864</v>
      </c>
      <c r="FV21" s="116">
        <v>2205144</v>
      </c>
      <c r="FW21" s="115">
        <v>35992</v>
      </c>
      <c r="FX21" s="114">
        <v>104640</v>
      </c>
      <c r="FY21" s="112">
        <v>140632</v>
      </c>
      <c r="FZ21" s="111">
        <v>0</v>
      </c>
      <c r="GA21" s="114">
        <v>201064</v>
      </c>
      <c r="GB21" s="114">
        <v>474216</v>
      </c>
      <c r="GC21" s="114">
        <v>245200</v>
      </c>
      <c r="GD21" s="114">
        <v>406512</v>
      </c>
      <c r="GE21" s="114">
        <v>84672</v>
      </c>
      <c r="GF21" s="113">
        <v>1411664</v>
      </c>
      <c r="GG21" s="316">
        <v>1552296</v>
      </c>
      <c r="GH21" s="115">
        <v>0</v>
      </c>
      <c r="GI21" s="114">
        <v>27720</v>
      </c>
      <c r="GJ21" s="112">
        <v>27720</v>
      </c>
      <c r="GK21" s="111">
        <v>0</v>
      </c>
      <c r="GL21" s="114">
        <v>0</v>
      </c>
      <c r="GM21" s="114">
        <v>0</v>
      </c>
      <c r="GN21" s="114">
        <v>0</v>
      </c>
      <c r="GO21" s="114">
        <v>0</v>
      </c>
      <c r="GP21" s="114">
        <v>0</v>
      </c>
      <c r="GQ21" s="113">
        <v>0</v>
      </c>
      <c r="GR21" s="116">
        <v>27720</v>
      </c>
      <c r="GS21" s="110">
        <v>73928</v>
      </c>
      <c r="GT21" s="114">
        <v>0</v>
      </c>
      <c r="GU21" s="113">
        <v>73928</v>
      </c>
      <c r="GV21" s="110">
        <v>0</v>
      </c>
      <c r="GW21" s="114">
        <v>272000</v>
      </c>
      <c r="GX21" s="114">
        <v>119200</v>
      </c>
      <c r="GY21" s="114">
        <v>160000</v>
      </c>
      <c r="GZ21" s="114">
        <v>0</v>
      </c>
      <c r="HA21" s="114">
        <v>0</v>
      </c>
      <c r="HB21" s="112">
        <v>551200</v>
      </c>
      <c r="HC21" s="116">
        <v>625128</v>
      </c>
      <c r="HD21" s="110">
        <v>165983</v>
      </c>
      <c r="HE21" s="114">
        <v>92889</v>
      </c>
      <c r="HF21" s="112">
        <v>258872</v>
      </c>
      <c r="HG21" s="111">
        <v>0</v>
      </c>
      <c r="HH21" s="114">
        <v>1671913</v>
      </c>
      <c r="HI21" s="114">
        <v>1814236</v>
      </c>
      <c r="HJ21" s="114">
        <v>1674054</v>
      </c>
      <c r="HK21" s="114">
        <v>2840745</v>
      </c>
      <c r="HL21" s="114">
        <v>1102394</v>
      </c>
      <c r="HM21" s="113">
        <v>9103342</v>
      </c>
      <c r="HN21" s="109">
        <v>9362214</v>
      </c>
      <c r="HO21" s="326"/>
      <c r="HP21" s="327"/>
      <c r="HQ21" s="328"/>
      <c r="HR21" s="329"/>
      <c r="HS21" s="327"/>
      <c r="HT21" s="327"/>
      <c r="HU21" s="327"/>
      <c r="HV21" s="327"/>
      <c r="HW21" s="327"/>
      <c r="HX21" s="330"/>
      <c r="HY21" s="331"/>
      <c r="HZ21" s="131">
        <v>0</v>
      </c>
      <c r="IA21" s="132">
        <v>0</v>
      </c>
      <c r="IB21" s="133">
        <v>0</v>
      </c>
      <c r="IC21" s="146">
        <v>0</v>
      </c>
      <c r="ID21" s="132">
        <v>576268</v>
      </c>
      <c r="IE21" s="147">
        <v>1223383</v>
      </c>
      <c r="IF21" s="133">
        <v>1962525</v>
      </c>
      <c r="IG21" s="132">
        <v>676148</v>
      </c>
      <c r="IH21" s="133">
        <v>507533</v>
      </c>
      <c r="II21" s="148">
        <v>4945857</v>
      </c>
      <c r="IJ21" s="139">
        <v>4945857</v>
      </c>
      <c r="IK21" s="232">
        <v>0</v>
      </c>
      <c r="IL21" s="236">
        <v>0</v>
      </c>
      <c r="IM21" s="237">
        <v>0</v>
      </c>
      <c r="IN21" s="140"/>
      <c r="IO21" s="119">
        <v>125114</v>
      </c>
      <c r="IP21" s="119">
        <v>0</v>
      </c>
      <c r="IQ21" s="119">
        <v>153880</v>
      </c>
      <c r="IR21" s="119">
        <v>0</v>
      </c>
      <c r="IS21" s="119">
        <v>0</v>
      </c>
      <c r="IT21" s="141">
        <v>278994</v>
      </c>
      <c r="IU21" s="318">
        <v>278994</v>
      </c>
      <c r="IV21" s="142">
        <v>0</v>
      </c>
      <c r="IW21" s="119">
        <v>0</v>
      </c>
      <c r="IX21" s="120">
        <v>0</v>
      </c>
      <c r="IY21" s="144"/>
      <c r="IZ21" s="119">
        <v>0</v>
      </c>
      <c r="JA21" s="119">
        <v>0</v>
      </c>
      <c r="JB21" s="119">
        <v>16396</v>
      </c>
      <c r="JC21" s="119">
        <v>0</v>
      </c>
      <c r="JD21" s="119">
        <v>0</v>
      </c>
      <c r="JE21" s="120">
        <v>16396</v>
      </c>
      <c r="JF21" s="121">
        <v>16396</v>
      </c>
      <c r="JG21" s="142">
        <v>0</v>
      </c>
      <c r="JH21" s="119">
        <v>0</v>
      </c>
      <c r="JI21" s="141">
        <v>0</v>
      </c>
      <c r="JJ21" s="118">
        <v>0</v>
      </c>
      <c r="JK21" s="119">
        <v>345883</v>
      </c>
      <c r="JL21" s="119">
        <v>417120</v>
      </c>
      <c r="JM21" s="119">
        <v>378375</v>
      </c>
      <c r="JN21" s="119">
        <v>172139</v>
      </c>
      <c r="JO21" s="119">
        <v>0</v>
      </c>
      <c r="JP21" s="120">
        <v>1313517</v>
      </c>
      <c r="JQ21" s="318">
        <v>1313517</v>
      </c>
      <c r="JR21" s="142">
        <v>0</v>
      </c>
      <c r="JS21" s="119">
        <v>0</v>
      </c>
      <c r="JT21" s="141">
        <v>0</v>
      </c>
      <c r="JU21" s="118">
        <v>0</v>
      </c>
      <c r="JV21" s="119">
        <v>0</v>
      </c>
      <c r="JW21" s="119">
        <v>0</v>
      </c>
      <c r="JX21" s="119">
        <v>105340</v>
      </c>
      <c r="JY21" s="119">
        <v>0</v>
      </c>
      <c r="JZ21" s="119">
        <v>0</v>
      </c>
      <c r="KA21" s="120">
        <v>105340</v>
      </c>
      <c r="KB21" s="318">
        <v>105340</v>
      </c>
      <c r="KC21" s="234">
        <v>0</v>
      </c>
      <c r="KD21" s="230">
        <v>0</v>
      </c>
      <c r="KE21" s="120">
        <v>0</v>
      </c>
      <c r="KF21" s="118">
        <v>0</v>
      </c>
      <c r="KG21" s="119">
        <v>0</v>
      </c>
      <c r="KH21" s="119">
        <v>165973</v>
      </c>
      <c r="KI21" s="119">
        <v>222987</v>
      </c>
      <c r="KJ21" s="119">
        <v>0</v>
      </c>
      <c r="KK21" s="119">
        <v>0</v>
      </c>
      <c r="KL21" s="120">
        <v>388960</v>
      </c>
      <c r="KM21" s="143">
        <v>388960</v>
      </c>
      <c r="KN21" s="232">
        <v>0</v>
      </c>
      <c r="KO21" s="236">
        <v>0</v>
      </c>
      <c r="KP21" s="237">
        <v>0</v>
      </c>
      <c r="KQ21" s="140"/>
      <c r="KR21" s="119">
        <v>105271</v>
      </c>
      <c r="KS21" s="119">
        <v>471482</v>
      </c>
      <c r="KT21" s="119">
        <v>973116</v>
      </c>
      <c r="KU21" s="119">
        <v>504009</v>
      </c>
      <c r="KV21" s="119">
        <v>507533</v>
      </c>
      <c r="KW21" s="120">
        <v>2561411</v>
      </c>
      <c r="KX21" s="318">
        <v>2561411</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18">
        <v>0</v>
      </c>
      <c r="LU21" s="142">
        <v>0</v>
      </c>
      <c r="LV21" s="119">
        <v>0</v>
      </c>
      <c r="LW21" s="120">
        <v>0</v>
      </c>
      <c r="LX21" s="145"/>
      <c r="LY21" s="119">
        <v>0</v>
      </c>
      <c r="LZ21" s="119">
        <v>168808</v>
      </c>
      <c r="MA21" s="119">
        <v>112431</v>
      </c>
      <c r="MB21" s="119">
        <v>0</v>
      </c>
      <c r="MC21" s="119">
        <v>0</v>
      </c>
      <c r="MD21" s="120">
        <v>281239</v>
      </c>
      <c r="ME21" s="121">
        <v>281239</v>
      </c>
      <c r="MF21" s="142">
        <v>0</v>
      </c>
      <c r="MG21" s="119">
        <v>0</v>
      </c>
      <c r="MH21" s="120">
        <v>0</v>
      </c>
      <c r="MI21" s="145"/>
      <c r="MJ21" s="119">
        <v>0</v>
      </c>
      <c r="MK21" s="119">
        <v>1145613</v>
      </c>
      <c r="ML21" s="119">
        <v>3114313</v>
      </c>
      <c r="MM21" s="119">
        <v>4437272</v>
      </c>
      <c r="MN21" s="119">
        <v>2259390</v>
      </c>
      <c r="MO21" s="120">
        <v>10956588</v>
      </c>
      <c r="MP21" s="143">
        <v>10956588</v>
      </c>
      <c r="MQ21" s="142">
        <v>0</v>
      </c>
      <c r="MR21" s="119">
        <v>0</v>
      </c>
      <c r="MS21" s="120">
        <v>0</v>
      </c>
      <c r="MT21" s="145"/>
      <c r="MU21" s="119">
        <v>0</v>
      </c>
      <c r="MV21" s="119">
        <v>205194</v>
      </c>
      <c r="MW21" s="119">
        <v>1553690</v>
      </c>
      <c r="MX21" s="119">
        <v>2467611</v>
      </c>
      <c r="MY21" s="119">
        <v>809395</v>
      </c>
      <c r="MZ21" s="120">
        <v>5035890</v>
      </c>
      <c r="NA21" s="143">
        <v>5035890</v>
      </c>
      <c r="NB21" s="142">
        <v>0</v>
      </c>
      <c r="NC21" s="119">
        <v>0</v>
      </c>
      <c r="ND21" s="120">
        <v>0</v>
      </c>
      <c r="NE21" s="145"/>
      <c r="NF21" s="119">
        <v>0</v>
      </c>
      <c r="NG21" s="119">
        <v>940419</v>
      </c>
      <c r="NH21" s="119">
        <v>1560623</v>
      </c>
      <c r="NI21" s="119">
        <v>1969661</v>
      </c>
      <c r="NJ21" s="119">
        <v>651067</v>
      </c>
      <c r="NK21" s="120">
        <v>5121770</v>
      </c>
      <c r="NL21" s="318">
        <v>5121770</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798928</v>
      </c>
      <c r="OG21" s="120">
        <v>798928</v>
      </c>
      <c r="OH21" s="121">
        <v>798928</v>
      </c>
      <c r="OI21" s="142">
        <v>416159</v>
      </c>
      <c r="OJ21" s="119">
        <v>592164</v>
      </c>
      <c r="OK21" s="141">
        <v>1008323</v>
      </c>
      <c r="OL21" s="118">
        <v>0</v>
      </c>
      <c r="OM21" s="119">
        <v>6012699</v>
      </c>
      <c r="ON21" s="119">
        <v>9543077</v>
      </c>
      <c r="OO21" s="119">
        <v>8694654</v>
      </c>
      <c r="OP21" s="119">
        <v>11406633</v>
      </c>
      <c r="OQ21" s="119">
        <v>4612215</v>
      </c>
      <c r="OR21" s="120">
        <v>40269278</v>
      </c>
      <c r="OS21" s="143">
        <v>41277601</v>
      </c>
    </row>
    <row r="22" spans="2:409" ht="21" customHeight="1" x14ac:dyDescent="0.2">
      <c r="B22" s="126" t="s">
        <v>17</v>
      </c>
      <c r="C22" s="110">
        <v>451442</v>
      </c>
      <c r="D22" s="114">
        <v>681309</v>
      </c>
      <c r="E22" s="113">
        <v>1132751</v>
      </c>
      <c r="F22" s="109">
        <v>0</v>
      </c>
      <c r="G22" s="114">
        <v>3317778</v>
      </c>
      <c r="H22" s="114">
        <v>6585344</v>
      </c>
      <c r="I22" s="114">
        <v>5863172</v>
      </c>
      <c r="J22" s="114">
        <v>4816236</v>
      </c>
      <c r="K22" s="114">
        <v>3825503</v>
      </c>
      <c r="L22" s="109">
        <v>24408033</v>
      </c>
      <c r="M22" s="116">
        <v>25540784</v>
      </c>
      <c r="N22" s="110">
        <v>39537</v>
      </c>
      <c r="O22" s="114">
        <v>178116</v>
      </c>
      <c r="P22" s="113">
        <v>217653</v>
      </c>
      <c r="Q22" s="110">
        <v>0</v>
      </c>
      <c r="R22" s="114">
        <v>561404</v>
      </c>
      <c r="S22" s="114">
        <v>1545758</v>
      </c>
      <c r="T22" s="114">
        <v>1799894</v>
      </c>
      <c r="U22" s="114">
        <v>494157</v>
      </c>
      <c r="V22" s="114">
        <v>2052322</v>
      </c>
      <c r="W22" s="113">
        <v>6453535</v>
      </c>
      <c r="X22" s="116">
        <v>6671188</v>
      </c>
      <c r="Y22" s="110">
        <v>0</v>
      </c>
      <c r="Z22" s="114">
        <v>0</v>
      </c>
      <c r="AA22" s="113">
        <v>0</v>
      </c>
      <c r="AB22" s="110">
        <v>0</v>
      </c>
      <c r="AC22" s="114">
        <v>218493</v>
      </c>
      <c r="AD22" s="114">
        <v>645392</v>
      </c>
      <c r="AE22" s="114">
        <v>1116444</v>
      </c>
      <c r="AF22" s="114">
        <v>133529</v>
      </c>
      <c r="AG22" s="114">
        <v>1159306</v>
      </c>
      <c r="AH22" s="113">
        <v>3273164</v>
      </c>
      <c r="AI22" s="116">
        <v>3273164</v>
      </c>
      <c r="AJ22" s="110">
        <v>0</v>
      </c>
      <c r="AK22" s="114">
        <v>0</v>
      </c>
      <c r="AL22" s="113">
        <v>0</v>
      </c>
      <c r="AM22" s="110">
        <v>0</v>
      </c>
      <c r="AN22" s="114">
        <v>0</v>
      </c>
      <c r="AO22" s="114">
        <v>0</v>
      </c>
      <c r="AP22" s="114">
        <v>0</v>
      </c>
      <c r="AQ22" s="114">
        <v>0</v>
      </c>
      <c r="AR22" s="114">
        <v>199954</v>
      </c>
      <c r="AS22" s="113">
        <v>199954</v>
      </c>
      <c r="AT22" s="116">
        <v>199954</v>
      </c>
      <c r="AU22" s="110">
        <v>15817</v>
      </c>
      <c r="AV22" s="114">
        <v>44590</v>
      </c>
      <c r="AW22" s="113">
        <v>60407</v>
      </c>
      <c r="AX22" s="110">
        <v>0</v>
      </c>
      <c r="AY22" s="114">
        <v>210175</v>
      </c>
      <c r="AZ22" s="114">
        <v>487009</v>
      </c>
      <c r="BA22" s="114">
        <v>413826</v>
      </c>
      <c r="BB22" s="114">
        <v>172068</v>
      </c>
      <c r="BC22" s="114">
        <v>490182</v>
      </c>
      <c r="BD22" s="113">
        <v>1773260</v>
      </c>
      <c r="BE22" s="116">
        <v>1833667</v>
      </c>
      <c r="BF22" s="110">
        <v>0</v>
      </c>
      <c r="BG22" s="114">
        <v>94454</v>
      </c>
      <c r="BH22" s="112">
        <v>94454</v>
      </c>
      <c r="BI22" s="111">
        <v>0</v>
      </c>
      <c r="BJ22" s="114">
        <v>0</v>
      </c>
      <c r="BK22" s="114">
        <v>68605</v>
      </c>
      <c r="BL22" s="114">
        <v>0</v>
      </c>
      <c r="BM22" s="114">
        <v>0</v>
      </c>
      <c r="BN22" s="114">
        <v>0</v>
      </c>
      <c r="BO22" s="113">
        <v>68605</v>
      </c>
      <c r="BP22" s="116">
        <v>163059</v>
      </c>
      <c r="BQ22" s="110">
        <v>23720</v>
      </c>
      <c r="BR22" s="114">
        <v>39072</v>
      </c>
      <c r="BS22" s="113">
        <v>62792</v>
      </c>
      <c r="BT22" s="110">
        <v>0</v>
      </c>
      <c r="BU22" s="114">
        <v>132736</v>
      </c>
      <c r="BV22" s="114">
        <v>344752</v>
      </c>
      <c r="BW22" s="114">
        <v>269624</v>
      </c>
      <c r="BX22" s="114">
        <v>188560</v>
      </c>
      <c r="BY22" s="114">
        <v>202880</v>
      </c>
      <c r="BZ22" s="113">
        <v>1138552</v>
      </c>
      <c r="CA22" s="116">
        <v>1201344</v>
      </c>
      <c r="CB22" s="110">
        <v>89388</v>
      </c>
      <c r="CC22" s="114">
        <v>183656</v>
      </c>
      <c r="CD22" s="113">
        <v>273044</v>
      </c>
      <c r="CE22" s="110">
        <v>0</v>
      </c>
      <c r="CF22" s="114">
        <v>1148744</v>
      </c>
      <c r="CG22" s="114">
        <v>2705892</v>
      </c>
      <c r="CH22" s="114">
        <v>1213710</v>
      </c>
      <c r="CI22" s="114">
        <v>597243</v>
      </c>
      <c r="CJ22" s="114">
        <v>469503</v>
      </c>
      <c r="CK22" s="113">
        <v>6135092</v>
      </c>
      <c r="CL22" s="116">
        <v>6408136</v>
      </c>
      <c r="CM22" s="110">
        <v>0</v>
      </c>
      <c r="CN22" s="114">
        <v>0</v>
      </c>
      <c r="CO22" s="113">
        <v>0</v>
      </c>
      <c r="CP22" s="111">
        <v>0</v>
      </c>
      <c r="CQ22" s="114">
        <v>1098515</v>
      </c>
      <c r="CR22" s="114">
        <v>1945138</v>
      </c>
      <c r="CS22" s="114">
        <v>972940</v>
      </c>
      <c r="CT22" s="114">
        <v>534708</v>
      </c>
      <c r="CU22" s="114">
        <v>325177</v>
      </c>
      <c r="CV22" s="113">
        <v>4876478</v>
      </c>
      <c r="CW22" s="116">
        <v>4876478</v>
      </c>
      <c r="CX22" s="110">
        <v>89388</v>
      </c>
      <c r="CY22" s="114">
        <v>183656</v>
      </c>
      <c r="CZ22" s="113">
        <v>273044</v>
      </c>
      <c r="DA22" s="110">
        <v>0</v>
      </c>
      <c r="DB22" s="114">
        <v>50229</v>
      </c>
      <c r="DC22" s="114">
        <v>760754</v>
      </c>
      <c r="DD22" s="114">
        <v>240770</v>
      </c>
      <c r="DE22" s="114">
        <v>62535</v>
      </c>
      <c r="DF22" s="114">
        <v>144326</v>
      </c>
      <c r="DG22" s="113">
        <v>1258614</v>
      </c>
      <c r="DH22" s="116">
        <v>1531658</v>
      </c>
      <c r="DI22" s="110">
        <v>0</v>
      </c>
      <c r="DJ22" s="114">
        <v>24553</v>
      </c>
      <c r="DK22" s="112">
        <v>24553</v>
      </c>
      <c r="DL22" s="111">
        <v>0</v>
      </c>
      <c r="DM22" s="114">
        <v>197291</v>
      </c>
      <c r="DN22" s="114">
        <v>581557</v>
      </c>
      <c r="DO22" s="114">
        <v>495347</v>
      </c>
      <c r="DP22" s="114">
        <v>1698822</v>
      </c>
      <c r="DQ22" s="114">
        <v>207878</v>
      </c>
      <c r="DR22" s="113">
        <v>3180895</v>
      </c>
      <c r="DS22" s="116">
        <v>3205448</v>
      </c>
      <c r="DT22" s="110">
        <v>0</v>
      </c>
      <c r="DU22" s="114">
        <v>0</v>
      </c>
      <c r="DV22" s="113">
        <v>0</v>
      </c>
      <c r="DW22" s="110">
        <v>0</v>
      </c>
      <c r="DX22" s="114">
        <v>197291</v>
      </c>
      <c r="DY22" s="114">
        <v>454920</v>
      </c>
      <c r="DZ22" s="114">
        <v>495347</v>
      </c>
      <c r="EA22" s="114">
        <v>1666722</v>
      </c>
      <c r="EB22" s="114">
        <v>207878</v>
      </c>
      <c r="EC22" s="113">
        <v>3022158</v>
      </c>
      <c r="ED22" s="116">
        <v>3022158</v>
      </c>
      <c r="EE22" s="110">
        <v>0</v>
      </c>
      <c r="EF22" s="112">
        <v>24553</v>
      </c>
      <c r="EG22" s="113">
        <v>24553</v>
      </c>
      <c r="EH22" s="110">
        <v>0</v>
      </c>
      <c r="EI22" s="114">
        <v>0</v>
      </c>
      <c r="EJ22" s="114">
        <v>126637</v>
      </c>
      <c r="EK22" s="114">
        <v>0</v>
      </c>
      <c r="EL22" s="114">
        <v>32100</v>
      </c>
      <c r="EM22" s="114">
        <v>0</v>
      </c>
      <c r="EN22" s="112">
        <v>158737</v>
      </c>
      <c r="EO22" s="116">
        <v>183290</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5"/>
      <c r="FE22" s="114">
        <v>0</v>
      </c>
      <c r="FF22" s="114">
        <v>0</v>
      </c>
      <c r="FG22" s="114">
        <v>0</v>
      </c>
      <c r="FH22" s="114">
        <v>0</v>
      </c>
      <c r="FI22" s="114">
        <v>0</v>
      </c>
      <c r="FJ22" s="113">
        <v>0</v>
      </c>
      <c r="FK22" s="116">
        <v>0</v>
      </c>
      <c r="FL22" s="110">
        <v>45920</v>
      </c>
      <c r="FM22" s="114">
        <v>104320</v>
      </c>
      <c r="FN22" s="113">
        <v>150240</v>
      </c>
      <c r="FO22" s="110">
        <v>0</v>
      </c>
      <c r="FP22" s="114">
        <v>373696</v>
      </c>
      <c r="FQ22" s="114">
        <v>771800</v>
      </c>
      <c r="FR22" s="114">
        <v>990800</v>
      </c>
      <c r="FS22" s="114">
        <v>294595</v>
      </c>
      <c r="FT22" s="114">
        <v>394144</v>
      </c>
      <c r="FU22" s="113">
        <v>2825035</v>
      </c>
      <c r="FV22" s="116">
        <v>2975275</v>
      </c>
      <c r="FW22" s="115">
        <v>45920</v>
      </c>
      <c r="FX22" s="114">
        <v>104320</v>
      </c>
      <c r="FY22" s="112">
        <v>150240</v>
      </c>
      <c r="FZ22" s="111">
        <v>0</v>
      </c>
      <c r="GA22" s="114">
        <v>166496</v>
      </c>
      <c r="GB22" s="114">
        <v>750680</v>
      </c>
      <c r="GC22" s="114">
        <v>682416</v>
      </c>
      <c r="GD22" s="114">
        <v>218000</v>
      </c>
      <c r="GE22" s="114">
        <v>394144</v>
      </c>
      <c r="GF22" s="113">
        <v>2211736</v>
      </c>
      <c r="GG22" s="316">
        <v>2361976</v>
      </c>
      <c r="GH22" s="115">
        <v>0</v>
      </c>
      <c r="GI22" s="114">
        <v>0</v>
      </c>
      <c r="GJ22" s="112">
        <v>0</v>
      </c>
      <c r="GK22" s="111">
        <v>0</v>
      </c>
      <c r="GL22" s="114">
        <v>13600</v>
      </c>
      <c r="GM22" s="114">
        <v>21120</v>
      </c>
      <c r="GN22" s="114">
        <v>81984</v>
      </c>
      <c r="GO22" s="114">
        <v>76595</v>
      </c>
      <c r="GP22" s="114">
        <v>0</v>
      </c>
      <c r="GQ22" s="113">
        <v>193299</v>
      </c>
      <c r="GR22" s="116">
        <v>193299</v>
      </c>
      <c r="GS22" s="110">
        <v>0</v>
      </c>
      <c r="GT22" s="114">
        <v>0</v>
      </c>
      <c r="GU22" s="113">
        <v>0</v>
      </c>
      <c r="GV22" s="110">
        <v>0</v>
      </c>
      <c r="GW22" s="114">
        <v>193600</v>
      </c>
      <c r="GX22" s="114">
        <v>0</v>
      </c>
      <c r="GY22" s="114">
        <v>226400</v>
      </c>
      <c r="GZ22" s="114">
        <v>0</v>
      </c>
      <c r="HA22" s="114">
        <v>0</v>
      </c>
      <c r="HB22" s="112">
        <v>420000</v>
      </c>
      <c r="HC22" s="116">
        <v>420000</v>
      </c>
      <c r="HD22" s="110">
        <v>276597</v>
      </c>
      <c r="HE22" s="114">
        <v>190664</v>
      </c>
      <c r="HF22" s="112">
        <v>467261</v>
      </c>
      <c r="HG22" s="111">
        <v>0</v>
      </c>
      <c r="HH22" s="114">
        <v>1036643</v>
      </c>
      <c r="HI22" s="114">
        <v>980337</v>
      </c>
      <c r="HJ22" s="114">
        <v>1363421</v>
      </c>
      <c r="HK22" s="114">
        <v>1731419</v>
      </c>
      <c r="HL22" s="114">
        <v>701656</v>
      </c>
      <c r="HM22" s="113">
        <v>5813476</v>
      </c>
      <c r="HN22" s="109">
        <v>6280737</v>
      </c>
      <c r="HO22" s="326"/>
      <c r="HP22" s="327"/>
      <c r="HQ22" s="328"/>
      <c r="HR22" s="329"/>
      <c r="HS22" s="327"/>
      <c r="HT22" s="327"/>
      <c r="HU22" s="327"/>
      <c r="HV22" s="327"/>
      <c r="HW22" s="327"/>
      <c r="HX22" s="330"/>
      <c r="HY22" s="331"/>
      <c r="HZ22" s="150">
        <v>0</v>
      </c>
      <c r="IA22" s="135">
        <v>0</v>
      </c>
      <c r="IB22" s="150">
        <v>0</v>
      </c>
      <c r="IC22" s="134">
        <v>0</v>
      </c>
      <c r="ID22" s="135">
        <v>1614855</v>
      </c>
      <c r="IE22" s="136">
        <v>2904709</v>
      </c>
      <c r="IF22" s="137">
        <v>3511028</v>
      </c>
      <c r="IG22" s="135">
        <v>1675897</v>
      </c>
      <c r="IH22" s="137">
        <v>669536</v>
      </c>
      <c r="II22" s="138">
        <v>10376025</v>
      </c>
      <c r="IJ22" s="150">
        <v>10376025</v>
      </c>
      <c r="IK22" s="232">
        <v>0</v>
      </c>
      <c r="IL22" s="236">
        <v>0</v>
      </c>
      <c r="IM22" s="237">
        <v>0</v>
      </c>
      <c r="IN22" s="140"/>
      <c r="IO22" s="119">
        <v>0</v>
      </c>
      <c r="IP22" s="119">
        <v>0</v>
      </c>
      <c r="IQ22" s="119">
        <v>0</v>
      </c>
      <c r="IR22" s="119">
        <v>0</v>
      </c>
      <c r="IS22" s="119">
        <v>242829</v>
      </c>
      <c r="IT22" s="141">
        <v>242829</v>
      </c>
      <c r="IU22" s="318">
        <v>242829</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578874</v>
      </c>
      <c r="JL22" s="119">
        <v>786328</v>
      </c>
      <c r="JM22" s="119">
        <v>752626</v>
      </c>
      <c r="JN22" s="119">
        <v>185005</v>
      </c>
      <c r="JO22" s="119">
        <v>65019</v>
      </c>
      <c r="JP22" s="120">
        <v>2367852</v>
      </c>
      <c r="JQ22" s="318">
        <v>2367852</v>
      </c>
      <c r="JR22" s="142">
        <v>0</v>
      </c>
      <c r="JS22" s="119">
        <v>0</v>
      </c>
      <c r="JT22" s="141">
        <v>0</v>
      </c>
      <c r="JU22" s="118">
        <v>0</v>
      </c>
      <c r="JV22" s="119">
        <v>172366</v>
      </c>
      <c r="JW22" s="119">
        <v>57248</v>
      </c>
      <c r="JX22" s="119">
        <v>110266</v>
      </c>
      <c r="JY22" s="119">
        <v>0</v>
      </c>
      <c r="JZ22" s="119">
        <v>0</v>
      </c>
      <c r="KA22" s="120">
        <v>339880</v>
      </c>
      <c r="KB22" s="318">
        <v>339880</v>
      </c>
      <c r="KC22" s="234">
        <v>0</v>
      </c>
      <c r="KD22" s="230">
        <v>0</v>
      </c>
      <c r="KE22" s="120">
        <v>0</v>
      </c>
      <c r="KF22" s="118">
        <v>0</v>
      </c>
      <c r="KG22" s="119">
        <v>142784</v>
      </c>
      <c r="KH22" s="119">
        <v>257272</v>
      </c>
      <c r="KI22" s="119">
        <v>994327</v>
      </c>
      <c r="KJ22" s="119">
        <v>787977</v>
      </c>
      <c r="KK22" s="119">
        <v>0</v>
      </c>
      <c r="KL22" s="120">
        <v>2182360</v>
      </c>
      <c r="KM22" s="143">
        <v>2182360</v>
      </c>
      <c r="KN22" s="232">
        <v>0</v>
      </c>
      <c r="KO22" s="236">
        <v>0</v>
      </c>
      <c r="KP22" s="237">
        <v>0</v>
      </c>
      <c r="KQ22" s="140"/>
      <c r="KR22" s="119">
        <v>720831</v>
      </c>
      <c r="KS22" s="119">
        <v>1594798</v>
      </c>
      <c r="KT22" s="119">
        <v>1123939</v>
      </c>
      <c r="KU22" s="119">
        <v>256096</v>
      </c>
      <c r="KV22" s="119">
        <v>0</v>
      </c>
      <c r="KW22" s="120">
        <v>3695664</v>
      </c>
      <c r="KX22" s="318">
        <v>3695664</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238026</v>
      </c>
      <c r="LQ22" s="119">
        <v>446819</v>
      </c>
      <c r="LR22" s="119">
        <v>0</v>
      </c>
      <c r="LS22" s="120">
        <v>684845</v>
      </c>
      <c r="LT22" s="318">
        <v>684845</v>
      </c>
      <c r="LU22" s="142">
        <v>0</v>
      </c>
      <c r="LV22" s="119">
        <v>0</v>
      </c>
      <c r="LW22" s="120">
        <v>0</v>
      </c>
      <c r="LX22" s="145"/>
      <c r="LY22" s="119">
        <v>0</v>
      </c>
      <c r="LZ22" s="119">
        <v>209063</v>
      </c>
      <c r="MA22" s="119">
        <v>291844</v>
      </c>
      <c r="MB22" s="119">
        <v>0</v>
      </c>
      <c r="MC22" s="119">
        <v>361688</v>
      </c>
      <c r="MD22" s="120">
        <v>862595</v>
      </c>
      <c r="ME22" s="121">
        <v>862595</v>
      </c>
      <c r="MF22" s="142">
        <v>0</v>
      </c>
      <c r="MG22" s="119">
        <v>0</v>
      </c>
      <c r="MH22" s="120">
        <v>0</v>
      </c>
      <c r="MI22" s="145"/>
      <c r="MJ22" s="119">
        <v>1483397</v>
      </c>
      <c r="MK22" s="119">
        <v>1272038</v>
      </c>
      <c r="ML22" s="119">
        <v>4885394</v>
      </c>
      <c r="MM22" s="119">
        <v>4786776</v>
      </c>
      <c r="MN22" s="119">
        <v>5126500</v>
      </c>
      <c r="MO22" s="120">
        <v>17554105</v>
      </c>
      <c r="MP22" s="143">
        <v>17554105</v>
      </c>
      <c r="MQ22" s="142">
        <v>0</v>
      </c>
      <c r="MR22" s="119">
        <v>0</v>
      </c>
      <c r="MS22" s="120">
        <v>0</v>
      </c>
      <c r="MT22" s="145"/>
      <c r="MU22" s="119">
        <v>0</v>
      </c>
      <c r="MV22" s="119">
        <v>232452</v>
      </c>
      <c r="MW22" s="119">
        <v>1912431</v>
      </c>
      <c r="MX22" s="119">
        <v>3126552</v>
      </c>
      <c r="MY22" s="119">
        <v>2707048</v>
      </c>
      <c r="MZ22" s="120">
        <v>7978483</v>
      </c>
      <c r="NA22" s="143">
        <v>7978483</v>
      </c>
      <c r="NB22" s="142">
        <v>0</v>
      </c>
      <c r="NC22" s="119">
        <v>0</v>
      </c>
      <c r="ND22" s="120">
        <v>0</v>
      </c>
      <c r="NE22" s="145"/>
      <c r="NF22" s="119">
        <v>1483397</v>
      </c>
      <c r="NG22" s="119">
        <v>1039586</v>
      </c>
      <c r="NH22" s="119">
        <v>2972963</v>
      </c>
      <c r="NI22" s="119">
        <v>1660224</v>
      </c>
      <c r="NJ22" s="119">
        <v>2419452</v>
      </c>
      <c r="NK22" s="120">
        <v>9575622</v>
      </c>
      <c r="NL22" s="318">
        <v>9575622</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451442</v>
      </c>
      <c r="OJ22" s="119">
        <v>681309</v>
      </c>
      <c r="OK22" s="141">
        <v>1132751</v>
      </c>
      <c r="OL22" s="118">
        <v>0</v>
      </c>
      <c r="OM22" s="119">
        <v>6416030</v>
      </c>
      <c r="ON22" s="119">
        <v>10762091</v>
      </c>
      <c r="OO22" s="119">
        <v>14259594</v>
      </c>
      <c r="OP22" s="119">
        <v>11278909</v>
      </c>
      <c r="OQ22" s="119">
        <v>9621539</v>
      </c>
      <c r="OR22" s="120">
        <v>52338163</v>
      </c>
      <c r="OS22" s="143">
        <v>53470914</v>
      </c>
    </row>
    <row r="23" spans="2:409" ht="21" customHeight="1" x14ac:dyDescent="0.2">
      <c r="B23" s="126" t="s">
        <v>18</v>
      </c>
      <c r="C23" s="110">
        <v>294469</v>
      </c>
      <c r="D23" s="114">
        <v>691925</v>
      </c>
      <c r="E23" s="113">
        <v>986394</v>
      </c>
      <c r="F23" s="109">
        <v>0</v>
      </c>
      <c r="G23" s="114">
        <v>6183692</v>
      </c>
      <c r="H23" s="114">
        <v>8097346</v>
      </c>
      <c r="I23" s="114">
        <v>8590614</v>
      </c>
      <c r="J23" s="114">
        <v>5374623</v>
      </c>
      <c r="K23" s="114">
        <v>3187919</v>
      </c>
      <c r="L23" s="109">
        <v>31434194</v>
      </c>
      <c r="M23" s="116">
        <v>32420588</v>
      </c>
      <c r="N23" s="110">
        <v>105476</v>
      </c>
      <c r="O23" s="114">
        <v>185492</v>
      </c>
      <c r="P23" s="113">
        <v>290968</v>
      </c>
      <c r="Q23" s="110">
        <v>0</v>
      </c>
      <c r="R23" s="114">
        <v>1931588</v>
      </c>
      <c r="S23" s="114">
        <v>1898514</v>
      </c>
      <c r="T23" s="114">
        <v>2310805</v>
      </c>
      <c r="U23" s="114">
        <v>1808069</v>
      </c>
      <c r="V23" s="114">
        <v>845021</v>
      </c>
      <c r="W23" s="113">
        <v>8793997</v>
      </c>
      <c r="X23" s="116">
        <v>9084965</v>
      </c>
      <c r="Y23" s="110">
        <v>0</v>
      </c>
      <c r="Z23" s="114">
        <v>0</v>
      </c>
      <c r="AA23" s="113">
        <v>0</v>
      </c>
      <c r="AB23" s="110">
        <v>0</v>
      </c>
      <c r="AC23" s="114">
        <v>800679</v>
      </c>
      <c r="AD23" s="114">
        <v>574768</v>
      </c>
      <c r="AE23" s="114">
        <v>1274033</v>
      </c>
      <c r="AF23" s="114">
        <v>999302</v>
      </c>
      <c r="AG23" s="114">
        <v>321892</v>
      </c>
      <c r="AH23" s="113">
        <v>3970674</v>
      </c>
      <c r="AI23" s="116">
        <v>3970674</v>
      </c>
      <c r="AJ23" s="110">
        <v>0</v>
      </c>
      <c r="AK23" s="114">
        <v>0</v>
      </c>
      <c r="AL23" s="113">
        <v>0</v>
      </c>
      <c r="AM23" s="110">
        <v>0</v>
      </c>
      <c r="AN23" s="114">
        <v>0</v>
      </c>
      <c r="AO23" s="114">
        <v>13550</v>
      </c>
      <c r="AP23" s="114">
        <v>23060</v>
      </c>
      <c r="AQ23" s="114">
        <v>105983</v>
      </c>
      <c r="AR23" s="114">
        <v>142801</v>
      </c>
      <c r="AS23" s="113">
        <v>285394</v>
      </c>
      <c r="AT23" s="116">
        <v>285394</v>
      </c>
      <c r="AU23" s="110">
        <v>82892</v>
      </c>
      <c r="AV23" s="114">
        <v>113876</v>
      </c>
      <c r="AW23" s="113">
        <v>196768</v>
      </c>
      <c r="AX23" s="110">
        <v>0</v>
      </c>
      <c r="AY23" s="114">
        <v>698261</v>
      </c>
      <c r="AZ23" s="114">
        <v>618923</v>
      </c>
      <c r="BA23" s="114">
        <v>585719</v>
      </c>
      <c r="BB23" s="114">
        <v>299038</v>
      </c>
      <c r="BC23" s="114">
        <v>183000</v>
      </c>
      <c r="BD23" s="113">
        <v>2384941</v>
      </c>
      <c r="BE23" s="116">
        <v>2581709</v>
      </c>
      <c r="BF23" s="110">
        <v>0</v>
      </c>
      <c r="BG23" s="114">
        <v>43280</v>
      </c>
      <c r="BH23" s="112">
        <v>43280</v>
      </c>
      <c r="BI23" s="111">
        <v>0</v>
      </c>
      <c r="BJ23" s="114">
        <v>128792</v>
      </c>
      <c r="BK23" s="114">
        <v>197721</v>
      </c>
      <c r="BL23" s="114">
        <v>68625</v>
      </c>
      <c r="BM23" s="114">
        <v>121154</v>
      </c>
      <c r="BN23" s="114">
        <v>0</v>
      </c>
      <c r="BO23" s="113">
        <v>516292</v>
      </c>
      <c r="BP23" s="116">
        <v>559572</v>
      </c>
      <c r="BQ23" s="110">
        <v>22584</v>
      </c>
      <c r="BR23" s="114">
        <v>28336</v>
      </c>
      <c r="BS23" s="113">
        <v>50920</v>
      </c>
      <c r="BT23" s="110">
        <v>0</v>
      </c>
      <c r="BU23" s="114">
        <v>303856</v>
      </c>
      <c r="BV23" s="114">
        <v>493552</v>
      </c>
      <c r="BW23" s="114">
        <v>359368</v>
      </c>
      <c r="BX23" s="114">
        <v>282592</v>
      </c>
      <c r="BY23" s="114">
        <v>197328</v>
      </c>
      <c r="BZ23" s="113">
        <v>1636696</v>
      </c>
      <c r="CA23" s="116">
        <v>1687616</v>
      </c>
      <c r="CB23" s="110">
        <v>19766</v>
      </c>
      <c r="CC23" s="114">
        <v>269077</v>
      </c>
      <c r="CD23" s="113">
        <v>288843</v>
      </c>
      <c r="CE23" s="110">
        <v>0</v>
      </c>
      <c r="CF23" s="114">
        <v>2187519</v>
      </c>
      <c r="CG23" s="114">
        <v>2924400</v>
      </c>
      <c r="CH23" s="114">
        <v>2938698</v>
      </c>
      <c r="CI23" s="114">
        <v>1318129</v>
      </c>
      <c r="CJ23" s="114">
        <v>645056</v>
      </c>
      <c r="CK23" s="113">
        <v>10013802</v>
      </c>
      <c r="CL23" s="116">
        <v>10302645</v>
      </c>
      <c r="CM23" s="110">
        <v>0</v>
      </c>
      <c r="CN23" s="114">
        <v>0</v>
      </c>
      <c r="CO23" s="113">
        <v>0</v>
      </c>
      <c r="CP23" s="111">
        <v>0</v>
      </c>
      <c r="CQ23" s="114">
        <v>1696383</v>
      </c>
      <c r="CR23" s="114">
        <v>2266420</v>
      </c>
      <c r="CS23" s="114">
        <v>2230090</v>
      </c>
      <c r="CT23" s="114">
        <v>1210107</v>
      </c>
      <c r="CU23" s="114">
        <v>462088</v>
      </c>
      <c r="CV23" s="113">
        <v>7865088</v>
      </c>
      <c r="CW23" s="116">
        <v>7865088</v>
      </c>
      <c r="CX23" s="110">
        <v>19766</v>
      </c>
      <c r="CY23" s="114">
        <v>269077</v>
      </c>
      <c r="CZ23" s="113">
        <v>288843</v>
      </c>
      <c r="DA23" s="110">
        <v>0</v>
      </c>
      <c r="DB23" s="114">
        <v>491136</v>
      </c>
      <c r="DC23" s="114">
        <v>657980</v>
      </c>
      <c r="DD23" s="114">
        <v>708608</v>
      </c>
      <c r="DE23" s="114">
        <v>108022</v>
      </c>
      <c r="DF23" s="114">
        <v>182968</v>
      </c>
      <c r="DG23" s="113">
        <v>2148714</v>
      </c>
      <c r="DH23" s="116">
        <v>2437557</v>
      </c>
      <c r="DI23" s="110">
        <v>0</v>
      </c>
      <c r="DJ23" s="114">
        <v>35700</v>
      </c>
      <c r="DK23" s="112">
        <v>35700</v>
      </c>
      <c r="DL23" s="111">
        <v>0</v>
      </c>
      <c r="DM23" s="114">
        <v>0</v>
      </c>
      <c r="DN23" s="114">
        <v>472765</v>
      </c>
      <c r="DO23" s="114">
        <v>1335192</v>
      </c>
      <c r="DP23" s="114">
        <v>477378</v>
      </c>
      <c r="DQ23" s="114">
        <v>952862</v>
      </c>
      <c r="DR23" s="113">
        <v>3238197</v>
      </c>
      <c r="DS23" s="116">
        <v>3273897</v>
      </c>
      <c r="DT23" s="110">
        <v>0</v>
      </c>
      <c r="DU23" s="114">
        <v>35700</v>
      </c>
      <c r="DV23" s="113">
        <v>35700</v>
      </c>
      <c r="DW23" s="110">
        <v>0</v>
      </c>
      <c r="DX23" s="114">
        <v>0</v>
      </c>
      <c r="DY23" s="114">
        <v>472765</v>
      </c>
      <c r="DZ23" s="114">
        <v>1335192</v>
      </c>
      <c r="EA23" s="114">
        <v>477378</v>
      </c>
      <c r="EB23" s="114">
        <v>952862</v>
      </c>
      <c r="EC23" s="113">
        <v>3238197</v>
      </c>
      <c r="ED23" s="116">
        <v>3273897</v>
      </c>
      <c r="EE23" s="110">
        <v>0</v>
      </c>
      <c r="EF23" s="112">
        <v>0</v>
      </c>
      <c r="EG23" s="113">
        <v>0</v>
      </c>
      <c r="EH23" s="110">
        <v>0</v>
      </c>
      <c r="EI23" s="114">
        <v>0</v>
      </c>
      <c r="EJ23" s="114">
        <v>0</v>
      </c>
      <c r="EK23" s="114">
        <v>0</v>
      </c>
      <c r="EL23" s="114">
        <v>0</v>
      </c>
      <c r="EM23" s="114">
        <v>0</v>
      </c>
      <c r="EN23" s="112">
        <v>0</v>
      </c>
      <c r="EO23" s="116">
        <v>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5"/>
      <c r="FE23" s="114">
        <v>0</v>
      </c>
      <c r="FF23" s="114">
        <v>0</v>
      </c>
      <c r="FG23" s="114">
        <v>0</v>
      </c>
      <c r="FH23" s="114">
        <v>0</v>
      </c>
      <c r="FI23" s="114">
        <v>0</v>
      </c>
      <c r="FJ23" s="113">
        <v>0</v>
      </c>
      <c r="FK23" s="116">
        <v>0</v>
      </c>
      <c r="FL23" s="110">
        <v>61432</v>
      </c>
      <c r="FM23" s="114">
        <v>201656</v>
      </c>
      <c r="FN23" s="113">
        <v>263088</v>
      </c>
      <c r="FO23" s="110">
        <v>0</v>
      </c>
      <c r="FP23" s="114">
        <v>242752</v>
      </c>
      <c r="FQ23" s="114">
        <v>684800</v>
      </c>
      <c r="FR23" s="114">
        <v>570928</v>
      </c>
      <c r="FS23" s="114">
        <v>401760</v>
      </c>
      <c r="FT23" s="114">
        <v>268800</v>
      </c>
      <c r="FU23" s="113">
        <v>2169040</v>
      </c>
      <c r="FV23" s="116">
        <v>2432128</v>
      </c>
      <c r="FW23" s="115">
        <v>61432</v>
      </c>
      <c r="FX23" s="114">
        <v>153256</v>
      </c>
      <c r="FY23" s="112">
        <v>214688</v>
      </c>
      <c r="FZ23" s="111">
        <v>0</v>
      </c>
      <c r="GA23" s="114">
        <v>242752</v>
      </c>
      <c r="GB23" s="114">
        <v>612800</v>
      </c>
      <c r="GC23" s="114">
        <v>570928</v>
      </c>
      <c r="GD23" s="114">
        <v>392080</v>
      </c>
      <c r="GE23" s="114">
        <v>268800</v>
      </c>
      <c r="GF23" s="113">
        <v>2087360</v>
      </c>
      <c r="GG23" s="316">
        <v>2302048</v>
      </c>
      <c r="GH23" s="115">
        <v>0</v>
      </c>
      <c r="GI23" s="114">
        <v>0</v>
      </c>
      <c r="GJ23" s="112">
        <v>0</v>
      </c>
      <c r="GK23" s="111">
        <v>0</v>
      </c>
      <c r="GL23" s="114">
        <v>0</v>
      </c>
      <c r="GM23" s="114">
        <v>0</v>
      </c>
      <c r="GN23" s="114">
        <v>0</v>
      </c>
      <c r="GO23" s="114">
        <v>9680</v>
      </c>
      <c r="GP23" s="114">
        <v>0</v>
      </c>
      <c r="GQ23" s="113">
        <v>9680</v>
      </c>
      <c r="GR23" s="116">
        <v>9680</v>
      </c>
      <c r="GS23" s="110">
        <v>0</v>
      </c>
      <c r="GT23" s="114">
        <v>48400</v>
      </c>
      <c r="GU23" s="113">
        <v>48400</v>
      </c>
      <c r="GV23" s="110">
        <v>0</v>
      </c>
      <c r="GW23" s="114">
        <v>0</v>
      </c>
      <c r="GX23" s="114">
        <v>72000</v>
      </c>
      <c r="GY23" s="114">
        <v>0</v>
      </c>
      <c r="GZ23" s="114">
        <v>0</v>
      </c>
      <c r="HA23" s="114">
        <v>0</v>
      </c>
      <c r="HB23" s="112">
        <v>72000</v>
      </c>
      <c r="HC23" s="116">
        <v>120400</v>
      </c>
      <c r="HD23" s="110">
        <v>107795</v>
      </c>
      <c r="HE23" s="114">
        <v>0</v>
      </c>
      <c r="HF23" s="112">
        <v>107795</v>
      </c>
      <c r="HG23" s="111">
        <v>0</v>
      </c>
      <c r="HH23" s="114">
        <v>1821833</v>
      </c>
      <c r="HI23" s="114">
        <v>2116867</v>
      </c>
      <c r="HJ23" s="114">
        <v>1434991</v>
      </c>
      <c r="HK23" s="114">
        <v>1369287</v>
      </c>
      <c r="HL23" s="114">
        <v>476180</v>
      </c>
      <c r="HM23" s="113">
        <v>7219158</v>
      </c>
      <c r="HN23" s="109">
        <v>7326953</v>
      </c>
      <c r="HO23" s="326"/>
      <c r="HP23" s="327"/>
      <c r="HQ23" s="328"/>
      <c r="HR23" s="329"/>
      <c r="HS23" s="327"/>
      <c r="HT23" s="327"/>
      <c r="HU23" s="327"/>
      <c r="HV23" s="327"/>
      <c r="HW23" s="327"/>
      <c r="HX23" s="330"/>
      <c r="HY23" s="331"/>
      <c r="HZ23" s="131">
        <v>46082</v>
      </c>
      <c r="IA23" s="132">
        <v>0</v>
      </c>
      <c r="IB23" s="133">
        <v>46082</v>
      </c>
      <c r="IC23" s="146">
        <v>0</v>
      </c>
      <c r="ID23" s="132">
        <v>1772429</v>
      </c>
      <c r="IE23" s="147">
        <v>2102946</v>
      </c>
      <c r="IF23" s="133">
        <v>3431519</v>
      </c>
      <c r="IG23" s="132">
        <v>1684540</v>
      </c>
      <c r="IH23" s="133">
        <v>912750</v>
      </c>
      <c r="II23" s="148">
        <v>9904184</v>
      </c>
      <c r="IJ23" s="139">
        <v>9950266</v>
      </c>
      <c r="IK23" s="232">
        <v>0</v>
      </c>
      <c r="IL23" s="236">
        <v>0</v>
      </c>
      <c r="IM23" s="237">
        <v>0</v>
      </c>
      <c r="IN23" s="140"/>
      <c r="IO23" s="119">
        <v>0</v>
      </c>
      <c r="IP23" s="119">
        <v>0</v>
      </c>
      <c r="IQ23" s="119">
        <v>0</v>
      </c>
      <c r="IR23" s="119">
        <v>0</v>
      </c>
      <c r="IS23" s="119">
        <v>0</v>
      </c>
      <c r="IT23" s="141">
        <v>0</v>
      </c>
      <c r="IU23" s="318">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739261</v>
      </c>
      <c r="JL23" s="119">
        <v>457299</v>
      </c>
      <c r="JM23" s="119">
        <v>432257</v>
      </c>
      <c r="JN23" s="119">
        <v>130766</v>
      </c>
      <c r="JO23" s="119">
        <v>0</v>
      </c>
      <c r="JP23" s="120">
        <v>1759583</v>
      </c>
      <c r="JQ23" s="318">
        <v>1759583</v>
      </c>
      <c r="JR23" s="142">
        <v>0</v>
      </c>
      <c r="JS23" s="119">
        <v>0</v>
      </c>
      <c r="JT23" s="141">
        <v>0</v>
      </c>
      <c r="JU23" s="118">
        <v>0</v>
      </c>
      <c r="JV23" s="119">
        <v>161597</v>
      </c>
      <c r="JW23" s="119">
        <v>0</v>
      </c>
      <c r="JX23" s="119">
        <v>289676</v>
      </c>
      <c r="JY23" s="119">
        <v>0</v>
      </c>
      <c r="JZ23" s="119">
        <v>39220</v>
      </c>
      <c r="KA23" s="120">
        <v>490493</v>
      </c>
      <c r="KB23" s="318">
        <v>490493</v>
      </c>
      <c r="KC23" s="234">
        <v>46082</v>
      </c>
      <c r="KD23" s="230">
        <v>0</v>
      </c>
      <c r="KE23" s="120">
        <v>46082</v>
      </c>
      <c r="KF23" s="118">
        <v>0</v>
      </c>
      <c r="KG23" s="119">
        <v>639615</v>
      </c>
      <c r="KH23" s="119">
        <v>700736</v>
      </c>
      <c r="KI23" s="119">
        <v>1440888</v>
      </c>
      <c r="KJ23" s="119">
        <v>352933</v>
      </c>
      <c r="KK23" s="119">
        <v>0</v>
      </c>
      <c r="KL23" s="120">
        <v>3134172</v>
      </c>
      <c r="KM23" s="143">
        <v>3180254</v>
      </c>
      <c r="KN23" s="232">
        <v>0</v>
      </c>
      <c r="KO23" s="236">
        <v>0</v>
      </c>
      <c r="KP23" s="237">
        <v>0</v>
      </c>
      <c r="KQ23" s="140"/>
      <c r="KR23" s="119">
        <v>231956</v>
      </c>
      <c r="KS23" s="119">
        <v>944911</v>
      </c>
      <c r="KT23" s="119">
        <v>994702</v>
      </c>
      <c r="KU23" s="119">
        <v>680853</v>
      </c>
      <c r="KV23" s="119">
        <v>520342</v>
      </c>
      <c r="KW23" s="120">
        <v>3372764</v>
      </c>
      <c r="KX23" s="318">
        <v>3372764</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190373</v>
      </c>
      <c r="LR23" s="119">
        <v>0</v>
      </c>
      <c r="LS23" s="120">
        <v>190373</v>
      </c>
      <c r="LT23" s="318">
        <v>190373</v>
      </c>
      <c r="LU23" s="142">
        <v>0</v>
      </c>
      <c r="LV23" s="119">
        <v>0</v>
      </c>
      <c r="LW23" s="120">
        <v>0</v>
      </c>
      <c r="LX23" s="145"/>
      <c r="LY23" s="119">
        <v>0</v>
      </c>
      <c r="LZ23" s="119">
        <v>0</v>
      </c>
      <c r="MA23" s="119">
        <v>273996</v>
      </c>
      <c r="MB23" s="119">
        <v>329615</v>
      </c>
      <c r="MC23" s="119">
        <v>353188</v>
      </c>
      <c r="MD23" s="120">
        <v>956799</v>
      </c>
      <c r="ME23" s="121">
        <v>956799</v>
      </c>
      <c r="MF23" s="142">
        <v>0</v>
      </c>
      <c r="MG23" s="119">
        <v>0</v>
      </c>
      <c r="MH23" s="120">
        <v>0</v>
      </c>
      <c r="MI23" s="145"/>
      <c r="MJ23" s="119">
        <v>650741</v>
      </c>
      <c r="MK23" s="119">
        <v>956806</v>
      </c>
      <c r="ML23" s="119">
        <v>2895631</v>
      </c>
      <c r="MM23" s="119">
        <v>7964660</v>
      </c>
      <c r="MN23" s="119">
        <v>2331807</v>
      </c>
      <c r="MO23" s="120">
        <v>14799645</v>
      </c>
      <c r="MP23" s="143">
        <v>14799645</v>
      </c>
      <c r="MQ23" s="142">
        <v>0</v>
      </c>
      <c r="MR23" s="119">
        <v>0</v>
      </c>
      <c r="MS23" s="120">
        <v>0</v>
      </c>
      <c r="MT23" s="145"/>
      <c r="MU23" s="119">
        <v>0</v>
      </c>
      <c r="MV23" s="119">
        <v>0</v>
      </c>
      <c r="MW23" s="119">
        <v>1202504</v>
      </c>
      <c r="MX23" s="119">
        <v>6372462</v>
      </c>
      <c r="MY23" s="119">
        <v>1499637</v>
      </c>
      <c r="MZ23" s="120">
        <v>9074603</v>
      </c>
      <c r="NA23" s="143">
        <v>9074603</v>
      </c>
      <c r="NB23" s="142">
        <v>0</v>
      </c>
      <c r="NC23" s="119">
        <v>0</v>
      </c>
      <c r="ND23" s="120">
        <v>0</v>
      </c>
      <c r="NE23" s="145"/>
      <c r="NF23" s="119">
        <v>650741</v>
      </c>
      <c r="NG23" s="119">
        <v>956806</v>
      </c>
      <c r="NH23" s="119">
        <v>1693127</v>
      </c>
      <c r="NI23" s="119">
        <v>1592198</v>
      </c>
      <c r="NJ23" s="119">
        <v>832170</v>
      </c>
      <c r="NK23" s="120">
        <v>5725042</v>
      </c>
      <c r="NL23" s="318">
        <v>5725042</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0</v>
      </c>
      <c r="OG23" s="120">
        <v>0</v>
      </c>
      <c r="OH23" s="121">
        <v>0</v>
      </c>
      <c r="OI23" s="142">
        <v>340551</v>
      </c>
      <c r="OJ23" s="119">
        <v>691925</v>
      </c>
      <c r="OK23" s="141">
        <v>1032476</v>
      </c>
      <c r="OL23" s="118">
        <v>0</v>
      </c>
      <c r="OM23" s="119">
        <v>8606862</v>
      </c>
      <c r="ON23" s="119">
        <v>11157098</v>
      </c>
      <c r="OO23" s="119">
        <v>14917764</v>
      </c>
      <c r="OP23" s="119">
        <v>15023823</v>
      </c>
      <c r="OQ23" s="119">
        <v>6432476</v>
      </c>
      <c r="OR23" s="120">
        <v>56138023</v>
      </c>
      <c r="OS23" s="143">
        <v>57170499</v>
      </c>
    </row>
    <row r="24" spans="2:409" ht="21" customHeight="1" x14ac:dyDescent="0.2">
      <c r="B24" s="126" t="s">
        <v>19</v>
      </c>
      <c r="C24" s="110">
        <v>210259</v>
      </c>
      <c r="D24" s="114">
        <v>567913</v>
      </c>
      <c r="E24" s="113">
        <v>778172</v>
      </c>
      <c r="F24" s="109">
        <v>0</v>
      </c>
      <c r="G24" s="114">
        <v>3551229</v>
      </c>
      <c r="H24" s="114">
        <v>4172625</v>
      </c>
      <c r="I24" s="114">
        <v>3096766</v>
      </c>
      <c r="J24" s="114">
        <v>1841697</v>
      </c>
      <c r="K24" s="114">
        <v>1674269</v>
      </c>
      <c r="L24" s="109">
        <v>14336586</v>
      </c>
      <c r="M24" s="116">
        <v>15114758</v>
      </c>
      <c r="N24" s="110">
        <v>85887</v>
      </c>
      <c r="O24" s="114">
        <v>17008</v>
      </c>
      <c r="P24" s="113">
        <v>102895</v>
      </c>
      <c r="Q24" s="110">
        <v>0</v>
      </c>
      <c r="R24" s="114">
        <v>1017445</v>
      </c>
      <c r="S24" s="114">
        <v>1064143</v>
      </c>
      <c r="T24" s="114">
        <v>1060955</v>
      </c>
      <c r="U24" s="114">
        <v>955351</v>
      </c>
      <c r="V24" s="114">
        <v>1246527</v>
      </c>
      <c r="W24" s="113">
        <v>5344421</v>
      </c>
      <c r="X24" s="116">
        <v>5447316</v>
      </c>
      <c r="Y24" s="110">
        <v>0</v>
      </c>
      <c r="Z24" s="114">
        <v>0</v>
      </c>
      <c r="AA24" s="113">
        <v>0</v>
      </c>
      <c r="AB24" s="110">
        <v>0</v>
      </c>
      <c r="AC24" s="114">
        <v>412357</v>
      </c>
      <c r="AD24" s="114">
        <v>507570</v>
      </c>
      <c r="AE24" s="114">
        <v>327046</v>
      </c>
      <c r="AF24" s="114">
        <v>704207</v>
      </c>
      <c r="AG24" s="114">
        <v>645107</v>
      </c>
      <c r="AH24" s="113">
        <v>2596287</v>
      </c>
      <c r="AI24" s="116">
        <v>2596287</v>
      </c>
      <c r="AJ24" s="110">
        <v>0</v>
      </c>
      <c r="AK24" s="114">
        <v>0</v>
      </c>
      <c r="AL24" s="113">
        <v>0</v>
      </c>
      <c r="AM24" s="110">
        <v>0</v>
      </c>
      <c r="AN24" s="114">
        <v>0</v>
      </c>
      <c r="AO24" s="114">
        <v>0</v>
      </c>
      <c r="AP24" s="114">
        <v>189172</v>
      </c>
      <c r="AQ24" s="114">
        <v>11680</v>
      </c>
      <c r="AR24" s="114">
        <v>131685</v>
      </c>
      <c r="AS24" s="113">
        <v>332537</v>
      </c>
      <c r="AT24" s="116">
        <v>332537</v>
      </c>
      <c r="AU24" s="110">
        <v>42695</v>
      </c>
      <c r="AV24" s="114">
        <v>-8680</v>
      </c>
      <c r="AW24" s="113">
        <v>34015</v>
      </c>
      <c r="AX24" s="110">
        <v>0</v>
      </c>
      <c r="AY24" s="114">
        <v>349972</v>
      </c>
      <c r="AZ24" s="114">
        <v>256404</v>
      </c>
      <c r="BA24" s="114">
        <v>321225</v>
      </c>
      <c r="BB24" s="114">
        <v>112210</v>
      </c>
      <c r="BC24" s="114">
        <v>387807</v>
      </c>
      <c r="BD24" s="113">
        <v>1427618</v>
      </c>
      <c r="BE24" s="116">
        <v>1461633</v>
      </c>
      <c r="BF24" s="110">
        <v>0</v>
      </c>
      <c r="BG24" s="114">
        <v>0</v>
      </c>
      <c r="BH24" s="112">
        <v>0</v>
      </c>
      <c r="BI24" s="111">
        <v>0</v>
      </c>
      <c r="BJ24" s="114">
        <v>31700</v>
      </c>
      <c r="BK24" s="114">
        <v>76633</v>
      </c>
      <c r="BL24" s="114">
        <v>0</v>
      </c>
      <c r="BM24" s="114">
        <v>26590</v>
      </c>
      <c r="BN24" s="114">
        <v>0</v>
      </c>
      <c r="BO24" s="113">
        <v>134923</v>
      </c>
      <c r="BP24" s="116">
        <v>134923</v>
      </c>
      <c r="BQ24" s="110">
        <v>43192</v>
      </c>
      <c r="BR24" s="114">
        <v>25688</v>
      </c>
      <c r="BS24" s="113">
        <v>68880</v>
      </c>
      <c r="BT24" s="110">
        <v>0</v>
      </c>
      <c r="BU24" s="114">
        <v>223416</v>
      </c>
      <c r="BV24" s="114">
        <v>223536</v>
      </c>
      <c r="BW24" s="114">
        <v>223512</v>
      </c>
      <c r="BX24" s="114">
        <v>100664</v>
      </c>
      <c r="BY24" s="114">
        <v>81928</v>
      </c>
      <c r="BZ24" s="113">
        <v>853056</v>
      </c>
      <c r="CA24" s="116">
        <v>921936</v>
      </c>
      <c r="CB24" s="110">
        <v>42291</v>
      </c>
      <c r="CC24" s="114">
        <v>157753</v>
      </c>
      <c r="CD24" s="113">
        <v>200044</v>
      </c>
      <c r="CE24" s="110">
        <v>0</v>
      </c>
      <c r="CF24" s="114">
        <v>1297348</v>
      </c>
      <c r="CG24" s="114">
        <v>1515550</v>
      </c>
      <c r="CH24" s="114">
        <v>635243</v>
      </c>
      <c r="CI24" s="114">
        <v>376643</v>
      </c>
      <c r="CJ24" s="114">
        <v>0</v>
      </c>
      <c r="CK24" s="113">
        <v>3824784</v>
      </c>
      <c r="CL24" s="116">
        <v>4024828</v>
      </c>
      <c r="CM24" s="110">
        <v>0</v>
      </c>
      <c r="CN24" s="114">
        <v>0</v>
      </c>
      <c r="CO24" s="113">
        <v>0</v>
      </c>
      <c r="CP24" s="111">
        <v>0</v>
      </c>
      <c r="CQ24" s="114">
        <v>883956</v>
      </c>
      <c r="CR24" s="114">
        <v>1054876</v>
      </c>
      <c r="CS24" s="114">
        <v>536488</v>
      </c>
      <c r="CT24" s="114">
        <v>0</v>
      </c>
      <c r="CU24" s="114">
        <v>0</v>
      </c>
      <c r="CV24" s="113">
        <v>2475320</v>
      </c>
      <c r="CW24" s="116">
        <v>2475320</v>
      </c>
      <c r="CX24" s="110">
        <v>42291</v>
      </c>
      <c r="CY24" s="114">
        <v>157753</v>
      </c>
      <c r="CZ24" s="113">
        <v>200044</v>
      </c>
      <c r="DA24" s="110">
        <v>0</v>
      </c>
      <c r="DB24" s="114">
        <v>413392</v>
      </c>
      <c r="DC24" s="114">
        <v>460674</v>
      </c>
      <c r="DD24" s="114">
        <v>98755</v>
      </c>
      <c r="DE24" s="114">
        <v>376643</v>
      </c>
      <c r="DF24" s="114">
        <v>0</v>
      </c>
      <c r="DG24" s="113">
        <v>1349464</v>
      </c>
      <c r="DH24" s="116">
        <v>1549508</v>
      </c>
      <c r="DI24" s="110">
        <v>0</v>
      </c>
      <c r="DJ24" s="114">
        <v>0</v>
      </c>
      <c r="DK24" s="112">
        <v>0</v>
      </c>
      <c r="DL24" s="111">
        <v>0</v>
      </c>
      <c r="DM24" s="114">
        <v>64776</v>
      </c>
      <c r="DN24" s="114">
        <v>51161</v>
      </c>
      <c r="DO24" s="114">
        <v>93707</v>
      </c>
      <c r="DP24" s="114">
        <v>0</v>
      </c>
      <c r="DQ24" s="114">
        <v>235462</v>
      </c>
      <c r="DR24" s="113">
        <v>445106</v>
      </c>
      <c r="DS24" s="116">
        <v>445106</v>
      </c>
      <c r="DT24" s="110">
        <v>0</v>
      </c>
      <c r="DU24" s="114">
        <v>0</v>
      </c>
      <c r="DV24" s="113">
        <v>0</v>
      </c>
      <c r="DW24" s="110">
        <v>0</v>
      </c>
      <c r="DX24" s="114">
        <v>64776</v>
      </c>
      <c r="DY24" s="114">
        <v>51161</v>
      </c>
      <c r="DZ24" s="114">
        <v>85298</v>
      </c>
      <c r="EA24" s="114">
        <v>0</v>
      </c>
      <c r="EB24" s="114">
        <v>116876</v>
      </c>
      <c r="EC24" s="113">
        <v>318111</v>
      </c>
      <c r="ED24" s="116">
        <v>318111</v>
      </c>
      <c r="EE24" s="110">
        <v>0</v>
      </c>
      <c r="EF24" s="112">
        <v>0</v>
      </c>
      <c r="EG24" s="113">
        <v>0</v>
      </c>
      <c r="EH24" s="110">
        <v>0</v>
      </c>
      <c r="EI24" s="114">
        <v>0</v>
      </c>
      <c r="EJ24" s="114">
        <v>0</v>
      </c>
      <c r="EK24" s="114">
        <v>8409</v>
      </c>
      <c r="EL24" s="114">
        <v>0</v>
      </c>
      <c r="EM24" s="114">
        <v>118586</v>
      </c>
      <c r="EN24" s="112">
        <v>126995</v>
      </c>
      <c r="EO24" s="116">
        <v>126995</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5"/>
      <c r="FE24" s="114">
        <v>0</v>
      </c>
      <c r="FF24" s="114">
        <v>0</v>
      </c>
      <c r="FG24" s="114">
        <v>0</v>
      </c>
      <c r="FH24" s="114">
        <v>0</v>
      </c>
      <c r="FI24" s="114">
        <v>0</v>
      </c>
      <c r="FJ24" s="113">
        <v>0</v>
      </c>
      <c r="FK24" s="116">
        <v>0</v>
      </c>
      <c r="FL24" s="110">
        <v>20240</v>
      </c>
      <c r="FM24" s="114">
        <v>212000</v>
      </c>
      <c r="FN24" s="113">
        <v>232240</v>
      </c>
      <c r="FO24" s="110">
        <v>0</v>
      </c>
      <c r="FP24" s="114">
        <v>252294</v>
      </c>
      <c r="FQ24" s="114">
        <v>544024</v>
      </c>
      <c r="FR24" s="114">
        <v>198208</v>
      </c>
      <c r="FS24" s="114">
        <v>174824</v>
      </c>
      <c r="FT24" s="114">
        <v>192280</v>
      </c>
      <c r="FU24" s="113">
        <v>1361630</v>
      </c>
      <c r="FV24" s="116">
        <v>1593870</v>
      </c>
      <c r="FW24" s="115">
        <v>20240</v>
      </c>
      <c r="FX24" s="114">
        <v>52000</v>
      </c>
      <c r="FY24" s="112">
        <v>72240</v>
      </c>
      <c r="FZ24" s="111">
        <v>0</v>
      </c>
      <c r="GA24" s="114">
        <v>225520</v>
      </c>
      <c r="GB24" s="114">
        <v>368824</v>
      </c>
      <c r="GC24" s="114">
        <v>169168</v>
      </c>
      <c r="GD24" s="114">
        <v>174824</v>
      </c>
      <c r="GE24" s="114">
        <v>192280</v>
      </c>
      <c r="GF24" s="113">
        <v>1130616</v>
      </c>
      <c r="GG24" s="316">
        <v>1202856</v>
      </c>
      <c r="GH24" s="115">
        <v>0</v>
      </c>
      <c r="GI24" s="114">
        <v>0</v>
      </c>
      <c r="GJ24" s="112">
        <v>0</v>
      </c>
      <c r="GK24" s="111">
        <v>0</v>
      </c>
      <c r="GL24" s="114">
        <v>0</v>
      </c>
      <c r="GM24" s="114">
        <v>0</v>
      </c>
      <c r="GN24" s="114">
        <v>29040</v>
      </c>
      <c r="GO24" s="114">
        <v>0</v>
      </c>
      <c r="GP24" s="114">
        <v>0</v>
      </c>
      <c r="GQ24" s="113">
        <v>29040</v>
      </c>
      <c r="GR24" s="116">
        <v>29040</v>
      </c>
      <c r="GS24" s="110">
        <v>0</v>
      </c>
      <c r="GT24" s="114">
        <v>160000</v>
      </c>
      <c r="GU24" s="113">
        <v>160000</v>
      </c>
      <c r="GV24" s="110">
        <v>0</v>
      </c>
      <c r="GW24" s="114">
        <v>26774</v>
      </c>
      <c r="GX24" s="114">
        <v>175200</v>
      </c>
      <c r="GY24" s="114">
        <v>0</v>
      </c>
      <c r="GZ24" s="114">
        <v>0</v>
      </c>
      <c r="HA24" s="114">
        <v>0</v>
      </c>
      <c r="HB24" s="112">
        <v>201974</v>
      </c>
      <c r="HC24" s="116">
        <v>361974</v>
      </c>
      <c r="HD24" s="110">
        <v>61841</v>
      </c>
      <c r="HE24" s="114">
        <v>181152</v>
      </c>
      <c r="HF24" s="112">
        <v>242993</v>
      </c>
      <c r="HG24" s="111">
        <v>0</v>
      </c>
      <c r="HH24" s="114">
        <v>919366</v>
      </c>
      <c r="HI24" s="114">
        <v>997747</v>
      </c>
      <c r="HJ24" s="114">
        <v>1108653</v>
      </c>
      <c r="HK24" s="114">
        <v>334879</v>
      </c>
      <c r="HL24" s="114">
        <v>0</v>
      </c>
      <c r="HM24" s="113">
        <v>3360645</v>
      </c>
      <c r="HN24" s="109">
        <v>3603638</v>
      </c>
      <c r="HO24" s="326"/>
      <c r="HP24" s="327"/>
      <c r="HQ24" s="328"/>
      <c r="HR24" s="329"/>
      <c r="HS24" s="327"/>
      <c r="HT24" s="327"/>
      <c r="HU24" s="327"/>
      <c r="HV24" s="327"/>
      <c r="HW24" s="327"/>
      <c r="HX24" s="330"/>
      <c r="HY24" s="331"/>
      <c r="HZ24" s="150">
        <v>0</v>
      </c>
      <c r="IA24" s="135">
        <v>0</v>
      </c>
      <c r="IB24" s="150">
        <v>0</v>
      </c>
      <c r="IC24" s="134">
        <v>0</v>
      </c>
      <c r="ID24" s="135">
        <v>1108851</v>
      </c>
      <c r="IE24" s="136">
        <v>1541480</v>
      </c>
      <c r="IF24" s="137">
        <v>672624</v>
      </c>
      <c r="IG24" s="135">
        <v>301755</v>
      </c>
      <c r="IH24" s="137">
        <v>651621</v>
      </c>
      <c r="II24" s="138">
        <v>4276331</v>
      </c>
      <c r="IJ24" s="150">
        <v>4276331</v>
      </c>
      <c r="IK24" s="232">
        <v>0</v>
      </c>
      <c r="IL24" s="236">
        <v>0</v>
      </c>
      <c r="IM24" s="237">
        <v>0</v>
      </c>
      <c r="IN24" s="140"/>
      <c r="IO24" s="119">
        <v>54843</v>
      </c>
      <c r="IP24" s="119">
        <v>128202</v>
      </c>
      <c r="IQ24" s="119">
        <v>0</v>
      </c>
      <c r="IR24" s="119">
        <v>0</v>
      </c>
      <c r="IS24" s="119">
        <v>292956</v>
      </c>
      <c r="IT24" s="141">
        <v>476001</v>
      </c>
      <c r="IU24" s="318">
        <v>476001</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31740</v>
      </c>
      <c r="JL24" s="119">
        <v>415688</v>
      </c>
      <c r="JM24" s="119">
        <v>0</v>
      </c>
      <c r="JN24" s="119">
        <v>0</v>
      </c>
      <c r="JO24" s="119">
        <v>0</v>
      </c>
      <c r="JP24" s="120">
        <v>447428</v>
      </c>
      <c r="JQ24" s="318">
        <v>447428</v>
      </c>
      <c r="JR24" s="142">
        <v>0</v>
      </c>
      <c r="JS24" s="119">
        <v>0</v>
      </c>
      <c r="JT24" s="141">
        <v>0</v>
      </c>
      <c r="JU24" s="118">
        <v>0</v>
      </c>
      <c r="JV24" s="119">
        <v>58455</v>
      </c>
      <c r="JW24" s="119">
        <v>337546</v>
      </c>
      <c r="JX24" s="119">
        <v>0</v>
      </c>
      <c r="JY24" s="119">
        <v>0</v>
      </c>
      <c r="JZ24" s="119">
        <v>0</v>
      </c>
      <c r="KA24" s="120">
        <v>396001</v>
      </c>
      <c r="KB24" s="318">
        <v>396001</v>
      </c>
      <c r="KC24" s="234">
        <v>0</v>
      </c>
      <c r="KD24" s="230">
        <v>0</v>
      </c>
      <c r="KE24" s="120">
        <v>0</v>
      </c>
      <c r="KF24" s="118">
        <v>0</v>
      </c>
      <c r="KG24" s="119">
        <v>505478</v>
      </c>
      <c r="KH24" s="119">
        <v>179898</v>
      </c>
      <c r="KI24" s="119">
        <v>421323</v>
      </c>
      <c r="KJ24" s="119">
        <v>0</v>
      </c>
      <c r="KK24" s="119">
        <v>0</v>
      </c>
      <c r="KL24" s="120">
        <v>1106699</v>
      </c>
      <c r="KM24" s="143">
        <v>1106699</v>
      </c>
      <c r="KN24" s="232">
        <v>0</v>
      </c>
      <c r="KO24" s="236">
        <v>0</v>
      </c>
      <c r="KP24" s="237">
        <v>0</v>
      </c>
      <c r="KQ24" s="140"/>
      <c r="KR24" s="119">
        <v>458335</v>
      </c>
      <c r="KS24" s="119">
        <v>480146</v>
      </c>
      <c r="KT24" s="119">
        <v>251301</v>
      </c>
      <c r="KU24" s="119">
        <v>0</v>
      </c>
      <c r="KV24" s="119">
        <v>0</v>
      </c>
      <c r="KW24" s="120">
        <v>1189782</v>
      </c>
      <c r="KX24" s="318">
        <v>1189782</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18">
        <v>0</v>
      </c>
      <c r="LU24" s="142">
        <v>0</v>
      </c>
      <c r="LV24" s="119">
        <v>0</v>
      </c>
      <c r="LW24" s="120">
        <v>0</v>
      </c>
      <c r="LX24" s="145"/>
      <c r="LY24" s="119">
        <v>0</v>
      </c>
      <c r="LZ24" s="119">
        <v>0</v>
      </c>
      <c r="MA24" s="119">
        <v>0</v>
      </c>
      <c r="MB24" s="119">
        <v>301755</v>
      </c>
      <c r="MC24" s="119">
        <v>358665</v>
      </c>
      <c r="MD24" s="120">
        <v>660420</v>
      </c>
      <c r="ME24" s="121">
        <v>660420</v>
      </c>
      <c r="MF24" s="142">
        <v>0</v>
      </c>
      <c r="MG24" s="119">
        <v>0</v>
      </c>
      <c r="MH24" s="120">
        <v>0</v>
      </c>
      <c r="MI24" s="145"/>
      <c r="MJ24" s="119">
        <v>0</v>
      </c>
      <c r="MK24" s="119">
        <v>552059</v>
      </c>
      <c r="ML24" s="119">
        <v>2688571</v>
      </c>
      <c r="MM24" s="119">
        <v>1906151</v>
      </c>
      <c r="MN24" s="119">
        <v>1877280</v>
      </c>
      <c r="MO24" s="120">
        <v>7024061</v>
      </c>
      <c r="MP24" s="143">
        <v>7024061</v>
      </c>
      <c r="MQ24" s="142">
        <v>0</v>
      </c>
      <c r="MR24" s="119">
        <v>0</v>
      </c>
      <c r="MS24" s="120">
        <v>0</v>
      </c>
      <c r="MT24" s="145"/>
      <c r="MU24" s="119">
        <v>0</v>
      </c>
      <c r="MV24" s="119">
        <v>0</v>
      </c>
      <c r="MW24" s="119">
        <v>1109325</v>
      </c>
      <c r="MX24" s="119">
        <v>1041401</v>
      </c>
      <c r="MY24" s="119">
        <v>1545844</v>
      </c>
      <c r="MZ24" s="120">
        <v>3696570</v>
      </c>
      <c r="NA24" s="143">
        <v>3696570</v>
      </c>
      <c r="NB24" s="142">
        <v>0</v>
      </c>
      <c r="NC24" s="119">
        <v>0</v>
      </c>
      <c r="ND24" s="120">
        <v>0</v>
      </c>
      <c r="NE24" s="145"/>
      <c r="NF24" s="119">
        <v>0</v>
      </c>
      <c r="NG24" s="119">
        <v>552059</v>
      </c>
      <c r="NH24" s="119">
        <v>1579246</v>
      </c>
      <c r="NI24" s="119">
        <v>864750</v>
      </c>
      <c r="NJ24" s="119">
        <v>331436</v>
      </c>
      <c r="NK24" s="120">
        <v>3327491</v>
      </c>
      <c r="NL24" s="318">
        <v>3327491</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210259</v>
      </c>
      <c r="OJ24" s="119">
        <v>567913</v>
      </c>
      <c r="OK24" s="141">
        <v>778172</v>
      </c>
      <c r="OL24" s="118">
        <v>0</v>
      </c>
      <c r="OM24" s="119">
        <v>4660080</v>
      </c>
      <c r="ON24" s="119">
        <v>6266164</v>
      </c>
      <c r="OO24" s="119">
        <v>6457961</v>
      </c>
      <c r="OP24" s="119">
        <v>4049603</v>
      </c>
      <c r="OQ24" s="119">
        <v>4203170</v>
      </c>
      <c r="OR24" s="120">
        <v>25636978</v>
      </c>
      <c r="OS24" s="143">
        <v>26415150</v>
      </c>
    </row>
    <row r="25" spans="2:409" ht="21" customHeight="1" x14ac:dyDescent="0.2">
      <c r="B25" s="126" t="s">
        <v>20</v>
      </c>
      <c r="C25" s="110">
        <v>306592</v>
      </c>
      <c r="D25" s="114">
        <v>532221</v>
      </c>
      <c r="E25" s="113">
        <v>838813</v>
      </c>
      <c r="F25" s="110">
        <v>0</v>
      </c>
      <c r="G25" s="114">
        <v>4934994</v>
      </c>
      <c r="H25" s="114">
        <v>5867321</v>
      </c>
      <c r="I25" s="114">
        <v>5232293</v>
      </c>
      <c r="J25" s="114">
        <v>6079272</v>
      </c>
      <c r="K25" s="114">
        <v>3567963</v>
      </c>
      <c r="L25" s="173">
        <v>25681843</v>
      </c>
      <c r="M25" s="116">
        <v>26520656</v>
      </c>
      <c r="N25" s="110">
        <v>129187</v>
      </c>
      <c r="O25" s="114">
        <v>118229</v>
      </c>
      <c r="P25" s="113">
        <v>247416</v>
      </c>
      <c r="Q25" s="110">
        <v>0</v>
      </c>
      <c r="R25" s="114">
        <v>2192553</v>
      </c>
      <c r="S25" s="114">
        <v>2304889</v>
      </c>
      <c r="T25" s="114">
        <v>1554596</v>
      </c>
      <c r="U25" s="114">
        <v>1125914</v>
      </c>
      <c r="V25" s="114">
        <v>1831956</v>
      </c>
      <c r="W25" s="113">
        <v>9009908</v>
      </c>
      <c r="X25" s="116">
        <v>9257324</v>
      </c>
      <c r="Y25" s="110">
        <v>0</v>
      </c>
      <c r="Z25" s="114">
        <v>0</v>
      </c>
      <c r="AA25" s="113">
        <v>0</v>
      </c>
      <c r="AB25" s="110">
        <v>0</v>
      </c>
      <c r="AC25" s="114">
        <v>825789</v>
      </c>
      <c r="AD25" s="114">
        <v>855090</v>
      </c>
      <c r="AE25" s="114">
        <v>752194</v>
      </c>
      <c r="AF25" s="114">
        <v>507902</v>
      </c>
      <c r="AG25" s="114">
        <v>1007081</v>
      </c>
      <c r="AH25" s="113">
        <v>3948056</v>
      </c>
      <c r="AI25" s="116">
        <v>3948056</v>
      </c>
      <c r="AJ25" s="110">
        <v>0</v>
      </c>
      <c r="AK25" s="114">
        <v>0</v>
      </c>
      <c r="AL25" s="113">
        <v>0</v>
      </c>
      <c r="AM25" s="110">
        <v>0</v>
      </c>
      <c r="AN25" s="114">
        <v>82912</v>
      </c>
      <c r="AO25" s="114">
        <v>0</v>
      </c>
      <c r="AP25" s="114">
        <v>0</v>
      </c>
      <c r="AQ25" s="114">
        <v>48672</v>
      </c>
      <c r="AR25" s="114">
        <v>142132</v>
      </c>
      <c r="AS25" s="113">
        <v>273716</v>
      </c>
      <c r="AT25" s="116">
        <v>273716</v>
      </c>
      <c r="AU25" s="110">
        <v>78458</v>
      </c>
      <c r="AV25" s="114">
        <v>23333</v>
      </c>
      <c r="AW25" s="113">
        <v>101791</v>
      </c>
      <c r="AX25" s="110">
        <v>0</v>
      </c>
      <c r="AY25" s="114">
        <v>834076</v>
      </c>
      <c r="AZ25" s="114">
        <v>820377</v>
      </c>
      <c r="BA25" s="114">
        <v>274162</v>
      </c>
      <c r="BB25" s="114">
        <v>246705</v>
      </c>
      <c r="BC25" s="114">
        <v>503279</v>
      </c>
      <c r="BD25" s="113">
        <v>2678599</v>
      </c>
      <c r="BE25" s="116">
        <v>2780390</v>
      </c>
      <c r="BF25" s="110">
        <v>28737</v>
      </c>
      <c r="BG25" s="114">
        <v>44752</v>
      </c>
      <c r="BH25" s="112">
        <v>73489</v>
      </c>
      <c r="BI25" s="111">
        <v>0</v>
      </c>
      <c r="BJ25" s="114">
        <v>202864</v>
      </c>
      <c r="BK25" s="114">
        <v>296734</v>
      </c>
      <c r="BL25" s="114">
        <v>148736</v>
      </c>
      <c r="BM25" s="114">
        <v>25771</v>
      </c>
      <c r="BN25" s="114">
        <v>0</v>
      </c>
      <c r="BO25" s="113">
        <v>674105</v>
      </c>
      <c r="BP25" s="116">
        <v>747594</v>
      </c>
      <c r="BQ25" s="110">
        <v>21992</v>
      </c>
      <c r="BR25" s="114">
        <v>50144</v>
      </c>
      <c r="BS25" s="113">
        <v>72136</v>
      </c>
      <c r="BT25" s="110">
        <v>0</v>
      </c>
      <c r="BU25" s="114">
        <v>246912</v>
      </c>
      <c r="BV25" s="114">
        <v>332688</v>
      </c>
      <c r="BW25" s="114">
        <v>379504</v>
      </c>
      <c r="BX25" s="114">
        <v>296864</v>
      </c>
      <c r="BY25" s="114">
        <v>179464</v>
      </c>
      <c r="BZ25" s="113">
        <v>1435432</v>
      </c>
      <c r="CA25" s="116">
        <v>1507568</v>
      </c>
      <c r="CB25" s="110">
        <v>61058</v>
      </c>
      <c r="CC25" s="114">
        <v>116096</v>
      </c>
      <c r="CD25" s="113">
        <v>177154</v>
      </c>
      <c r="CE25" s="110">
        <v>0</v>
      </c>
      <c r="CF25" s="114">
        <v>1313874</v>
      </c>
      <c r="CG25" s="114">
        <v>1806226</v>
      </c>
      <c r="CH25" s="114">
        <v>1551953</v>
      </c>
      <c r="CI25" s="114">
        <v>895192</v>
      </c>
      <c r="CJ25" s="114">
        <v>0</v>
      </c>
      <c r="CK25" s="113">
        <v>5567245</v>
      </c>
      <c r="CL25" s="116">
        <v>5744399</v>
      </c>
      <c r="CM25" s="110">
        <v>0</v>
      </c>
      <c r="CN25" s="114">
        <v>0</v>
      </c>
      <c r="CO25" s="113">
        <v>0</v>
      </c>
      <c r="CP25" s="111">
        <v>0</v>
      </c>
      <c r="CQ25" s="114">
        <v>1155272</v>
      </c>
      <c r="CR25" s="114">
        <v>1534324</v>
      </c>
      <c r="CS25" s="114">
        <v>1193131</v>
      </c>
      <c r="CT25" s="114">
        <v>331212</v>
      </c>
      <c r="CU25" s="114">
        <v>0</v>
      </c>
      <c r="CV25" s="113">
        <v>4213939</v>
      </c>
      <c r="CW25" s="116">
        <v>4213939</v>
      </c>
      <c r="CX25" s="110">
        <v>61058</v>
      </c>
      <c r="CY25" s="114">
        <v>116096</v>
      </c>
      <c r="CZ25" s="113">
        <v>177154</v>
      </c>
      <c r="DA25" s="110">
        <v>0</v>
      </c>
      <c r="DB25" s="114">
        <v>158602</v>
      </c>
      <c r="DC25" s="114">
        <v>271902</v>
      </c>
      <c r="DD25" s="114">
        <v>358822</v>
      </c>
      <c r="DE25" s="114">
        <v>563980</v>
      </c>
      <c r="DF25" s="114">
        <v>0</v>
      </c>
      <c r="DG25" s="113">
        <v>1353306</v>
      </c>
      <c r="DH25" s="116">
        <v>1530460</v>
      </c>
      <c r="DI25" s="110">
        <v>10516</v>
      </c>
      <c r="DJ25" s="114">
        <v>0</v>
      </c>
      <c r="DK25" s="112">
        <v>10516</v>
      </c>
      <c r="DL25" s="111">
        <v>0</v>
      </c>
      <c r="DM25" s="114">
        <v>148539</v>
      </c>
      <c r="DN25" s="114">
        <v>399619</v>
      </c>
      <c r="DO25" s="114">
        <v>283323</v>
      </c>
      <c r="DP25" s="114">
        <v>2462160</v>
      </c>
      <c r="DQ25" s="114">
        <v>282317</v>
      </c>
      <c r="DR25" s="113">
        <v>3575958</v>
      </c>
      <c r="DS25" s="116">
        <v>3586474</v>
      </c>
      <c r="DT25" s="110">
        <v>10516</v>
      </c>
      <c r="DU25" s="114">
        <v>0</v>
      </c>
      <c r="DV25" s="113">
        <v>10516</v>
      </c>
      <c r="DW25" s="110">
        <v>0</v>
      </c>
      <c r="DX25" s="114">
        <v>148539</v>
      </c>
      <c r="DY25" s="114">
        <v>399619</v>
      </c>
      <c r="DZ25" s="114">
        <v>235051</v>
      </c>
      <c r="EA25" s="114">
        <v>2301297</v>
      </c>
      <c r="EB25" s="114">
        <v>282317</v>
      </c>
      <c r="EC25" s="113">
        <v>3366823</v>
      </c>
      <c r="ED25" s="116">
        <v>3377339</v>
      </c>
      <c r="EE25" s="110">
        <v>0</v>
      </c>
      <c r="EF25" s="112">
        <v>0</v>
      </c>
      <c r="EG25" s="113">
        <v>0</v>
      </c>
      <c r="EH25" s="110">
        <v>0</v>
      </c>
      <c r="EI25" s="114">
        <v>0</v>
      </c>
      <c r="EJ25" s="114">
        <v>0</v>
      </c>
      <c r="EK25" s="114">
        <v>48272</v>
      </c>
      <c r="EL25" s="114">
        <v>160863</v>
      </c>
      <c r="EM25" s="114">
        <v>0</v>
      </c>
      <c r="EN25" s="112">
        <v>209135</v>
      </c>
      <c r="EO25" s="116">
        <v>209135</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5"/>
      <c r="FE25" s="114">
        <v>0</v>
      </c>
      <c r="FF25" s="114">
        <v>0</v>
      </c>
      <c r="FG25" s="114">
        <v>0</v>
      </c>
      <c r="FH25" s="114">
        <v>0</v>
      </c>
      <c r="FI25" s="114">
        <v>0</v>
      </c>
      <c r="FJ25" s="113">
        <v>0</v>
      </c>
      <c r="FK25" s="116">
        <v>0</v>
      </c>
      <c r="FL25" s="110">
        <v>53632</v>
      </c>
      <c r="FM25" s="114">
        <v>117232</v>
      </c>
      <c r="FN25" s="113">
        <v>170864</v>
      </c>
      <c r="FO25" s="110">
        <v>0</v>
      </c>
      <c r="FP25" s="114">
        <v>339744</v>
      </c>
      <c r="FQ25" s="114">
        <v>647000</v>
      </c>
      <c r="FR25" s="114">
        <v>676816</v>
      </c>
      <c r="FS25" s="114">
        <v>522312</v>
      </c>
      <c r="FT25" s="114">
        <v>291192</v>
      </c>
      <c r="FU25" s="113">
        <v>2477064</v>
      </c>
      <c r="FV25" s="116">
        <v>2647928</v>
      </c>
      <c r="FW25" s="115">
        <v>53632</v>
      </c>
      <c r="FX25" s="114">
        <v>117232</v>
      </c>
      <c r="FY25" s="112">
        <v>170864</v>
      </c>
      <c r="FZ25" s="111">
        <v>0</v>
      </c>
      <c r="GA25" s="114">
        <v>339744</v>
      </c>
      <c r="GB25" s="114">
        <v>487000</v>
      </c>
      <c r="GC25" s="114">
        <v>500096</v>
      </c>
      <c r="GD25" s="114">
        <v>522312</v>
      </c>
      <c r="GE25" s="114">
        <v>291192</v>
      </c>
      <c r="GF25" s="113">
        <v>2140344</v>
      </c>
      <c r="GG25" s="316">
        <v>2311208</v>
      </c>
      <c r="GH25" s="115">
        <v>0</v>
      </c>
      <c r="GI25" s="114">
        <v>0</v>
      </c>
      <c r="GJ25" s="112">
        <v>0</v>
      </c>
      <c r="GK25" s="111">
        <v>0</v>
      </c>
      <c r="GL25" s="114">
        <v>0</v>
      </c>
      <c r="GM25" s="114">
        <v>0</v>
      </c>
      <c r="GN25" s="114">
        <v>0</v>
      </c>
      <c r="GO25" s="114">
        <v>0</v>
      </c>
      <c r="GP25" s="114">
        <v>0</v>
      </c>
      <c r="GQ25" s="113">
        <v>0</v>
      </c>
      <c r="GR25" s="116">
        <v>0</v>
      </c>
      <c r="GS25" s="110">
        <v>0</v>
      </c>
      <c r="GT25" s="114">
        <v>0</v>
      </c>
      <c r="GU25" s="113">
        <v>0</v>
      </c>
      <c r="GV25" s="110">
        <v>0</v>
      </c>
      <c r="GW25" s="114">
        <v>0</v>
      </c>
      <c r="GX25" s="114">
        <v>160000</v>
      </c>
      <c r="GY25" s="114">
        <v>176720</v>
      </c>
      <c r="GZ25" s="114">
        <v>0</v>
      </c>
      <c r="HA25" s="114">
        <v>0</v>
      </c>
      <c r="HB25" s="112">
        <v>336720</v>
      </c>
      <c r="HC25" s="116">
        <v>336720</v>
      </c>
      <c r="HD25" s="110">
        <v>52199</v>
      </c>
      <c r="HE25" s="114">
        <v>180664</v>
      </c>
      <c r="HF25" s="112">
        <v>232863</v>
      </c>
      <c r="HG25" s="111">
        <v>0</v>
      </c>
      <c r="HH25" s="114">
        <v>940284</v>
      </c>
      <c r="HI25" s="114">
        <v>709587</v>
      </c>
      <c r="HJ25" s="114">
        <v>1165605</v>
      </c>
      <c r="HK25" s="114">
        <v>1073694</v>
      </c>
      <c r="HL25" s="114">
        <v>1162498</v>
      </c>
      <c r="HM25" s="113">
        <v>5051668</v>
      </c>
      <c r="HN25" s="109">
        <v>5284531</v>
      </c>
      <c r="HO25" s="326"/>
      <c r="HP25" s="327"/>
      <c r="HQ25" s="328"/>
      <c r="HR25" s="329"/>
      <c r="HS25" s="327"/>
      <c r="HT25" s="327"/>
      <c r="HU25" s="327"/>
      <c r="HV25" s="327"/>
      <c r="HW25" s="327"/>
      <c r="HX25" s="330"/>
      <c r="HY25" s="331"/>
      <c r="HZ25" s="131">
        <v>0</v>
      </c>
      <c r="IA25" s="132">
        <v>0</v>
      </c>
      <c r="IB25" s="133">
        <v>0</v>
      </c>
      <c r="IC25" s="146">
        <v>0</v>
      </c>
      <c r="ID25" s="132">
        <v>413826</v>
      </c>
      <c r="IE25" s="147">
        <v>407105</v>
      </c>
      <c r="IF25" s="133">
        <v>1030319</v>
      </c>
      <c r="IG25" s="132">
        <v>1082076</v>
      </c>
      <c r="IH25" s="133">
        <v>101308</v>
      </c>
      <c r="II25" s="148">
        <v>3034634</v>
      </c>
      <c r="IJ25" s="139">
        <v>3034634</v>
      </c>
      <c r="IK25" s="232">
        <v>0</v>
      </c>
      <c r="IL25" s="236">
        <v>0</v>
      </c>
      <c r="IM25" s="237">
        <v>0</v>
      </c>
      <c r="IN25" s="140"/>
      <c r="IO25" s="119">
        <v>0</v>
      </c>
      <c r="IP25" s="119">
        <v>0</v>
      </c>
      <c r="IQ25" s="119">
        <v>0</v>
      </c>
      <c r="IR25" s="119">
        <v>0</v>
      </c>
      <c r="IS25" s="119">
        <v>0</v>
      </c>
      <c r="IT25" s="141">
        <v>0</v>
      </c>
      <c r="IU25" s="318">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13826</v>
      </c>
      <c r="JL25" s="119">
        <v>157991</v>
      </c>
      <c r="JM25" s="119">
        <v>544541</v>
      </c>
      <c r="JN25" s="119">
        <v>139617</v>
      </c>
      <c r="JO25" s="119">
        <v>101308</v>
      </c>
      <c r="JP25" s="120">
        <v>1357283</v>
      </c>
      <c r="JQ25" s="318">
        <v>1357283</v>
      </c>
      <c r="JR25" s="142">
        <v>0</v>
      </c>
      <c r="JS25" s="119">
        <v>0</v>
      </c>
      <c r="JT25" s="141">
        <v>0</v>
      </c>
      <c r="JU25" s="118">
        <v>0</v>
      </c>
      <c r="JV25" s="119">
        <v>0</v>
      </c>
      <c r="JW25" s="119">
        <v>0</v>
      </c>
      <c r="JX25" s="119">
        <v>0</v>
      </c>
      <c r="JY25" s="119">
        <v>0</v>
      </c>
      <c r="JZ25" s="119">
        <v>0</v>
      </c>
      <c r="KA25" s="120">
        <v>0</v>
      </c>
      <c r="KB25" s="318">
        <v>0</v>
      </c>
      <c r="KC25" s="234">
        <v>0</v>
      </c>
      <c r="KD25" s="230">
        <v>0</v>
      </c>
      <c r="KE25" s="120">
        <v>0</v>
      </c>
      <c r="KF25" s="118">
        <v>0</v>
      </c>
      <c r="KG25" s="119">
        <v>0</v>
      </c>
      <c r="KH25" s="119">
        <v>0</v>
      </c>
      <c r="KI25" s="119">
        <v>229590</v>
      </c>
      <c r="KJ25" s="119">
        <v>0</v>
      </c>
      <c r="KK25" s="119">
        <v>0</v>
      </c>
      <c r="KL25" s="120">
        <v>229590</v>
      </c>
      <c r="KM25" s="143">
        <v>229590</v>
      </c>
      <c r="KN25" s="232">
        <v>0</v>
      </c>
      <c r="KO25" s="236">
        <v>0</v>
      </c>
      <c r="KP25" s="237">
        <v>0</v>
      </c>
      <c r="KQ25" s="140"/>
      <c r="KR25" s="119">
        <v>0</v>
      </c>
      <c r="KS25" s="119">
        <v>249114</v>
      </c>
      <c r="KT25" s="119">
        <v>256188</v>
      </c>
      <c r="KU25" s="119">
        <v>942459</v>
      </c>
      <c r="KV25" s="119">
        <v>0</v>
      </c>
      <c r="KW25" s="120">
        <v>1447761</v>
      </c>
      <c r="KX25" s="318">
        <v>1447761</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18">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286020</v>
      </c>
      <c r="MK25" s="119">
        <v>461725</v>
      </c>
      <c r="ML25" s="119">
        <v>2345515</v>
      </c>
      <c r="MM25" s="119">
        <v>3850693</v>
      </c>
      <c r="MN25" s="119">
        <v>1502953</v>
      </c>
      <c r="MO25" s="120">
        <v>8446906</v>
      </c>
      <c r="MP25" s="143">
        <v>8446906</v>
      </c>
      <c r="MQ25" s="142">
        <v>0</v>
      </c>
      <c r="MR25" s="119">
        <v>0</v>
      </c>
      <c r="MS25" s="120">
        <v>0</v>
      </c>
      <c r="MT25" s="145"/>
      <c r="MU25" s="119">
        <v>0</v>
      </c>
      <c r="MV25" s="119">
        <v>233397</v>
      </c>
      <c r="MW25" s="119">
        <v>2160270</v>
      </c>
      <c r="MX25" s="119">
        <v>3200099</v>
      </c>
      <c r="MY25" s="119">
        <v>1354876</v>
      </c>
      <c r="MZ25" s="120">
        <v>6948642</v>
      </c>
      <c r="NA25" s="143">
        <v>6948642</v>
      </c>
      <c r="NB25" s="142">
        <v>0</v>
      </c>
      <c r="NC25" s="119">
        <v>0</v>
      </c>
      <c r="ND25" s="120">
        <v>0</v>
      </c>
      <c r="NE25" s="145"/>
      <c r="NF25" s="119">
        <v>286020</v>
      </c>
      <c r="NG25" s="119">
        <v>228328</v>
      </c>
      <c r="NH25" s="119">
        <v>185245</v>
      </c>
      <c r="NI25" s="119">
        <v>650594</v>
      </c>
      <c r="NJ25" s="119">
        <v>0</v>
      </c>
      <c r="NK25" s="120">
        <v>1350187</v>
      </c>
      <c r="NL25" s="318">
        <v>1350187</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148077</v>
      </c>
      <c r="OG25" s="120">
        <v>148077</v>
      </c>
      <c r="OH25" s="121">
        <v>148077</v>
      </c>
      <c r="OI25" s="142">
        <v>306592</v>
      </c>
      <c r="OJ25" s="119">
        <v>532221</v>
      </c>
      <c r="OK25" s="141">
        <v>838813</v>
      </c>
      <c r="OL25" s="118">
        <v>0</v>
      </c>
      <c r="OM25" s="119">
        <v>5634840</v>
      </c>
      <c r="ON25" s="119">
        <v>6736151</v>
      </c>
      <c r="OO25" s="119">
        <v>8608127</v>
      </c>
      <c r="OP25" s="119">
        <v>11012041</v>
      </c>
      <c r="OQ25" s="119">
        <v>5172224</v>
      </c>
      <c r="OR25" s="120">
        <v>37163383</v>
      </c>
      <c r="OS25" s="143">
        <v>38002196</v>
      </c>
    </row>
    <row r="26" spans="2:409" ht="21" customHeight="1" x14ac:dyDescent="0.2">
      <c r="B26" s="126" t="s">
        <v>21</v>
      </c>
      <c r="C26" s="110">
        <v>138385</v>
      </c>
      <c r="D26" s="114">
        <v>372001</v>
      </c>
      <c r="E26" s="113">
        <v>510386</v>
      </c>
      <c r="F26" s="109">
        <v>0</v>
      </c>
      <c r="G26" s="114">
        <v>2742407</v>
      </c>
      <c r="H26" s="114">
        <v>4499461</v>
      </c>
      <c r="I26" s="114">
        <v>3758261</v>
      </c>
      <c r="J26" s="114">
        <v>4621363</v>
      </c>
      <c r="K26" s="114">
        <v>2801626</v>
      </c>
      <c r="L26" s="173">
        <v>18423118</v>
      </c>
      <c r="M26" s="116">
        <v>18933504</v>
      </c>
      <c r="N26" s="110">
        <v>78459</v>
      </c>
      <c r="O26" s="114">
        <v>224121</v>
      </c>
      <c r="P26" s="113">
        <v>302580</v>
      </c>
      <c r="Q26" s="110">
        <v>0</v>
      </c>
      <c r="R26" s="114">
        <v>874825</v>
      </c>
      <c r="S26" s="114">
        <v>1865154</v>
      </c>
      <c r="T26" s="114">
        <v>590795</v>
      </c>
      <c r="U26" s="114">
        <v>2215353</v>
      </c>
      <c r="V26" s="114">
        <v>1449946</v>
      </c>
      <c r="W26" s="113">
        <v>6996073</v>
      </c>
      <c r="X26" s="116">
        <v>7298653</v>
      </c>
      <c r="Y26" s="110">
        <v>0</v>
      </c>
      <c r="Z26" s="114">
        <v>0</v>
      </c>
      <c r="AA26" s="113">
        <v>0</v>
      </c>
      <c r="AB26" s="110">
        <v>0</v>
      </c>
      <c r="AC26" s="114">
        <v>305036</v>
      </c>
      <c r="AD26" s="114">
        <v>637622</v>
      </c>
      <c r="AE26" s="114">
        <v>162812</v>
      </c>
      <c r="AF26" s="114">
        <v>1204024</v>
      </c>
      <c r="AG26" s="114">
        <v>596255</v>
      </c>
      <c r="AH26" s="113">
        <v>2905749</v>
      </c>
      <c r="AI26" s="116">
        <v>2905749</v>
      </c>
      <c r="AJ26" s="110">
        <v>0</v>
      </c>
      <c r="AK26" s="114">
        <v>0</v>
      </c>
      <c r="AL26" s="113">
        <v>0</v>
      </c>
      <c r="AM26" s="110">
        <v>0</v>
      </c>
      <c r="AN26" s="114">
        <v>0</v>
      </c>
      <c r="AO26" s="114">
        <v>0</v>
      </c>
      <c r="AP26" s="114">
        <v>0</v>
      </c>
      <c r="AQ26" s="114">
        <v>11845</v>
      </c>
      <c r="AR26" s="114">
        <v>188281</v>
      </c>
      <c r="AS26" s="113">
        <v>200126</v>
      </c>
      <c r="AT26" s="116">
        <v>200126</v>
      </c>
      <c r="AU26" s="110">
        <v>45947</v>
      </c>
      <c r="AV26" s="114">
        <v>126823</v>
      </c>
      <c r="AW26" s="113">
        <v>172770</v>
      </c>
      <c r="AX26" s="110">
        <v>0</v>
      </c>
      <c r="AY26" s="114">
        <v>401710</v>
      </c>
      <c r="AZ26" s="114">
        <v>952278</v>
      </c>
      <c r="BA26" s="114">
        <v>232363</v>
      </c>
      <c r="BB26" s="114">
        <v>666048</v>
      </c>
      <c r="BC26" s="114">
        <v>468724</v>
      </c>
      <c r="BD26" s="113">
        <v>2721123</v>
      </c>
      <c r="BE26" s="116">
        <v>2893893</v>
      </c>
      <c r="BF26" s="110">
        <v>0</v>
      </c>
      <c r="BG26" s="114">
        <v>58978</v>
      </c>
      <c r="BH26" s="112">
        <v>58978</v>
      </c>
      <c r="BI26" s="111">
        <v>0</v>
      </c>
      <c r="BJ26" s="114">
        <v>43415</v>
      </c>
      <c r="BK26" s="114">
        <v>46638</v>
      </c>
      <c r="BL26" s="114">
        <v>80316</v>
      </c>
      <c r="BM26" s="114">
        <v>68180</v>
      </c>
      <c r="BN26" s="114">
        <v>47654</v>
      </c>
      <c r="BO26" s="113">
        <v>286203</v>
      </c>
      <c r="BP26" s="116">
        <v>345181</v>
      </c>
      <c r="BQ26" s="110">
        <v>32512</v>
      </c>
      <c r="BR26" s="114">
        <v>38320</v>
      </c>
      <c r="BS26" s="113">
        <v>70832</v>
      </c>
      <c r="BT26" s="110">
        <v>0</v>
      </c>
      <c r="BU26" s="114">
        <v>124664</v>
      </c>
      <c r="BV26" s="114">
        <v>228616</v>
      </c>
      <c r="BW26" s="114">
        <v>115304</v>
      </c>
      <c r="BX26" s="114">
        <v>265256</v>
      </c>
      <c r="BY26" s="114">
        <v>149032</v>
      </c>
      <c r="BZ26" s="113">
        <v>882872</v>
      </c>
      <c r="CA26" s="116">
        <v>953704</v>
      </c>
      <c r="CB26" s="110">
        <v>41118</v>
      </c>
      <c r="CC26" s="114">
        <v>0</v>
      </c>
      <c r="CD26" s="113">
        <v>41118</v>
      </c>
      <c r="CE26" s="110">
        <v>0</v>
      </c>
      <c r="CF26" s="114">
        <v>976156</v>
      </c>
      <c r="CG26" s="114">
        <v>1339307</v>
      </c>
      <c r="CH26" s="114">
        <v>1036001</v>
      </c>
      <c r="CI26" s="114">
        <v>279053</v>
      </c>
      <c r="CJ26" s="114">
        <v>305123</v>
      </c>
      <c r="CK26" s="113">
        <v>3935640</v>
      </c>
      <c r="CL26" s="116">
        <v>3976758</v>
      </c>
      <c r="CM26" s="110">
        <v>0</v>
      </c>
      <c r="CN26" s="114">
        <v>0</v>
      </c>
      <c r="CO26" s="113">
        <v>0</v>
      </c>
      <c r="CP26" s="111">
        <v>0</v>
      </c>
      <c r="CQ26" s="114">
        <v>674236</v>
      </c>
      <c r="CR26" s="114">
        <v>859464</v>
      </c>
      <c r="CS26" s="114">
        <v>903123</v>
      </c>
      <c r="CT26" s="114">
        <v>279053</v>
      </c>
      <c r="CU26" s="114">
        <v>305123</v>
      </c>
      <c r="CV26" s="113">
        <v>3020999</v>
      </c>
      <c r="CW26" s="116">
        <v>3020999</v>
      </c>
      <c r="CX26" s="110">
        <v>41118</v>
      </c>
      <c r="CY26" s="114">
        <v>0</v>
      </c>
      <c r="CZ26" s="113">
        <v>41118</v>
      </c>
      <c r="DA26" s="110">
        <v>0</v>
      </c>
      <c r="DB26" s="114">
        <v>301920</v>
      </c>
      <c r="DC26" s="114">
        <v>479843</v>
      </c>
      <c r="DD26" s="114">
        <v>132878</v>
      </c>
      <c r="DE26" s="114">
        <v>0</v>
      </c>
      <c r="DF26" s="114">
        <v>0</v>
      </c>
      <c r="DG26" s="113">
        <v>914641</v>
      </c>
      <c r="DH26" s="116">
        <v>955759</v>
      </c>
      <c r="DI26" s="110">
        <v>0</v>
      </c>
      <c r="DJ26" s="114">
        <v>0</v>
      </c>
      <c r="DK26" s="112">
        <v>0</v>
      </c>
      <c r="DL26" s="111">
        <v>0</v>
      </c>
      <c r="DM26" s="114">
        <v>190569</v>
      </c>
      <c r="DN26" s="114">
        <v>28054</v>
      </c>
      <c r="DO26" s="114">
        <v>1069456</v>
      </c>
      <c r="DP26" s="114">
        <v>918404</v>
      </c>
      <c r="DQ26" s="114">
        <v>266187</v>
      </c>
      <c r="DR26" s="113">
        <v>2472670</v>
      </c>
      <c r="DS26" s="116">
        <v>2472670</v>
      </c>
      <c r="DT26" s="110">
        <v>0</v>
      </c>
      <c r="DU26" s="114">
        <v>0</v>
      </c>
      <c r="DV26" s="113">
        <v>0</v>
      </c>
      <c r="DW26" s="110">
        <v>0</v>
      </c>
      <c r="DX26" s="114">
        <v>190569</v>
      </c>
      <c r="DY26" s="114">
        <v>28054</v>
      </c>
      <c r="DZ26" s="114">
        <v>1069456</v>
      </c>
      <c r="EA26" s="114">
        <v>918404</v>
      </c>
      <c r="EB26" s="114">
        <v>266187</v>
      </c>
      <c r="EC26" s="113">
        <v>2472670</v>
      </c>
      <c r="ED26" s="116">
        <v>2472670</v>
      </c>
      <c r="EE26" s="110">
        <v>0</v>
      </c>
      <c r="EF26" s="112">
        <v>0</v>
      </c>
      <c r="EG26" s="113">
        <v>0</v>
      </c>
      <c r="EH26" s="110">
        <v>0</v>
      </c>
      <c r="EI26" s="114">
        <v>0</v>
      </c>
      <c r="EJ26" s="114">
        <v>0</v>
      </c>
      <c r="EK26" s="114">
        <v>0</v>
      </c>
      <c r="EL26" s="114">
        <v>0</v>
      </c>
      <c r="EM26" s="114">
        <v>0</v>
      </c>
      <c r="EN26" s="112">
        <v>0</v>
      </c>
      <c r="EO26" s="116">
        <v>0</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5"/>
      <c r="FE26" s="114">
        <v>0</v>
      </c>
      <c r="FF26" s="114">
        <v>0</v>
      </c>
      <c r="FG26" s="114">
        <v>0</v>
      </c>
      <c r="FH26" s="114">
        <v>0</v>
      </c>
      <c r="FI26" s="114">
        <v>0</v>
      </c>
      <c r="FJ26" s="113">
        <v>0</v>
      </c>
      <c r="FK26" s="116">
        <v>0</v>
      </c>
      <c r="FL26" s="110">
        <v>18808</v>
      </c>
      <c r="FM26" s="114">
        <v>58320</v>
      </c>
      <c r="FN26" s="113">
        <v>77128</v>
      </c>
      <c r="FO26" s="110">
        <v>0</v>
      </c>
      <c r="FP26" s="114">
        <v>81232</v>
      </c>
      <c r="FQ26" s="114">
        <v>541360</v>
      </c>
      <c r="FR26" s="114">
        <v>348072</v>
      </c>
      <c r="FS26" s="114">
        <v>368584</v>
      </c>
      <c r="FT26" s="114">
        <v>302984</v>
      </c>
      <c r="FU26" s="113">
        <v>1642232</v>
      </c>
      <c r="FV26" s="116">
        <v>1719360</v>
      </c>
      <c r="FW26" s="115">
        <v>18808</v>
      </c>
      <c r="FX26" s="114">
        <v>58320</v>
      </c>
      <c r="FY26" s="112">
        <v>77128</v>
      </c>
      <c r="FZ26" s="111">
        <v>0</v>
      </c>
      <c r="GA26" s="114">
        <v>81232</v>
      </c>
      <c r="GB26" s="114">
        <v>494160</v>
      </c>
      <c r="GC26" s="114">
        <v>348072</v>
      </c>
      <c r="GD26" s="114">
        <v>368584</v>
      </c>
      <c r="GE26" s="114">
        <v>183784</v>
      </c>
      <c r="GF26" s="113">
        <v>1475832</v>
      </c>
      <c r="GG26" s="316">
        <v>1552960</v>
      </c>
      <c r="GH26" s="115">
        <v>0</v>
      </c>
      <c r="GI26" s="114">
        <v>0</v>
      </c>
      <c r="GJ26" s="112">
        <v>0</v>
      </c>
      <c r="GK26" s="111">
        <v>0</v>
      </c>
      <c r="GL26" s="114">
        <v>0</v>
      </c>
      <c r="GM26" s="114">
        <v>0</v>
      </c>
      <c r="GN26" s="114">
        <v>0</v>
      </c>
      <c r="GO26" s="114">
        <v>0</v>
      </c>
      <c r="GP26" s="114">
        <v>0</v>
      </c>
      <c r="GQ26" s="113">
        <v>0</v>
      </c>
      <c r="GR26" s="116">
        <v>0</v>
      </c>
      <c r="GS26" s="110">
        <v>0</v>
      </c>
      <c r="GT26" s="114">
        <v>0</v>
      </c>
      <c r="GU26" s="113">
        <v>0</v>
      </c>
      <c r="GV26" s="110">
        <v>0</v>
      </c>
      <c r="GW26" s="114">
        <v>0</v>
      </c>
      <c r="GX26" s="114">
        <v>47200</v>
      </c>
      <c r="GY26" s="114">
        <v>0</v>
      </c>
      <c r="GZ26" s="114">
        <v>0</v>
      </c>
      <c r="HA26" s="114">
        <v>119200</v>
      </c>
      <c r="HB26" s="112">
        <v>166400</v>
      </c>
      <c r="HC26" s="116">
        <v>166400</v>
      </c>
      <c r="HD26" s="110">
        <v>0</v>
      </c>
      <c r="HE26" s="114">
        <v>89560</v>
      </c>
      <c r="HF26" s="112">
        <v>89560</v>
      </c>
      <c r="HG26" s="111">
        <v>0</v>
      </c>
      <c r="HH26" s="114">
        <v>619625</v>
      </c>
      <c r="HI26" s="114">
        <v>725586</v>
      </c>
      <c r="HJ26" s="114">
        <v>713937</v>
      </c>
      <c r="HK26" s="114">
        <v>839969</v>
      </c>
      <c r="HL26" s="114">
        <v>477386</v>
      </c>
      <c r="HM26" s="113">
        <v>3376503</v>
      </c>
      <c r="HN26" s="109">
        <v>3466063</v>
      </c>
      <c r="HO26" s="326"/>
      <c r="HP26" s="327"/>
      <c r="HQ26" s="328"/>
      <c r="HR26" s="329"/>
      <c r="HS26" s="327"/>
      <c r="HT26" s="327"/>
      <c r="HU26" s="327"/>
      <c r="HV26" s="327"/>
      <c r="HW26" s="327"/>
      <c r="HX26" s="330"/>
      <c r="HY26" s="331"/>
      <c r="HZ26" s="150">
        <v>0</v>
      </c>
      <c r="IA26" s="135">
        <v>0</v>
      </c>
      <c r="IB26" s="150">
        <v>0</v>
      </c>
      <c r="IC26" s="134">
        <v>0</v>
      </c>
      <c r="ID26" s="135">
        <v>445931</v>
      </c>
      <c r="IE26" s="136">
        <v>774116</v>
      </c>
      <c r="IF26" s="137">
        <v>762530</v>
      </c>
      <c r="IG26" s="135">
        <v>724079</v>
      </c>
      <c r="IH26" s="137">
        <v>0</v>
      </c>
      <c r="II26" s="138">
        <v>2706656</v>
      </c>
      <c r="IJ26" s="150">
        <v>2706656</v>
      </c>
      <c r="IK26" s="232">
        <v>0</v>
      </c>
      <c r="IL26" s="236">
        <v>0</v>
      </c>
      <c r="IM26" s="237">
        <v>0</v>
      </c>
      <c r="IN26" s="140"/>
      <c r="IO26" s="119">
        <v>0</v>
      </c>
      <c r="IP26" s="119">
        <v>123717</v>
      </c>
      <c r="IQ26" s="119">
        <v>0</v>
      </c>
      <c r="IR26" s="119">
        <v>0</v>
      </c>
      <c r="IS26" s="119">
        <v>0</v>
      </c>
      <c r="IT26" s="141">
        <v>123717</v>
      </c>
      <c r="IU26" s="318">
        <v>123717</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215731</v>
      </c>
      <c r="JL26" s="119">
        <v>408294</v>
      </c>
      <c r="JM26" s="119">
        <v>76918</v>
      </c>
      <c r="JN26" s="119">
        <v>175833</v>
      </c>
      <c r="JO26" s="119">
        <v>0</v>
      </c>
      <c r="JP26" s="120">
        <v>876776</v>
      </c>
      <c r="JQ26" s="318">
        <v>876776</v>
      </c>
      <c r="JR26" s="142">
        <v>0</v>
      </c>
      <c r="JS26" s="119">
        <v>0</v>
      </c>
      <c r="JT26" s="141">
        <v>0</v>
      </c>
      <c r="JU26" s="118">
        <v>0</v>
      </c>
      <c r="JV26" s="119">
        <v>0</v>
      </c>
      <c r="JW26" s="119">
        <v>0</v>
      </c>
      <c r="JX26" s="119">
        <v>0</v>
      </c>
      <c r="JY26" s="119">
        <v>0</v>
      </c>
      <c r="JZ26" s="119">
        <v>0</v>
      </c>
      <c r="KA26" s="120">
        <v>0</v>
      </c>
      <c r="KB26" s="318">
        <v>0</v>
      </c>
      <c r="KC26" s="234">
        <v>0</v>
      </c>
      <c r="KD26" s="230">
        <v>0</v>
      </c>
      <c r="KE26" s="120">
        <v>0</v>
      </c>
      <c r="KF26" s="118">
        <v>0</v>
      </c>
      <c r="KG26" s="119">
        <v>0</v>
      </c>
      <c r="KH26" s="119">
        <v>0</v>
      </c>
      <c r="KI26" s="119">
        <v>685612</v>
      </c>
      <c r="KJ26" s="119">
        <v>0</v>
      </c>
      <c r="KK26" s="119">
        <v>0</v>
      </c>
      <c r="KL26" s="120">
        <v>685612</v>
      </c>
      <c r="KM26" s="143">
        <v>685612</v>
      </c>
      <c r="KN26" s="232">
        <v>0</v>
      </c>
      <c r="KO26" s="236">
        <v>0</v>
      </c>
      <c r="KP26" s="237">
        <v>0</v>
      </c>
      <c r="KQ26" s="140"/>
      <c r="KR26" s="119">
        <v>230200</v>
      </c>
      <c r="KS26" s="119">
        <v>242105</v>
      </c>
      <c r="KT26" s="119">
        <v>0</v>
      </c>
      <c r="KU26" s="119">
        <v>548246</v>
      </c>
      <c r="KV26" s="119">
        <v>0</v>
      </c>
      <c r="KW26" s="120">
        <v>1020551</v>
      </c>
      <c r="KX26" s="318">
        <v>1020551</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18">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19399</v>
      </c>
      <c r="ML26" s="119">
        <v>2591044</v>
      </c>
      <c r="MM26" s="119">
        <v>2715837</v>
      </c>
      <c r="MN26" s="119">
        <v>2370122</v>
      </c>
      <c r="MO26" s="120">
        <v>7896402</v>
      </c>
      <c r="MP26" s="143">
        <v>7896402</v>
      </c>
      <c r="MQ26" s="142">
        <v>0</v>
      </c>
      <c r="MR26" s="119">
        <v>0</v>
      </c>
      <c r="MS26" s="120">
        <v>0</v>
      </c>
      <c r="MT26" s="145"/>
      <c r="MU26" s="119">
        <v>0</v>
      </c>
      <c r="MV26" s="119">
        <v>0</v>
      </c>
      <c r="MW26" s="119">
        <v>2293165</v>
      </c>
      <c r="MX26" s="119">
        <v>2476909</v>
      </c>
      <c r="MY26" s="119">
        <v>1658408</v>
      </c>
      <c r="MZ26" s="120">
        <v>6428482</v>
      </c>
      <c r="NA26" s="143">
        <v>6428482</v>
      </c>
      <c r="NB26" s="142">
        <v>0</v>
      </c>
      <c r="NC26" s="119">
        <v>0</v>
      </c>
      <c r="ND26" s="120">
        <v>0</v>
      </c>
      <c r="NE26" s="145"/>
      <c r="NF26" s="119">
        <v>0</v>
      </c>
      <c r="NG26" s="119">
        <v>219399</v>
      </c>
      <c r="NH26" s="119">
        <v>297879</v>
      </c>
      <c r="NI26" s="119">
        <v>238928</v>
      </c>
      <c r="NJ26" s="119">
        <v>496154</v>
      </c>
      <c r="NK26" s="120">
        <v>1252360</v>
      </c>
      <c r="NL26" s="318">
        <v>1252360</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215560</v>
      </c>
      <c r="OG26" s="120">
        <v>215560</v>
      </c>
      <c r="OH26" s="121">
        <v>215560</v>
      </c>
      <c r="OI26" s="142">
        <v>138385</v>
      </c>
      <c r="OJ26" s="119">
        <v>372001</v>
      </c>
      <c r="OK26" s="141">
        <v>510386</v>
      </c>
      <c r="OL26" s="118">
        <v>0</v>
      </c>
      <c r="OM26" s="119">
        <v>3188338</v>
      </c>
      <c r="ON26" s="119">
        <v>5492976</v>
      </c>
      <c r="OO26" s="119">
        <v>7111835</v>
      </c>
      <c r="OP26" s="119">
        <v>8061279</v>
      </c>
      <c r="OQ26" s="119">
        <v>5171748</v>
      </c>
      <c r="OR26" s="120">
        <v>29026176</v>
      </c>
      <c r="OS26" s="143">
        <v>29536562</v>
      </c>
    </row>
    <row r="27" spans="2:409" ht="21" customHeight="1" x14ac:dyDescent="0.2">
      <c r="B27" s="126" t="s">
        <v>22</v>
      </c>
      <c r="C27" s="110">
        <v>12368</v>
      </c>
      <c r="D27" s="114">
        <v>228638</v>
      </c>
      <c r="E27" s="113">
        <v>241006</v>
      </c>
      <c r="F27" s="109">
        <v>0</v>
      </c>
      <c r="G27" s="114">
        <v>1426301</v>
      </c>
      <c r="H27" s="114">
        <v>1768128</v>
      </c>
      <c r="I27" s="114">
        <v>966033</v>
      </c>
      <c r="J27" s="114">
        <v>1509490</v>
      </c>
      <c r="K27" s="114">
        <v>1042370</v>
      </c>
      <c r="L27" s="173">
        <v>6712322</v>
      </c>
      <c r="M27" s="116">
        <v>6953328</v>
      </c>
      <c r="N27" s="110">
        <v>4768</v>
      </c>
      <c r="O27" s="114">
        <v>33232</v>
      </c>
      <c r="P27" s="113">
        <v>38000</v>
      </c>
      <c r="Q27" s="110">
        <v>0</v>
      </c>
      <c r="R27" s="114">
        <v>379688</v>
      </c>
      <c r="S27" s="114">
        <v>451336</v>
      </c>
      <c r="T27" s="114">
        <v>249678</v>
      </c>
      <c r="U27" s="114">
        <v>521450</v>
      </c>
      <c r="V27" s="114">
        <v>675594</v>
      </c>
      <c r="W27" s="113">
        <v>2277746</v>
      </c>
      <c r="X27" s="116">
        <v>2315746</v>
      </c>
      <c r="Y27" s="110">
        <v>0</v>
      </c>
      <c r="Z27" s="114">
        <v>0</v>
      </c>
      <c r="AA27" s="113">
        <v>0</v>
      </c>
      <c r="AB27" s="110">
        <v>0</v>
      </c>
      <c r="AC27" s="114">
        <v>172975</v>
      </c>
      <c r="AD27" s="114">
        <v>202250</v>
      </c>
      <c r="AE27" s="114">
        <v>80752</v>
      </c>
      <c r="AF27" s="114">
        <v>273256</v>
      </c>
      <c r="AG27" s="114">
        <v>580842</v>
      </c>
      <c r="AH27" s="113">
        <v>1310075</v>
      </c>
      <c r="AI27" s="116">
        <v>1310075</v>
      </c>
      <c r="AJ27" s="110">
        <v>0</v>
      </c>
      <c r="AK27" s="114">
        <v>0</v>
      </c>
      <c r="AL27" s="113">
        <v>0</v>
      </c>
      <c r="AM27" s="110">
        <v>0</v>
      </c>
      <c r="AN27" s="114">
        <v>57642</v>
      </c>
      <c r="AO27" s="114">
        <v>0</v>
      </c>
      <c r="AP27" s="114">
        <v>0</v>
      </c>
      <c r="AQ27" s="114">
        <v>87416</v>
      </c>
      <c r="AR27" s="114">
        <v>0</v>
      </c>
      <c r="AS27" s="113">
        <v>145058</v>
      </c>
      <c r="AT27" s="116">
        <v>145058</v>
      </c>
      <c r="AU27" s="110">
        <v>0</v>
      </c>
      <c r="AV27" s="114">
        <v>11888</v>
      </c>
      <c r="AW27" s="113">
        <v>11888</v>
      </c>
      <c r="AX27" s="110">
        <v>0</v>
      </c>
      <c r="AY27" s="114">
        <v>107239</v>
      </c>
      <c r="AZ27" s="114">
        <v>106749</v>
      </c>
      <c r="BA27" s="114">
        <v>147190</v>
      </c>
      <c r="BB27" s="114">
        <v>78570</v>
      </c>
      <c r="BC27" s="114">
        <v>65664</v>
      </c>
      <c r="BD27" s="113">
        <v>505412</v>
      </c>
      <c r="BE27" s="116">
        <v>517300</v>
      </c>
      <c r="BF27" s="110">
        <v>0</v>
      </c>
      <c r="BG27" s="114">
        <v>0</v>
      </c>
      <c r="BH27" s="112">
        <v>0</v>
      </c>
      <c r="BI27" s="111">
        <v>0</v>
      </c>
      <c r="BJ27" s="114">
        <v>0</v>
      </c>
      <c r="BK27" s="114">
        <v>62793</v>
      </c>
      <c r="BL27" s="114">
        <v>0</v>
      </c>
      <c r="BM27" s="114">
        <v>0</v>
      </c>
      <c r="BN27" s="114">
        <v>0</v>
      </c>
      <c r="BO27" s="113">
        <v>62793</v>
      </c>
      <c r="BP27" s="116">
        <v>62793</v>
      </c>
      <c r="BQ27" s="110">
        <v>4768</v>
      </c>
      <c r="BR27" s="114">
        <v>21344</v>
      </c>
      <c r="BS27" s="113">
        <v>26112</v>
      </c>
      <c r="BT27" s="110">
        <v>0</v>
      </c>
      <c r="BU27" s="114">
        <v>41832</v>
      </c>
      <c r="BV27" s="114">
        <v>79544</v>
      </c>
      <c r="BW27" s="114">
        <v>21736</v>
      </c>
      <c r="BX27" s="114">
        <v>82208</v>
      </c>
      <c r="BY27" s="114">
        <v>29088</v>
      </c>
      <c r="BZ27" s="113">
        <v>254408</v>
      </c>
      <c r="CA27" s="116">
        <v>280520</v>
      </c>
      <c r="CB27" s="110">
        <v>0</v>
      </c>
      <c r="CC27" s="114">
        <v>0</v>
      </c>
      <c r="CD27" s="113">
        <v>0</v>
      </c>
      <c r="CE27" s="110">
        <v>0</v>
      </c>
      <c r="CF27" s="114">
        <v>486705</v>
      </c>
      <c r="CG27" s="114">
        <v>563979</v>
      </c>
      <c r="CH27" s="114">
        <v>375964</v>
      </c>
      <c r="CI27" s="114">
        <v>275144</v>
      </c>
      <c r="CJ27" s="114">
        <v>209984</v>
      </c>
      <c r="CK27" s="113">
        <v>1911776</v>
      </c>
      <c r="CL27" s="116">
        <v>1911776</v>
      </c>
      <c r="CM27" s="110">
        <v>0</v>
      </c>
      <c r="CN27" s="114">
        <v>0</v>
      </c>
      <c r="CO27" s="113">
        <v>0</v>
      </c>
      <c r="CP27" s="111">
        <v>0</v>
      </c>
      <c r="CQ27" s="114">
        <v>360065</v>
      </c>
      <c r="CR27" s="114">
        <v>387099</v>
      </c>
      <c r="CS27" s="114">
        <v>288896</v>
      </c>
      <c r="CT27" s="114">
        <v>196840</v>
      </c>
      <c r="CU27" s="114">
        <v>110744</v>
      </c>
      <c r="CV27" s="113">
        <v>1343644</v>
      </c>
      <c r="CW27" s="116">
        <v>1343644</v>
      </c>
      <c r="CX27" s="110">
        <v>0</v>
      </c>
      <c r="CY27" s="114">
        <v>0</v>
      </c>
      <c r="CZ27" s="113">
        <v>0</v>
      </c>
      <c r="DA27" s="110">
        <v>0</v>
      </c>
      <c r="DB27" s="114">
        <v>126640</v>
      </c>
      <c r="DC27" s="114">
        <v>176880</v>
      </c>
      <c r="DD27" s="114">
        <v>87068</v>
      </c>
      <c r="DE27" s="114">
        <v>78304</v>
      </c>
      <c r="DF27" s="114">
        <v>99240</v>
      </c>
      <c r="DG27" s="113">
        <v>568132</v>
      </c>
      <c r="DH27" s="116">
        <v>568132</v>
      </c>
      <c r="DI27" s="110">
        <v>0</v>
      </c>
      <c r="DJ27" s="114">
        <v>38342</v>
      </c>
      <c r="DK27" s="112">
        <v>38342</v>
      </c>
      <c r="DL27" s="111">
        <v>0</v>
      </c>
      <c r="DM27" s="114">
        <v>21868</v>
      </c>
      <c r="DN27" s="114">
        <v>46371</v>
      </c>
      <c r="DO27" s="114">
        <v>227063</v>
      </c>
      <c r="DP27" s="114">
        <v>161808</v>
      </c>
      <c r="DQ27" s="114">
        <v>0</v>
      </c>
      <c r="DR27" s="113">
        <v>457110</v>
      </c>
      <c r="DS27" s="116">
        <v>495452</v>
      </c>
      <c r="DT27" s="110">
        <v>0</v>
      </c>
      <c r="DU27" s="114">
        <v>38342</v>
      </c>
      <c r="DV27" s="113">
        <v>38342</v>
      </c>
      <c r="DW27" s="110">
        <v>0</v>
      </c>
      <c r="DX27" s="114">
        <v>21868</v>
      </c>
      <c r="DY27" s="114">
        <v>23783</v>
      </c>
      <c r="DZ27" s="114">
        <v>227063</v>
      </c>
      <c r="EA27" s="114">
        <v>161808</v>
      </c>
      <c r="EB27" s="114">
        <v>0</v>
      </c>
      <c r="EC27" s="113">
        <v>434522</v>
      </c>
      <c r="ED27" s="116">
        <v>472864</v>
      </c>
      <c r="EE27" s="110">
        <v>0</v>
      </c>
      <c r="EF27" s="112">
        <v>0</v>
      </c>
      <c r="EG27" s="113">
        <v>0</v>
      </c>
      <c r="EH27" s="110">
        <v>0</v>
      </c>
      <c r="EI27" s="114">
        <v>0</v>
      </c>
      <c r="EJ27" s="114">
        <v>22588</v>
      </c>
      <c r="EK27" s="114">
        <v>0</v>
      </c>
      <c r="EL27" s="114">
        <v>0</v>
      </c>
      <c r="EM27" s="114">
        <v>0</v>
      </c>
      <c r="EN27" s="112">
        <v>22588</v>
      </c>
      <c r="EO27" s="116">
        <v>22588</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5"/>
      <c r="FE27" s="114">
        <v>0</v>
      </c>
      <c r="FF27" s="114">
        <v>0</v>
      </c>
      <c r="FG27" s="114">
        <v>0</v>
      </c>
      <c r="FH27" s="114">
        <v>0</v>
      </c>
      <c r="FI27" s="114">
        <v>0</v>
      </c>
      <c r="FJ27" s="113">
        <v>0</v>
      </c>
      <c r="FK27" s="116">
        <v>0</v>
      </c>
      <c r="FL27" s="110">
        <v>7600</v>
      </c>
      <c r="FM27" s="114">
        <v>71360</v>
      </c>
      <c r="FN27" s="113">
        <v>78960</v>
      </c>
      <c r="FO27" s="110">
        <v>0</v>
      </c>
      <c r="FP27" s="114">
        <v>70880</v>
      </c>
      <c r="FQ27" s="114">
        <v>195216</v>
      </c>
      <c r="FR27" s="114">
        <v>113328</v>
      </c>
      <c r="FS27" s="114">
        <v>146704</v>
      </c>
      <c r="FT27" s="114">
        <v>156792</v>
      </c>
      <c r="FU27" s="113">
        <v>682920</v>
      </c>
      <c r="FV27" s="116">
        <v>761880</v>
      </c>
      <c r="FW27" s="115">
        <v>7600</v>
      </c>
      <c r="FX27" s="114">
        <v>71360</v>
      </c>
      <c r="FY27" s="112">
        <v>78960</v>
      </c>
      <c r="FZ27" s="111">
        <v>0</v>
      </c>
      <c r="GA27" s="114">
        <v>70880</v>
      </c>
      <c r="GB27" s="114">
        <v>195216</v>
      </c>
      <c r="GC27" s="114">
        <v>113328</v>
      </c>
      <c r="GD27" s="114">
        <v>146704</v>
      </c>
      <c r="GE27" s="114">
        <v>156792</v>
      </c>
      <c r="GF27" s="113">
        <v>682920</v>
      </c>
      <c r="GG27" s="316">
        <v>761880</v>
      </c>
      <c r="GH27" s="115">
        <v>0</v>
      </c>
      <c r="GI27" s="114">
        <v>0</v>
      </c>
      <c r="GJ27" s="112">
        <v>0</v>
      </c>
      <c r="GK27" s="111">
        <v>0</v>
      </c>
      <c r="GL27" s="114">
        <v>0</v>
      </c>
      <c r="GM27" s="114">
        <v>0</v>
      </c>
      <c r="GN27" s="114">
        <v>0</v>
      </c>
      <c r="GO27" s="114">
        <v>0</v>
      </c>
      <c r="GP27" s="114">
        <v>0</v>
      </c>
      <c r="GQ27" s="113">
        <v>0</v>
      </c>
      <c r="GR27" s="116">
        <v>0</v>
      </c>
      <c r="GS27" s="110">
        <v>0</v>
      </c>
      <c r="GT27" s="114">
        <v>0</v>
      </c>
      <c r="GU27" s="113">
        <v>0</v>
      </c>
      <c r="GV27" s="110">
        <v>0</v>
      </c>
      <c r="GW27" s="114">
        <v>0</v>
      </c>
      <c r="GX27" s="114">
        <v>0</v>
      </c>
      <c r="GY27" s="114">
        <v>0</v>
      </c>
      <c r="GZ27" s="114">
        <v>0</v>
      </c>
      <c r="HA27" s="114">
        <v>0</v>
      </c>
      <c r="HB27" s="112">
        <v>0</v>
      </c>
      <c r="HC27" s="116">
        <v>0</v>
      </c>
      <c r="HD27" s="110">
        <v>0</v>
      </c>
      <c r="HE27" s="114">
        <v>85704</v>
      </c>
      <c r="HF27" s="112">
        <v>85704</v>
      </c>
      <c r="HG27" s="111">
        <v>0</v>
      </c>
      <c r="HH27" s="114">
        <v>467160</v>
      </c>
      <c r="HI27" s="114">
        <v>511226</v>
      </c>
      <c r="HJ27" s="114">
        <v>0</v>
      </c>
      <c r="HK27" s="114">
        <v>404384</v>
      </c>
      <c r="HL27" s="114">
        <v>0</v>
      </c>
      <c r="HM27" s="113">
        <v>1382770</v>
      </c>
      <c r="HN27" s="109">
        <v>1468474</v>
      </c>
      <c r="HO27" s="326"/>
      <c r="HP27" s="327"/>
      <c r="HQ27" s="328"/>
      <c r="HR27" s="329"/>
      <c r="HS27" s="327"/>
      <c r="HT27" s="327"/>
      <c r="HU27" s="327"/>
      <c r="HV27" s="327"/>
      <c r="HW27" s="327"/>
      <c r="HX27" s="330"/>
      <c r="HY27" s="331"/>
      <c r="HZ27" s="131">
        <v>0</v>
      </c>
      <c r="IA27" s="132">
        <v>0</v>
      </c>
      <c r="IB27" s="133">
        <v>0</v>
      </c>
      <c r="IC27" s="146">
        <v>0</v>
      </c>
      <c r="ID27" s="132">
        <v>715528</v>
      </c>
      <c r="IE27" s="147">
        <v>1207624</v>
      </c>
      <c r="IF27" s="133">
        <v>429128</v>
      </c>
      <c r="IG27" s="132">
        <v>1264864</v>
      </c>
      <c r="IH27" s="133">
        <v>0</v>
      </c>
      <c r="II27" s="148">
        <v>3617144</v>
      </c>
      <c r="IJ27" s="139">
        <v>3617144</v>
      </c>
      <c r="IK27" s="232">
        <v>0</v>
      </c>
      <c r="IL27" s="236">
        <v>0</v>
      </c>
      <c r="IM27" s="237">
        <v>0</v>
      </c>
      <c r="IN27" s="140"/>
      <c r="IO27" s="119">
        <v>0</v>
      </c>
      <c r="IP27" s="119">
        <v>0</v>
      </c>
      <c r="IQ27" s="119">
        <v>175496</v>
      </c>
      <c r="IR27" s="119">
        <v>0</v>
      </c>
      <c r="IS27" s="119">
        <v>0</v>
      </c>
      <c r="IT27" s="141">
        <v>175496</v>
      </c>
      <c r="IU27" s="318">
        <v>175496</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96656</v>
      </c>
      <c r="JL27" s="119">
        <v>156944</v>
      </c>
      <c r="JM27" s="119">
        <v>36264</v>
      </c>
      <c r="JN27" s="119">
        <v>122368</v>
      </c>
      <c r="JO27" s="119">
        <v>0</v>
      </c>
      <c r="JP27" s="120">
        <v>512232</v>
      </c>
      <c r="JQ27" s="318">
        <v>512232</v>
      </c>
      <c r="JR27" s="142">
        <v>0</v>
      </c>
      <c r="JS27" s="119">
        <v>0</v>
      </c>
      <c r="JT27" s="141">
        <v>0</v>
      </c>
      <c r="JU27" s="118">
        <v>0</v>
      </c>
      <c r="JV27" s="119">
        <v>0</v>
      </c>
      <c r="JW27" s="119">
        <v>0</v>
      </c>
      <c r="JX27" s="119">
        <v>0</v>
      </c>
      <c r="JY27" s="119">
        <v>132480</v>
      </c>
      <c r="JZ27" s="119">
        <v>0</v>
      </c>
      <c r="KA27" s="120">
        <v>132480</v>
      </c>
      <c r="KB27" s="318">
        <v>132480</v>
      </c>
      <c r="KC27" s="234">
        <v>0</v>
      </c>
      <c r="KD27" s="230">
        <v>0</v>
      </c>
      <c r="KE27" s="120">
        <v>0</v>
      </c>
      <c r="KF27" s="118">
        <v>0</v>
      </c>
      <c r="KG27" s="119">
        <v>295776</v>
      </c>
      <c r="KH27" s="119">
        <v>348744</v>
      </c>
      <c r="KI27" s="119">
        <v>217368</v>
      </c>
      <c r="KJ27" s="119">
        <v>239440</v>
      </c>
      <c r="KK27" s="119">
        <v>0</v>
      </c>
      <c r="KL27" s="120">
        <v>1101328</v>
      </c>
      <c r="KM27" s="143">
        <v>1101328</v>
      </c>
      <c r="KN27" s="232">
        <v>0</v>
      </c>
      <c r="KO27" s="236">
        <v>0</v>
      </c>
      <c r="KP27" s="237">
        <v>0</v>
      </c>
      <c r="KQ27" s="140"/>
      <c r="KR27" s="119">
        <v>223096</v>
      </c>
      <c r="KS27" s="119">
        <v>701936</v>
      </c>
      <c r="KT27" s="119">
        <v>0</v>
      </c>
      <c r="KU27" s="119">
        <v>0</v>
      </c>
      <c r="KV27" s="119">
        <v>0</v>
      </c>
      <c r="KW27" s="120">
        <v>925032</v>
      </c>
      <c r="KX27" s="318">
        <v>925032</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770576</v>
      </c>
      <c r="LR27" s="119">
        <v>0</v>
      </c>
      <c r="LS27" s="120">
        <v>770576</v>
      </c>
      <c r="LT27" s="318">
        <v>77057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195224</v>
      </c>
      <c r="MK27" s="119">
        <v>92168</v>
      </c>
      <c r="ML27" s="119">
        <v>958670</v>
      </c>
      <c r="MM27" s="119">
        <v>1482920</v>
      </c>
      <c r="MN27" s="119">
        <v>472864</v>
      </c>
      <c r="MO27" s="120">
        <v>3201846</v>
      </c>
      <c r="MP27" s="143">
        <v>3201846</v>
      </c>
      <c r="MQ27" s="142">
        <v>0</v>
      </c>
      <c r="MR27" s="119">
        <v>0</v>
      </c>
      <c r="MS27" s="120">
        <v>0</v>
      </c>
      <c r="MT27" s="145"/>
      <c r="MU27" s="119">
        <v>0</v>
      </c>
      <c r="MV27" s="119">
        <v>0</v>
      </c>
      <c r="MW27" s="119">
        <v>686528</v>
      </c>
      <c r="MX27" s="119">
        <v>863272</v>
      </c>
      <c r="MY27" s="119">
        <v>0</v>
      </c>
      <c r="MZ27" s="120">
        <v>1549800</v>
      </c>
      <c r="NA27" s="143">
        <v>1549800</v>
      </c>
      <c r="NB27" s="142">
        <v>0</v>
      </c>
      <c r="NC27" s="119">
        <v>0</v>
      </c>
      <c r="ND27" s="120">
        <v>0</v>
      </c>
      <c r="NE27" s="145"/>
      <c r="NF27" s="119">
        <v>195224</v>
      </c>
      <c r="NG27" s="119">
        <v>92168</v>
      </c>
      <c r="NH27" s="119">
        <v>272142</v>
      </c>
      <c r="NI27" s="119">
        <v>619648</v>
      </c>
      <c r="NJ27" s="119">
        <v>472864</v>
      </c>
      <c r="NK27" s="120">
        <v>1652046</v>
      </c>
      <c r="NL27" s="318">
        <v>1652046</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12368</v>
      </c>
      <c r="OJ27" s="119">
        <v>228638</v>
      </c>
      <c r="OK27" s="141">
        <v>241006</v>
      </c>
      <c r="OL27" s="118">
        <v>0</v>
      </c>
      <c r="OM27" s="119">
        <v>2337053</v>
      </c>
      <c r="ON27" s="119">
        <v>3067920</v>
      </c>
      <c r="OO27" s="119">
        <v>2353831</v>
      </c>
      <c r="OP27" s="119">
        <v>4257274</v>
      </c>
      <c r="OQ27" s="119">
        <v>1515234</v>
      </c>
      <c r="OR27" s="120">
        <v>13531312</v>
      </c>
      <c r="OS27" s="143">
        <v>13772318</v>
      </c>
    </row>
    <row r="28" spans="2:409" ht="21" customHeight="1" x14ac:dyDescent="0.2">
      <c r="B28" s="126" t="s">
        <v>23</v>
      </c>
      <c r="C28" s="110">
        <v>394403</v>
      </c>
      <c r="D28" s="114">
        <v>283448</v>
      </c>
      <c r="E28" s="113">
        <v>677851</v>
      </c>
      <c r="F28" s="109">
        <v>0</v>
      </c>
      <c r="G28" s="114">
        <v>2908614</v>
      </c>
      <c r="H28" s="114">
        <v>2915333</v>
      </c>
      <c r="I28" s="114">
        <v>2359443</v>
      </c>
      <c r="J28" s="114">
        <v>2495955</v>
      </c>
      <c r="K28" s="114">
        <v>1402576</v>
      </c>
      <c r="L28" s="173">
        <v>12081921</v>
      </c>
      <c r="M28" s="116">
        <v>12759772</v>
      </c>
      <c r="N28" s="110">
        <v>139547</v>
      </c>
      <c r="O28" s="114">
        <v>120722</v>
      </c>
      <c r="P28" s="113">
        <v>260269</v>
      </c>
      <c r="Q28" s="110">
        <v>0</v>
      </c>
      <c r="R28" s="114">
        <v>632125</v>
      </c>
      <c r="S28" s="114">
        <v>1121720</v>
      </c>
      <c r="T28" s="114">
        <v>669453</v>
      </c>
      <c r="U28" s="114">
        <v>377515</v>
      </c>
      <c r="V28" s="114">
        <v>643544</v>
      </c>
      <c r="W28" s="113">
        <v>3444357</v>
      </c>
      <c r="X28" s="116">
        <v>3704626</v>
      </c>
      <c r="Y28" s="110">
        <v>0</v>
      </c>
      <c r="Z28" s="114">
        <v>0</v>
      </c>
      <c r="AA28" s="113">
        <v>0</v>
      </c>
      <c r="AB28" s="110">
        <v>0</v>
      </c>
      <c r="AC28" s="114">
        <v>123777</v>
      </c>
      <c r="AD28" s="114">
        <v>501560</v>
      </c>
      <c r="AE28" s="114">
        <v>413443</v>
      </c>
      <c r="AF28" s="114">
        <v>90481</v>
      </c>
      <c r="AG28" s="114">
        <v>351523</v>
      </c>
      <c r="AH28" s="113">
        <v>1480784</v>
      </c>
      <c r="AI28" s="116">
        <v>1480784</v>
      </c>
      <c r="AJ28" s="110">
        <v>0</v>
      </c>
      <c r="AK28" s="114">
        <v>0</v>
      </c>
      <c r="AL28" s="113">
        <v>0</v>
      </c>
      <c r="AM28" s="110">
        <v>0</v>
      </c>
      <c r="AN28" s="114">
        <v>0</v>
      </c>
      <c r="AO28" s="114">
        <v>0</v>
      </c>
      <c r="AP28" s="114">
        <v>0</v>
      </c>
      <c r="AQ28" s="114">
        <v>47374</v>
      </c>
      <c r="AR28" s="114">
        <v>0</v>
      </c>
      <c r="AS28" s="113">
        <v>47374</v>
      </c>
      <c r="AT28" s="116">
        <v>47374</v>
      </c>
      <c r="AU28" s="110">
        <v>72243</v>
      </c>
      <c r="AV28" s="114">
        <v>120722</v>
      </c>
      <c r="AW28" s="113">
        <v>192965</v>
      </c>
      <c r="AX28" s="110">
        <v>0</v>
      </c>
      <c r="AY28" s="114">
        <v>267812</v>
      </c>
      <c r="AZ28" s="114">
        <v>488284</v>
      </c>
      <c r="BA28" s="114">
        <v>157866</v>
      </c>
      <c r="BB28" s="114">
        <v>52744</v>
      </c>
      <c r="BC28" s="114">
        <v>186341</v>
      </c>
      <c r="BD28" s="113">
        <v>1153047</v>
      </c>
      <c r="BE28" s="116">
        <v>1346012</v>
      </c>
      <c r="BF28" s="110">
        <v>0</v>
      </c>
      <c r="BG28" s="114">
        <v>0</v>
      </c>
      <c r="BH28" s="112">
        <v>0</v>
      </c>
      <c r="BI28" s="111">
        <v>0</v>
      </c>
      <c r="BJ28" s="114">
        <v>0</v>
      </c>
      <c r="BK28" s="114">
        <v>31700</v>
      </c>
      <c r="BL28" s="114">
        <v>0</v>
      </c>
      <c r="BM28" s="114">
        <v>10676</v>
      </c>
      <c r="BN28" s="114">
        <v>0</v>
      </c>
      <c r="BO28" s="113">
        <v>42376</v>
      </c>
      <c r="BP28" s="116">
        <v>42376</v>
      </c>
      <c r="BQ28" s="110">
        <v>67304</v>
      </c>
      <c r="BR28" s="114">
        <v>0</v>
      </c>
      <c r="BS28" s="113">
        <v>67304</v>
      </c>
      <c r="BT28" s="110">
        <v>0</v>
      </c>
      <c r="BU28" s="114">
        <v>240536</v>
      </c>
      <c r="BV28" s="114">
        <v>100176</v>
      </c>
      <c r="BW28" s="114">
        <v>98144</v>
      </c>
      <c r="BX28" s="114">
        <v>176240</v>
      </c>
      <c r="BY28" s="114">
        <v>105680</v>
      </c>
      <c r="BZ28" s="113">
        <v>720776</v>
      </c>
      <c r="CA28" s="116">
        <v>788080</v>
      </c>
      <c r="CB28" s="110">
        <v>0</v>
      </c>
      <c r="CC28" s="114">
        <v>0</v>
      </c>
      <c r="CD28" s="113">
        <v>0</v>
      </c>
      <c r="CE28" s="110">
        <v>0</v>
      </c>
      <c r="CF28" s="114">
        <v>873071</v>
      </c>
      <c r="CG28" s="114">
        <v>1197432</v>
      </c>
      <c r="CH28" s="114">
        <v>787942</v>
      </c>
      <c r="CI28" s="114">
        <v>567990</v>
      </c>
      <c r="CJ28" s="114">
        <v>83346</v>
      </c>
      <c r="CK28" s="113">
        <v>3509781</v>
      </c>
      <c r="CL28" s="116">
        <v>3509781</v>
      </c>
      <c r="CM28" s="110">
        <v>0</v>
      </c>
      <c r="CN28" s="114">
        <v>0</v>
      </c>
      <c r="CO28" s="113">
        <v>0</v>
      </c>
      <c r="CP28" s="111">
        <v>0</v>
      </c>
      <c r="CQ28" s="114">
        <v>695565</v>
      </c>
      <c r="CR28" s="114">
        <v>1006396</v>
      </c>
      <c r="CS28" s="114">
        <v>500090</v>
      </c>
      <c r="CT28" s="114">
        <v>421972</v>
      </c>
      <c r="CU28" s="114">
        <v>30538</v>
      </c>
      <c r="CV28" s="113">
        <v>2654561</v>
      </c>
      <c r="CW28" s="116">
        <v>2654561</v>
      </c>
      <c r="CX28" s="110">
        <v>0</v>
      </c>
      <c r="CY28" s="114">
        <v>0</v>
      </c>
      <c r="CZ28" s="113">
        <v>0</v>
      </c>
      <c r="DA28" s="110">
        <v>0</v>
      </c>
      <c r="DB28" s="114">
        <v>177506</v>
      </c>
      <c r="DC28" s="114">
        <v>191036</v>
      </c>
      <c r="DD28" s="114">
        <v>287852</v>
      </c>
      <c r="DE28" s="114">
        <v>146018</v>
      </c>
      <c r="DF28" s="114">
        <v>52808</v>
      </c>
      <c r="DG28" s="113">
        <v>855220</v>
      </c>
      <c r="DH28" s="116">
        <v>855220</v>
      </c>
      <c r="DI28" s="110">
        <v>27453</v>
      </c>
      <c r="DJ28" s="114">
        <v>49470</v>
      </c>
      <c r="DK28" s="112">
        <v>76923</v>
      </c>
      <c r="DL28" s="111">
        <v>0</v>
      </c>
      <c r="DM28" s="114">
        <v>31608</v>
      </c>
      <c r="DN28" s="114">
        <v>179965</v>
      </c>
      <c r="DO28" s="114">
        <v>279894</v>
      </c>
      <c r="DP28" s="114">
        <v>543240</v>
      </c>
      <c r="DQ28" s="114">
        <v>167958</v>
      </c>
      <c r="DR28" s="113">
        <v>1202665</v>
      </c>
      <c r="DS28" s="116">
        <v>1279588</v>
      </c>
      <c r="DT28" s="110">
        <v>0</v>
      </c>
      <c r="DU28" s="114">
        <v>49470</v>
      </c>
      <c r="DV28" s="113">
        <v>49470</v>
      </c>
      <c r="DW28" s="110">
        <v>0</v>
      </c>
      <c r="DX28" s="114">
        <v>0</v>
      </c>
      <c r="DY28" s="114">
        <v>179965</v>
      </c>
      <c r="DZ28" s="114">
        <v>279894</v>
      </c>
      <c r="EA28" s="114">
        <v>543240</v>
      </c>
      <c r="EB28" s="114">
        <v>71317</v>
      </c>
      <c r="EC28" s="113">
        <v>1074416</v>
      </c>
      <c r="ED28" s="116">
        <v>1123886</v>
      </c>
      <c r="EE28" s="110">
        <v>27453</v>
      </c>
      <c r="EF28" s="112">
        <v>0</v>
      </c>
      <c r="EG28" s="113">
        <v>27453</v>
      </c>
      <c r="EH28" s="110">
        <v>0</v>
      </c>
      <c r="EI28" s="114">
        <v>31608</v>
      </c>
      <c r="EJ28" s="114">
        <v>0</v>
      </c>
      <c r="EK28" s="114">
        <v>0</v>
      </c>
      <c r="EL28" s="114">
        <v>0</v>
      </c>
      <c r="EM28" s="114">
        <v>96641</v>
      </c>
      <c r="EN28" s="112">
        <v>128249</v>
      </c>
      <c r="EO28" s="116">
        <v>155702</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5"/>
      <c r="FE28" s="114">
        <v>0</v>
      </c>
      <c r="FF28" s="114">
        <v>0</v>
      </c>
      <c r="FG28" s="114">
        <v>0</v>
      </c>
      <c r="FH28" s="114">
        <v>0</v>
      </c>
      <c r="FI28" s="114">
        <v>0</v>
      </c>
      <c r="FJ28" s="113">
        <v>0</v>
      </c>
      <c r="FK28" s="116">
        <v>0</v>
      </c>
      <c r="FL28" s="110">
        <v>9600</v>
      </c>
      <c r="FM28" s="114">
        <v>113256</v>
      </c>
      <c r="FN28" s="113">
        <v>122856</v>
      </c>
      <c r="FO28" s="110">
        <v>0</v>
      </c>
      <c r="FP28" s="114">
        <v>116016</v>
      </c>
      <c r="FQ28" s="114">
        <v>416216</v>
      </c>
      <c r="FR28" s="114">
        <v>123960</v>
      </c>
      <c r="FS28" s="114">
        <v>159392</v>
      </c>
      <c r="FT28" s="114">
        <v>48560</v>
      </c>
      <c r="FU28" s="113">
        <v>864144</v>
      </c>
      <c r="FV28" s="116">
        <v>987000</v>
      </c>
      <c r="FW28" s="115">
        <v>9600</v>
      </c>
      <c r="FX28" s="114">
        <v>81576</v>
      </c>
      <c r="FY28" s="112">
        <v>91176</v>
      </c>
      <c r="FZ28" s="111">
        <v>0</v>
      </c>
      <c r="GA28" s="114">
        <v>66736</v>
      </c>
      <c r="GB28" s="114">
        <v>368904</v>
      </c>
      <c r="GC28" s="114">
        <v>123960</v>
      </c>
      <c r="GD28" s="114">
        <v>159392</v>
      </c>
      <c r="GE28" s="114">
        <v>48560</v>
      </c>
      <c r="GF28" s="113">
        <v>767552</v>
      </c>
      <c r="GG28" s="316">
        <v>858728</v>
      </c>
      <c r="GH28" s="115">
        <v>0</v>
      </c>
      <c r="GI28" s="114">
        <v>0</v>
      </c>
      <c r="GJ28" s="112">
        <v>0</v>
      </c>
      <c r="GK28" s="111">
        <v>0</v>
      </c>
      <c r="GL28" s="114">
        <v>0</v>
      </c>
      <c r="GM28" s="114">
        <v>47312</v>
      </c>
      <c r="GN28" s="114">
        <v>0</v>
      </c>
      <c r="GO28" s="114">
        <v>0</v>
      </c>
      <c r="GP28" s="114">
        <v>0</v>
      </c>
      <c r="GQ28" s="113">
        <v>47312</v>
      </c>
      <c r="GR28" s="116">
        <v>47312</v>
      </c>
      <c r="GS28" s="110">
        <v>0</v>
      </c>
      <c r="GT28" s="114">
        <v>31680</v>
      </c>
      <c r="GU28" s="113">
        <v>31680</v>
      </c>
      <c r="GV28" s="110">
        <v>0</v>
      </c>
      <c r="GW28" s="114">
        <v>49280</v>
      </c>
      <c r="GX28" s="114">
        <v>0</v>
      </c>
      <c r="GY28" s="114">
        <v>0</v>
      </c>
      <c r="GZ28" s="114">
        <v>0</v>
      </c>
      <c r="HA28" s="114">
        <v>0</v>
      </c>
      <c r="HB28" s="112">
        <v>49280</v>
      </c>
      <c r="HC28" s="116">
        <v>80960</v>
      </c>
      <c r="HD28" s="110">
        <v>217803</v>
      </c>
      <c r="HE28" s="114">
        <v>0</v>
      </c>
      <c r="HF28" s="112">
        <v>217803</v>
      </c>
      <c r="HG28" s="111">
        <v>0</v>
      </c>
      <c r="HH28" s="114">
        <v>1255794</v>
      </c>
      <c r="HI28" s="114">
        <v>0</v>
      </c>
      <c r="HJ28" s="114">
        <v>498194</v>
      </c>
      <c r="HK28" s="114">
        <v>847818</v>
      </c>
      <c r="HL28" s="114">
        <v>459168</v>
      </c>
      <c r="HM28" s="113">
        <v>3060974</v>
      </c>
      <c r="HN28" s="109">
        <v>3278777</v>
      </c>
      <c r="HO28" s="326"/>
      <c r="HP28" s="327"/>
      <c r="HQ28" s="328"/>
      <c r="HR28" s="329"/>
      <c r="HS28" s="327"/>
      <c r="HT28" s="327"/>
      <c r="HU28" s="327"/>
      <c r="HV28" s="327"/>
      <c r="HW28" s="327"/>
      <c r="HX28" s="330"/>
      <c r="HY28" s="331"/>
      <c r="HZ28" s="150">
        <v>0</v>
      </c>
      <c r="IA28" s="135">
        <v>0</v>
      </c>
      <c r="IB28" s="150">
        <v>0</v>
      </c>
      <c r="IC28" s="134">
        <v>0</v>
      </c>
      <c r="ID28" s="135">
        <v>445494</v>
      </c>
      <c r="IE28" s="136">
        <v>35997</v>
      </c>
      <c r="IF28" s="137">
        <v>494927</v>
      </c>
      <c r="IG28" s="135">
        <v>799388</v>
      </c>
      <c r="IH28" s="137">
        <v>260288</v>
      </c>
      <c r="II28" s="138">
        <v>2036094</v>
      </c>
      <c r="IJ28" s="150">
        <v>2036094</v>
      </c>
      <c r="IK28" s="232">
        <v>0</v>
      </c>
      <c r="IL28" s="236">
        <v>0</v>
      </c>
      <c r="IM28" s="237">
        <v>0</v>
      </c>
      <c r="IN28" s="140"/>
      <c r="IO28" s="119">
        <v>0</v>
      </c>
      <c r="IP28" s="119">
        <v>0</v>
      </c>
      <c r="IQ28" s="119">
        <v>0</v>
      </c>
      <c r="IR28" s="119">
        <v>0</v>
      </c>
      <c r="IS28" s="119">
        <v>0</v>
      </c>
      <c r="IT28" s="141">
        <v>0</v>
      </c>
      <c r="IU28" s="318">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11323</v>
      </c>
      <c r="JL28" s="119">
        <v>35997</v>
      </c>
      <c r="JM28" s="119">
        <v>0</v>
      </c>
      <c r="JN28" s="119">
        <v>32503</v>
      </c>
      <c r="JO28" s="119">
        <v>0</v>
      </c>
      <c r="JP28" s="120">
        <v>279823</v>
      </c>
      <c r="JQ28" s="318">
        <v>279823</v>
      </c>
      <c r="JR28" s="142">
        <v>0</v>
      </c>
      <c r="JS28" s="119">
        <v>0</v>
      </c>
      <c r="JT28" s="141">
        <v>0</v>
      </c>
      <c r="JU28" s="118">
        <v>0</v>
      </c>
      <c r="JV28" s="119">
        <v>0</v>
      </c>
      <c r="JW28" s="119">
        <v>0</v>
      </c>
      <c r="JX28" s="119">
        <v>0</v>
      </c>
      <c r="JY28" s="119">
        <v>0</v>
      </c>
      <c r="JZ28" s="119">
        <v>0</v>
      </c>
      <c r="KA28" s="120">
        <v>0</v>
      </c>
      <c r="KB28" s="318">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234171</v>
      </c>
      <c r="KS28" s="119">
        <v>0</v>
      </c>
      <c r="KT28" s="119">
        <v>494927</v>
      </c>
      <c r="KU28" s="119">
        <v>766885</v>
      </c>
      <c r="KV28" s="119">
        <v>260288</v>
      </c>
      <c r="KW28" s="120">
        <v>1756271</v>
      </c>
      <c r="KX28" s="318">
        <v>1756271</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18">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259477</v>
      </c>
      <c r="MK28" s="119">
        <v>314870</v>
      </c>
      <c r="ML28" s="119">
        <v>342196</v>
      </c>
      <c r="MM28" s="119">
        <v>1876044</v>
      </c>
      <c r="MN28" s="119">
        <v>698945</v>
      </c>
      <c r="MO28" s="120">
        <v>3491532</v>
      </c>
      <c r="MP28" s="143">
        <v>3491532</v>
      </c>
      <c r="MQ28" s="142">
        <v>0</v>
      </c>
      <c r="MR28" s="119">
        <v>0</v>
      </c>
      <c r="MS28" s="120">
        <v>0</v>
      </c>
      <c r="MT28" s="145"/>
      <c r="MU28" s="119">
        <v>0</v>
      </c>
      <c r="MV28" s="119">
        <v>0</v>
      </c>
      <c r="MW28" s="119">
        <v>473525</v>
      </c>
      <c r="MX28" s="119">
        <v>1272507</v>
      </c>
      <c r="MY28" s="119">
        <v>86659</v>
      </c>
      <c r="MZ28" s="120">
        <v>1832691</v>
      </c>
      <c r="NA28" s="143">
        <v>1832691</v>
      </c>
      <c r="NB28" s="142">
        <v>0</v>
      </c>
      <c r="NC28" s="119">
        <v>0</v>
      </c>
      <c r="ND28" s="120">
        <v>0</v>
      </c>
      <c r="NE28" s="145"/>
      <c r="NF28" s="119">
        <v>259477</v>
      </c>
      <c r="NG28" s="119">
        <v>314870</v>
      </c>
      <c r="NH28" s="119">
        <v>-131329</v>
      </c>
      <c r="NI28" s="119">
        <v>603537</v>
      </c>
      <c r="NJ28" s="119">
        <v>612286</v>
      </c>
      <c r="NK28" s="120">
        <v>1658841</v>
      </c>
      <c r="NL28" s="318">
        <v>1658841</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394403</v>
      </c>
      <c r="OJ28" s="119">
        <v>283448</v>
      </c>
      <c r="OK28" s="141">
        <v>677851</v>
      </c>
      <c r="OL28" s="118">
        <v>0</v>
      </c>
      <c r="OM28" s="119">
        <v>3613585</v>
      </c>
      <c r="ON28" s="119">
        <v>3266200</v>
      </c>
      <c r="OO28" s="119">
        <v>3196566</v>
      </c>
      <c r="OP28" s="119">
        <v>5171387</v>
      </c>
      <c r="OQ28" s="119">
        <v>2361809</v>
      </c>
      <c r="OR28" s="120">
        <v>17609547</v>
      </c>
      <c r="OS28" s="143">
        <v>18287398</v>
      </c>
    </row>
    <row r="29" spans="2:409" ht="21" customHeight="1" x14ac:dyDescent="0.2">
      <c r="B29" s="126" t="s">
        <v>24</v>
      </c>
      <c r="C29" s="110">
        <v>403933</v>
      </c>
      <c r="D29" s="114">
        <v>357634</v>
      </c>
      <c r="E29" s="113">
        <v>761567</v>
      </c>
      <c r="F29" s="109">
        <v>0</v>
      </c>
      <c r="G29" s="114">
        <v>1795541</v>
      </c>
      <c r="H29" s="114">
        <v>2287499</v>
      </c>
      <c r="I29" s="114">
        <v>2331129</v>
      </c>
      <c r="J29" s="114">
        <v>1687897</v>
      </c>
      <c r="K29" s="114">
        <v>1659165</v>
      </c>
      <c r="L29" s="173">
        <v>9761231</v>
      </c>
      <c r="M29" s="116">
        <v>10522798</v>
      </c>
      <c r="N29" s="110">
        <v>102779</v>
      </c>
      <c r="O29" s="114">
        <v>49099</v>
      </c>
      <c r="P29" s="113">
        <v>151878</v>
      </c>
      <c r="Q29" s="110">
        <v>0</v>
      </c>
      <c r="R29" s="114">
        <v>851113</v>
      </c>
      <c r="S29" s="114">
        <v>624945</v>
      </c>
      <c r="T29" s="114">
        <v>874048</v>
      </c>
      <c r="U29" s="114">
        <v>535774</v>
      </c>
      <c r="V29" s="114">
        <v>926321</v>
      </c>
      <c r="W29" s="113">
        <v>3812201</v>
      </c>
      <c r="X29" s="116">
        <v>3964079</v>
      </c>
      <c r="Y29" s="110">
        <v>0</v>
      </c>
      <c r="Z29" s="114">
        <v>0</v>
      </c>
      <c r="AA29" s="113">
        <v>0</v>
      </c>
      <c r="AB29" s="110">
        <v>0</v>
      </c>
      <c r="AC29" s="114">
        <v>458924</v>
      </c>
      <c r="AD29" s="114">
        <v>255200</v>
      </c>
      <c r="AE29" s="114">
        <v>271328</v>
      </c>
      <c r="AF29" s="114">
        <v>218013</v>
      </c>
      <c r="AG29" s="114">
        <v>504492</v>
      </c>
      <c r="AH29" s="113">
        <v>1707957</v>
      </c>
      <c r="AI29" s="116">
        <v>1707957</v>
      </c>
      <c r="AJ29" s="110">
        <v>0</v>
      </c>
      <c r="AK29" s="114">
        <v>0</v>
      </c>
      <c r="AL29" s="113">
        <v>0</v>
      </c>
      <c r="AM29" s="110">
        <v>0</v>
      </c>
      <c r="AN29" s="114">
        <v>0</v>
      </c>
      <c r="AO29" s="114">
        <v>0</v>
      </c>
      <c r="AP29" s="114">
        <v>96538</v>
      </c>
      <c r="AQ29" s="114">
        <v>48292</v>
      </c>
      <c r="AR29" s="114">
        <v>93534</v>
      </c>
      <c r="AS29" s="113">
        <v>238364</v>
      </c>
      <c r="AT29" s="116">
        <v>238364</v>
      </c>
      <c r="AU29" s="110">
        <v>37603</v>
      </c>
      <c r="AV29" s="114">
        <v>49099</v>
      </c>
      <c r="AW29" s="113">
        <v>86702</v>
      </c>
      <c r="AX29" s="110">
        <v>0</v>
      </c>
      <c r="AY29" s="114">
        <v>220265</v>
      </c>
      <c r="AZ29" s="114">
        <v>178170</v>
      </c>
      <c r="BA29" s="114">
        <v>337454</v>
      </c>
      <c r="BB29" s="114">
        <v>191549</v>
      </c>
      <c r="BC29" s="114">
        <v>166343</v>
      </c>
      <c r="BD29" s="113">
        <v>1093781</v>
      </c>
      <c r="BE29" s="116">
        <v>1180483</v>
      </c>
      <c r="BF29" s="110">
        <v>0</v>
      </c>
      <c r="BG29" s="114">
        <v>0</v>
      </c>
      <c r="BH29" s="112">
        <v>0</v>
      </c>
      <c r="BI29" s="111">
        <v>0</v>
      </c>
      <c r="BJ29" s="114">
        <v>35868</v>
      </c>
      <c r="BK29" s="114">
        <v>74831</v>
      </c>
      <c r="BL29" s="114">
        <v>36984</v>
      </c>
      <c r="BM29" s="114">
        <v>0</v>
      </c>
      <c r="BN29" s="114">
        <v>0</v>
      </c>
      <c r="BO29" s="113">
        <v>147683</v>
      </c>
      <c r="BP29" s="116">
        <v>147683</v>
      </c>
      <c r="BQ29" s="110">
        <v>65176</v>
      </c>
      <c r="BR29" s="114">
        <v>0</v>
      </c>
      <c r="BS29" s="113">
        <v>65176</v>
      </c>
      <c r="BT29" s="110">
        <v>0</v>
      </c>
      <c r="BU29" s="114">
        <v>136056</v>
      </c>
      <c r="BV29" s="114">
        <v>116744</v>
      </c>
      <c r="BW29" s="114">
        <v>131744</v>
      </c>
      <c r="BX29" s="114">
        <v>77920</v>
      </c>
      <c r="BY29" s="114">
        <v>161952</v>
      </c>
      <c r="BZ29" s="113">
        <v>624416</v>
      </c>
      <c r="CA29" s="116">
        <v>689592</v>
      </c>
      <c r="CB29" s="110">
        <v>41484</v>
      </c>
      <c r="CC29" s="114">
        <v>35650</v>
      </c>
      <c r="CD29" s="113">
        <v>77134</v>
      </c>
      <c r="CE29" s="110">
        <v>0</v>
      </c>
      <c r="CF29" s="114">
        <v>586710</v>
      </c>
      <c r="CG29" s="114">
        <v>602683</v>
      </c>
      <c r="CH29" s="114">
        <v>782073</v>
      </c>
      <c r="CI29" s="114">
        <v>0</v>
      </c>
      <c r="CJ29" s="114">
        <v>0</v>
      </c>
      <c r="CK29" s="113">
        <v>1971466</v>
      </c>
      <c r="CL29" s="116">
        <v>2048600</v>
      </c>
      <c r="CM29" s="110">
        <v>0</v>
      </c>
      <c r="CN29" s="114">
        <v>0</v>
      </c>
      <c r="CO29" s="113">
        <v>0</v>
      </c>
      <c r="CP29" s="111">
        <v>0</v>
      </c>
      <c r="CQ29" s="114">
        <v>586710</v>
      </c>
      <c r="CR29" s="114">
        <v>483153</v>
      </c>
      <c r="CS29" s="114">
        <v>510253</v>
      </c>
      <c r="CT29" s="114">
        <v>0</v>
      </c>
      <c r="CU29" s="114">
        <v>0</v>
      </c>
      <c r="CV29" s="113">
        <v>1580116</v>
      </c>
      <c r="CW29" s="116">
        <v>1580116</v>
      </c>
      <c r="CX29" s="110">
        <v>41484</v>
      </c>
      <c r="CY29" s="114">
        <v>35650</v>
      </c>
      <c r="CZ29" s="113">
        <v>77134</v>
      </c>
      <c r="DA29" s="110">
        <v>0</v>
      </c>
      <c r="DB29" s="114">
        <v>0</v>
      </c>
      <c r="DC29" s="114">
        <v>119530</v>
      </c>
      <c r="DD29" s="114">
        <v>271820</v>
      </c>
      <c r="DE29" s="114">
        <v>0</v>
      </c>
      <c r="DF29" s="114">
        <v>0</v>
      </c>
      <c r="DG29" s="113">
        <v>391350</v>
      </c>
      <c r="DH29" s="116">
        <v>468484</v>
      </c>
      <c r="DI29" s="110">
        <v>0</v>
      </c>
      <c r="DJ29" s="114">
        <v>0</v>
      </c>
      <c r="DK29" s="112">
        <v>0</v>
      </c>
      <c r="DL29" s="111">
        <v>0</v>
      </c>
      <c r="DM29" s="114">
        <v>0</v>
      </c>
      <c r="DN29" s="114">
        <v>188150</v>
      </c>
      <c r="DO29" s="114">
        <v>94287</v>
      </c>
      <c r="DP29" s="114">
        <v>29344</v>
      </c>
      <c r="DQ29" s="114">
        <v>0</v>
      </c>
      <c r="DR29" s="113">
        <v>311781</v>
      </c>
      <c r="DS29" s="116">
        <v>311781</v>
      </c>
      <c r="DT29" s="110">
        <v>0</v>
      </c>
      <c r="DU29" s="114">
        <v>0</v>
      </c>
      <c r="DV29" s="113">
        <v>0</v>
      </c>
      <c r="DW29" s="110">
        <v>0</v>
      </c>
      <c r="DX29" s="114">
        <v>0</v>
      </c>
      <c r="DY29" s="114">
        <v>147892</v>
      </c>
      <c r="DZ29" s="114">
        <v>94287</v>
      </c>
      <c r="EA29" s="114">
        <v>29344</v>
      </c>
      <c r="EB29" s="114">
        <v>0</v>
      </c>
      <c r="EC29" s="113">
        <v>271523</v>
      </c>
      <c r="ED29" s="116">
        <v>271523</v>
      </c>
      <c r="EE29" s="110">
        <v>0</v>
      </c>
      <c r="EF29" s="112">
        <v>0</v>
      </c>
      <c r="EG29" s="113">
        <v>0</v>
      </c>
      <c r="EH29" s="110">
        <v>0</v>
      </c>
      <c r="EI29" s="114">
        <v>0</v>
      </c>
      <c r="EJ29" s="114">
        <v>40258</v>
      </c>
      <c r="EK29" s="114">
        <v>0</v>
      </c>
      <c r="EL29" s="114">
        <v>0</v>
      </c>
      <c r="EM29" s="114">
        <v>0</v>
      </c>
      <c r="EN29" s="112">
        <v>40258</v>
      </c>
      <c r="EO29" s="116">
        <v>40258</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5"/>
      <c r="FE29" s="114">
        <v>0</v>
      </c>
      <c r="FF29" s="114">
        <v>0</v>
      </c>
      <c r="FG29" s="114">
        <v>0</v>
      </c>
      <c r="FH29" s="114">
        <v>0</v>
      </c>
      <c r="FI29" s="114">
        <v>0</v>
      </c>
      <c r="FJ29" s="113">
        <v>0</v>
      </c>
      <c r="FK29" s="116">
        <v>0</v>
      </c>
      <c r="FL29" s="110">
        <v>50400</v>
      </c>
      <c r="FM29" s="114">
        <v>175600</v>
      </c>
      <c r="FN29" s="113">
        <v>226000</v>
      </c>
      <c r="FO29" s="110">
        <v>0</v>
      </c>
      <c r="FP29" s="114">
        <v>36432</v>
      </c>
      <c r="FQ29" s="114">
        <v>174432</v>
      </c>
      <c r="FR29" s="114">
        <v>185376</v>
      </c>
      <c r="FS29" s="114">
        <v>66416</v>
      </c>
      <c r="FT29" s="114">
        <v>49400</v>
      </c>
      <c r="FU29" s="113">
        <v>512056</v>
      </c>
      <c r="FV29" s="116">
        <v>738056</v>
      </c>
      <c r="FW29" s="115">
        <v>50400</v>
      </c>
      <c r="FX29" s="114">
        <v>15600</v>
      </c>
      <c r="FY29" s="112">
        <v>66000</v>
      </c>
      <c r="FZ29" s="111">
        <v>0</v>
      </c>
      <c r="GA29" s="114">
        <v>36432</v>
      </c>
      <c r="GB29" s="114">
        <v>174432</v>
      </c>
      <c r="GC29" s="114">
        <v>185376</v>
      </c>
      <c r="GD29" s="114">
        <v>66416</v>
      </c>
      <c r="GE29" s="114">
        <v>49400</v>
      </c>
      <c r="GF29" s="113">
        <v>512056</v>
      </c>
      <c r="GG29" s="316">
        <v>578056</v>
      </c>
      <c r="GH29" s="115">
        <v>0</v>
      </c>
      <c r="GI29" s="114">
        <v>0</v>
      </c>
      <c r="GJ29" s="112">
        <v>0</v>
      </c>
      <c r="GK29" s="111">
        <v>0</v>
      </c>
      <c r="GL29" s="114">
        <v>0</v>
      </c>
      <c r="GM29" s="114">
        <v>0</v>
      </c>
      <c r="GN29" s="114">
        <v>0</v>
      </c>
      <c r="GO29" s="114">
        <v>0</v>
      </c>
      <c r="GP29" s="114">
        <v>0</v>
      </c>
      <c r="GQ29" s="113">
        <v>0</v>
      </c>
      <c r="GR29" s="116">
        <v>0</v>
      </c>
      <c r="GS29" s="110">
        <v>0</v>
      </c>
      <c r="GT29" s="114">
        <v>160000</v>
      </c>
      <c r="GU29" s="113">
        <v>160000</v>
      </c>
      <c r="GV29" s="110">
        <v>0</v>
      </c>
      <c r="GW29" s="114">
        <v>0</v>
      </c>
      <c r="GX29" s="114">
        <v>0</v>
      </c>
      <c r="GY29" s="114">
        <v>0</v>
      </c>
      <c r="GZ29" s="114">
        <v>0</v>
      </c>
      <c r="HA29" s="114">
        <v>0</v>
      </c>
      <c r="HB29" s="112">
        <v>0</v>
      </c>
      <c r="HC29" s="116">
        <v>160000</v>
      </c>
      <c r="HD29" s="110">
        <v>209270</v>
      </c>
      <c r="HE29" s="114">
        <v>97285</v>
      </c>
      <c r="HF29" s="112">
        <v>306555</v>
      </c>
      <c r="HG29" s="111">
        <v>0</v>
      </c>
      <c r="HH29" s="114">
        <v>321286</v>
      </c>
      <c r="HI29" s="114">
        <v>697289</v>
      </c>
      <c r="HJ29" s="114">
        <v>395345</v>
      </c>
      <c r="HK29" s="114">
        <v>1056363</v>
      </c>
      <c r="HL29" s="114">
        <v>683444</v>
      </c>
      <c r="HM29" s="113">
        <v>3153727</v>
      </c>
      <c r="HN29" s="109">
        <v>3460282</v>
      </c>
      <c r="HO29" s="326"/>
      <c r="HP29" s="327"/>
      <c r="HQ29" s="328"/>
      <c r="HR29" s="329"/>
      <c r="HS29" s="327"/>
      <c r="HT29" s="327"/>
      <c r="HU29" s="327"/>
      <c r="HV29" s="327"/>
      <c r="HW29" s="327"/>
      <c r="HX29" s="330"/>
      <c r="HY29" s="331"/>
      <c r="HZ29" s="131">
        <v>0</v>
      </c>
      <c r="IA29" s="132">
        <v>0</v>
      </c>
      <c r="IB29" s="133">
        <v>0</v>
      </c>
      <c r="IC29" s="146">
        <v>0</v>
      </c>
      <c r="ID29" s="132">
        <v>120237</v>
      </c>
      <c r="IE29" s="147">
        <v>86273</v>
      </c>
      <c r="IF29" s="133">
        <v>1031911</v>
      </c>
      <c r="IG29" s="132">
        <v>0</v>
      </c>
      <c r="IH29" s="133">
        <v>243538</v>
      </c>
      <c r="II29" s="148">
        <v>1481959</v>
      </c>
      <c r="IJ29" s="139">
        <v>1481959</v>
      </c>
      <c r="IK29" s="232">
        <v>0</v>
      </c>
      <c r="IL29" s="236">
        <v>0</v>
      </c>
      <c r="IM29" s="237">
        <v>0</v>
      </c>
      <c r="IN29" s="140"/>
      <c r="IO29" s="119">
        <v>0</v>
      </c>
      <c r="IP29" s="119">
        <v>0</v>
      </c>
      <c r="IQ29" s="119">
        <v>158825</v>
      </c>
      <c r="IR29" s="119">
        <v>0</v>
      </c>
      <c r="IS29" s="119">
        <v>0</v>
      </c>
      <c r="IT29" s="141">
        <v>158825</v>
      </c>
      <c r="IU29" s="318">
        <v>158825</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55564</v>
      </c>
      <c r="JL29" s="119">
        <v>86273</v>
      </c>
      <c r="JM29" s="119">
        <v>267222</v>
      </c>
      <c r="JN29" s="119">
        <v>0</v>
      </c>
      <c r="JO29" s="119">
        <v>0</v>
      </c>
      <c r="JP29" s="120">
        <v>409059</v>
      </c>
      <c r="JQ29" s="318">
        <v>409059</v>
      </c>
      <c r="JR29" s="142">
        <v>0</v>
      </c>
      <c r="JS29" s="119">
        <v>0</v>
      </c>
      <c r="JT29" s="141">
        <v>0</v>
      </c>
      <c r="JU29" s="118">
        <v>0</v>
      </c>
      <c r="JV29" s="119">
        <v>64673</v>
      </c>
      <c r="JW29" s="119">
        <v>0</v>
      </c>
      <c r="JX29" s="119">
        <v>137620</v>
      </c>
      <c r="JY29" s="119">
        <v>0</v>
      </c>
      <c r="JZ29" s="119">
        <v>0</v>
      </c>
      <c r="KA29" s="120">
        <v>202293</v>
      </c>
      <c r="KB29" s="318">
        <v>202293</v>
      </c>
      <c r="KC29" s="234">
        <v>0</v>
      </c>
      <c r="KD29" s="230">
        <v>0</v>
      </c>
      <c r="KE29" s="120">
        <v>0</v>
      </c>
      <c r="KF29" s="118">
        <v>0</v>
      </c>
      <c r="KG29" s="119">
        <v>0</v>
      </c>
      <c r="KH29" s="119">
        <v>0</v>
      </c>
      <c r="KI29" s="119">
        <v>0</v>
      </c>
      <c r="KJ29" s="119">
        <v>0</v>
      </c>
      <c r="KK29" s="119">
        <v>0</v>
      </c>
      <c r="KL29" s="120">
        <v>0</v>
      </c>
      <c r="KM29" s="143">
        <v>0</v>
      </c>
      <c r="KN29" s="232">
        <v>0</v>
      </c>
      <c r="KO29" s="236">
        <v>0</v>
      </c>
      <c r="KP29" s="237">
        <v>0</v>
      </c>
      <c r="KQ29" s="140"/>
      <c r="KR29" s="119">
        <v>0</v>
      </c>
      <c r="KS29" s="119">
        <v>0</v>
      </c>
      <c r="KT29" s="119">
        <v>468244</v>
      </c>
      <c r="KU29" s="119">
        <v>0</v>
      </c>
      <c r="KV29" s="119">
        <v>243538</v>
      </c>
      <c r="KW29" s="120">
        <v>711782</v>
      </c>
      <c r="KX29" s="318">
        <v>711782</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18">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236771</v>
      </c>
      <c r="ML29" s="119">
        <v>748539</v>
      </c>
      <c r="MM29" s="119">
        <v>1340856</v>
      </c>
      <c r="MN29" s="119">
        <v>529520</v>
      </c>
      <c r="MO29" s="120">
        <v>2855686</v>
      </c>
      <c r="MP29" s="143">
        <v>2855686</v>
      </c>
      <c r="MQ29" s="142">
        <v>0</v>
      </c>
      <c r="MR29" s="119">
        <v>0</v>
      </c>
      <c r="MS29" s="120">
        <v>0</v>
      </c>
      <c r="MT29" s="145"/>
      <c r="MU29" s="119">
        <v>0</v>
      </c>
      <c r="MV29" s="119">
        <v>0</v>
      </c>
      <c r="MW29" s="119">
        <v>0</v>
      </c>
      <c r="MX29" s="119">
        <v>772589</v>
      </c>
      <c r="MY29" s="119">
        <v>529520</v>
      </c>
      <c r="MZ29" s="120">
        <v>1302109</v>
      </c>
      <c r="NA29" s="143">
        <v>1302109</v>
      </c>
      <c r="NB29" s="142">
        <v>0</v>
      </c>
      <c r="NC29" s="119">
        <v>0</v>
      </c>
      <c r="ND29" s="120">
        <v>0</v>
      </c>
      <c r="NE29" s="145"/>
      <c r="NF29" s="119">
        <v>0</v>
      </c>
      <c r="NG29" s="119">
        <v>236771</v>
      </c>
      <c r="NH29" s="119">
        <v>748539</v>
      </c>
      <c r="NI29" s="119">
        <v>568267</v>
      </c>
      <c r="NJ29" s="119">
        <v>0</v>
      </c>
      <c r="NK29" s="120">
        <v>1553577</v>
      </c>
      <c r="NL29" s="318">
        <v>1553577</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403933</v>
      </c>
      <c r="OJ29" s="119">
        <v>357634</v>
      </c>
      <c r="OK29" s="141">
        <v>761567</v>
      </c>
      <c r="OL29" s="118">
        <v>0</v>
      </c>
      <c r="OM29" s="119">
        <v>1915778</v>
      </c>
      <c r="ON29" s="119">
        <v>2610543</v>
      </c>
      <c r="OO29" s="119">
        <v>4111579</v>
      </c>
      <c r="OP29" s="119">
        <v>3028753</v>
      </c>
      <c r="OQ29" s="119">
        <v>2432223</v>
      </c>
      <c r="OR29" s="120">
        <v>14098876</v>
      </c>
      <c r="OS29" s="143">
        <v>14860443</v>
      </c>
    </row>
    <row r="30" spans="2:409" ht="21" customHeight="1" x14ac:dyDescent="0.2">
      <c r="B30" s="126" t="s">
        <v>25</v>
      </c>
      <c r="C30" s="110">
        <v>247036</v>
      </c>
      <c r="D30" s="114">
        <v>274814</v>
      </c>
      <c r="E30" s="113">
        <v>521850</v>
      </c>
      <c r="F30" s="109">
        <v>0</v>
      </c>
      <c r="G30" s="114">
        <v>1131093</v>
      </c>
      <c r="H30" s="114">
        <v>1259839</v>
      </c>
      <c r="I30" s="114">
        <v>1220251</v>
      </c>
      <c r="J30" s="114">
        <v>1222964</v>
      </c>
      <c r="K30" s="114">
        <v>1034523</v>
      </c>
      <c r="L30" s="173">
        <v>5868670</v>
      </c>
      <c r="M30" s="116">
        <v>6390520</v>
      </c>
      <c r="N30" s="110">
        <v>0</v>
      </c>
      <c r="O30" s="114">
        <v>102851</v>
      </c>
      <c r="P30" s="113">
        <v>102851</v>
      </c>
      <c r="Q30" s="110">
        <v>0</v>
      </c>
      <c r="R30" s="114">
        <v>329678</v>
      </c>
      <c r="S30" s="114">
        <v>278785</v>
      </c>
      <c r="T30" s="114">
        <v>546302</v>
      </c>
      <c r="U30" s="114">
        <v>184068</v>
      </c>
      <c r="V30" s="114">
        <v>672018</v>
      </c>
      <c r="W30" s="113">
        <v>2010851</v>
      </c>
      <c r="X30" s="116">
        <v>2113702</v>
      </c>
      <c r="Y30" s="110">
        <v>0</v>
      </c>
      <c r="Z30" s="114">
        <v>0</v>
      </c>
      <c r="AA30" s="113">
        <v>0</v>
      </c>
      <c r="AB30" s="110">
        <v>0</v>
      </c>
      <c r="AC30" s="114">
        <v>178055</v>
      </c>
      <c r="AD30" s="114">
        <v>113709</v>
      </c>
      <c r="AE30" s="114">
        <v>286286</v>
      </c>
      <c r="AF30" s="114">
        <v>86489</v>
      </c>
      <c r="AG30" s="114">
        <v>452339</v>
      </c>
      <c r="AH30" s="113">
        <v>1116878</v>
      </c>
      <c r="AI30" s="116">
        <v>1116878</v>
      </c>
      <c r="AJ30" s="110">
        <v>0</v>
      </c>
      <c r="AK30" s="114">
        <v>0</v>
      </c>
      <c r="AL30" s="113">
        <v>0</v>
      </c>
      <c r="AM30" s="110">
        <v>0</v>
      </c>
      <c r="AN30" s="114">
        <v>0</v>
      </c>
      <c r="AO30" s="114">
        <v>24336</v>
      </c>
      <c r="AP30" s="114">
        <v>82464</v>
      </c>
      <c r="AQ30" s="114">
        <v>26201</v>
      </c>
      <c r="AR30" s="114">
        <v>0</v>
      </c>
      <c r="AS30" s="113">
        <v>133001</v>
      </c>
      <c r="AT30" s="116">
        <v>133001</v>
      </c>
      <c r="AU30" s="110">
        <v>0</v>
      </c>
      <c r="AV30" s="114">
        <v>27955</v>
      </c>
      <c r="AW30" s="113">
        <v>27955</v>
      </c>
      <c r="AX30" s="110">
        <v>0</v>
      </c>
      <c r="AY30" s="114">
        <v>104191</v>
      </c>
      <c r="AZ30" s="114">
        <v>99908</v>
      </c>
      <c r="BA30" s="114">
        <v>121932</v>
      </c>
      <c r="BB30" s="114">
        <v>42010</v>
      </c>
      <c r="BC30" s="114">
        <v>182207</v>
      </c>
      <c r="BD30" s="113">
        <v>550248</v>
      </c>
      <c r="BE30" s="116">
        <v>578203</v>
      </c>
      <c r="BF30" s="110">
        <v>0</v>
      </c>
      <c r="BG30" s="114">
        <v>62320</v>
      </c>
      <c r="BH30" s="112">
        <v>62320</v>
      </c>
      <c r="BI30" s="111">
        <v>0</v>
      </c>
      <c r="BJ30" s="114">
        <v>0</v>
      </c>
      <c r="BK30" s="114">
        <v>0</v>
      </c>
      <c r="BL30" s="114">
        <v>37988</v>
      </c>
      <c r="BM30" s="114">
        <v>0</v>
      </c>
      <c r="BN30" s="114">
        <v>0</v>
      </c>
      <c r="BO30" s="113">
        <v>37988</v>
      </c>
      <c r="BP30" s="116">
        <v>100308</v>
      </c>
      <c r="BQ30" s="110">
        <v>0</v>
      </c>
      <c r="BR30" s="114">
        <v>12576</v>
      </c>
      <c r="BS30" s="113">
        <v>12576</v>
      </c>
      <c r="BT30" s="110">
        <v>0</v>
      </c>
      <c r="BU30" s="114">
        <v>47432</v>
      </c>
      <c r="BV30" s="114">
        <v>40832</v>
      </c>
      <c r="BW30" s="114">
        <v>17632</v>
      </c>
      <c r="BX30" s="114">
        <v>29368</v>
      </c>
      <c r="BY30" s="114">
        <v>37472</v>
      </c>
      <c r="BZ30" s="113">
        <v>172736</v>
      </c>
      <c r="CA30" s="116">
        <v>185312</v>
      </c>
      <c r="CB30" s="110">
        <v>78524</v>
      </c>
      <c r="CC30" s="114">
        <v>36431</v>
      </c>
      <c r="CD30" s="113">
        <v>114955</v>
      </c>
      <c r="CE30" s="110">
        <v>0</v>
      </c>
      <c r="CF30" s="114">
        <v>464318</v>
      </c>
      <c r="CG30" s="114">
        <v>550801</v>
      </c>
      <c r="CH30" s="114">
        <v>381709</v>
      </c>
      <c r="CI30" s="114">
        <v>367318</v>
      </c>
      <c r="CJ30" s="114">
        <v>106613</v>
      </c>
      <c r="CK30" s="113">
        <v>1870759</v>
      </c>
      <c r="CL30" s="116">
        <v>1985714</v>
      </c>
      <c r="CM30" s="110">
        <v>0</v>
      </c>
      <c r="CN30" s="114">
        <v>0</v>
      </c>
      <c r="CO30" s="113">
        <v>0</v>
      </c>
      <c r="CP30" s="111">
        <v>0</v>
      </c>
      <c r="CQ30" s="114">
        <v>377370</v>
      </c>
      <c r="CR30" s="114">
        <v>126375</v>
      </c>
      <c r="CS30" s="114">
        <v>79728</v>
      </c>
      <c r="CT30" s="114">
        <v>367318</v>
      </c>
      <c r="CU30" s="114">
        <v>0</v>
      </c>
      <c r="CV30" s="113">
        <v>950791</v>
      </c>
      <c r="CW30" s="116">
        <v>950791</v>
      </c>
      <c r="CX30" s="110">
        <v>78524</v>
      </c>
      <c r="CY30" s="114">
        <v>36431</v>
      </c>
      <c r="CZ30" s="113">
        <v>114955</v>
      </c>
      <c r="DA30" s="110">
        <v>0</v>
      </c>
      <c r="DB30" s="114">
        <v>86948</v>
      </c>
      <c r="DC30" s="114">
        <v>424426</v>
      </c>
      <c r="DD30" s="114">
        <v>301981</v>
      </c>
      <c r="DE30" s="114">
        <v>0</v>
      </c>
      <c r="DF30" s="114">
        <v>106613</v>
      </c>
      <c r="DG30" s="113">
        <v>919968</v>
      </c>
      <c r="DH30" s="116">
        <v>1034923</v>
      </c>
      <c r="DI30" s="110">
        <v>0</v>
      </c>
      <c r="DJ30" s="114">
        <v>0</v>
      </c>
      <c r="DK30" s="112">
        <v>0</v>
      </c>
      <c r="DL30" s="111">
        <v>0</v>
      </c>
      <c r="DM30" s="114">
        <v>24172</v>
      </c>
      <c r="DN30" s="114">
        <v>88331</v>
      </c>
      <c r="DO30" s="114">
        <v>0</v>
      </c>
      <c r="DP30" s="114">
        <v>137984</v>
      </c>
      <c r="DQ30" s="114">
        <v>0</v>
      </c>
      <c r="DR30" s="113">
        <v>250487</v>
      </c>
      <c r="DS30" s="116">
        <v>250487</v>
      </c>
      <c r="DT30" s="110">
        <v>0</v>
      </c>
      <c r="DU30" s="114">
        <v>0</v>
      </c>
      <c r="DV30" s="113">
        <v>0</v>
      </c>
      <c r="DW30" s="110">
        <v>0</v>
      </c>
      <c r="DX30" s="114">
        <v>24172</v>
      </c>
      <c r="DY30" s="114">
        <v>0</v>
      </c>
      <c r="DZ30" s="114">
        <v>0</v>
      </c>
      <c r="EA30" s="114">
        <v>137984</v>
      </c>
      <c r="EB30" s="114">
        <v>0</v>
      </c>
      <c r="EC30" s="113">
        <v>162156</v>
      </c>
      <c r="ED30" s="116">
        <v>162156</v>
      </c>
      <c r="EE30" s="110">
        <v>0</v>
      </c>
      <c r="EF30" s="112">
        <v>0</v>
      </c>
      <c r="EG30" s="113">
        <v>0</v>
      </c>
      <c r="EH30" s="110">
        <v>0</v>
      </c>
      <c r="EI30" s="114">
        <v>0</v>
      </c>
      <c r="EJ30" s="114">
        <v>88331</v>
      </c>
      <c r="EK30" s="114">
        <v>0</v>
      </c>
      <c r="EL30" s="114">
        <v>0</v>
      </c>
      <c r="EM30" s="114">
        <v>0</v>
      </c>
      <c r="EN30" s="112">
        <v>88331</v>
      </c>
      <c r="EO30" s="116">
        <v>88331</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5"/>
      <c r="FE30" s="114">
        <v>0</v>
      </c>
      <c r="FF30" s="114">
        <v>0</v>
      </c>
      <c r="FG30" s="114">
        <v>0</v>
      </c>
      <c r="FH30" s="114">
        <v>0</v>
      </c>
      <c r="FI30" s="114">
        <v>0</v>
      </c>
      <c r="FJ30" s="113">
        <v>0</v>
      </c>
      <c r="FK30" s="116">
        <v>0</v>
      </c>
      <c r="FL30" s="110">
        <v>168512</v>
      </c>
      <c r="FM30" s="114">
        <v>46624</v>
      </c>
      <c r="FN30" s="113">
        <v>215136</v>
      </c>
      <c r="FO30" s="110">
        <v>0</v>
      </c>
      <c r="FP30" s="114">
        <v>7256</v>
      </c>
      <c r="FQ30" s="114">
        <v>162264</v>
      </c>
      <c r="FR30" s="114">
        <v>102176</v>
      </c>
      <c r="FS30" s="114">
        <v>104752</v>
      </c>
      <c r="FT30" s="114">
        <v>30048</v>
      </c>
      <c r="FU30" s="113">
        <v>406496</v>
      </c>
      <c r="FV30" s="116">
        <v>621632</v>
      </c>
      <c r="FW30" s="115">
        <v>24512</v>
      </c>
      <c r="FX30" s="114">
        <v>46624</v>
      </c>
      <c r="FY30" s="112">
        <v>71136</v>
      </c>
      <c r="FZ30" s="111">
        <v>0</v>
      </c>
      <c r="GA30" s="114">
        <v>7256</v>
      </c>
      <c r="GB30" s="114">
        <v>116664</v>
      </c>
      <c r="GC30" s="114">
        <v>102176</v>
      </c>
      <c r="GD30" s="114">
        <v>104752</v>
      </c>
      <c r="GE30" s="114">
        <v>30048</v>
      </c>
      <c r="GF30" s="113">
        <v>360896</v>
      </c>
      <c r="GG30" s="316">
        <v>432032</v>
      </c>
      <c r="GH30" s="115">
        <v>0</v>
      </c>
      <c r="GI30" s="114">
        <v>0</v>
      </c>
      <c r="GJ30" s="112">
        <v>0</v>
      </c>
      <c r="GK30" s="111">
        <v>0</v>
      </c>
      <c r="GL30" s="114">
        <v>0</v>
      </c>
      <c r="GM30" s="114">
        <v>0</v>
      </c>
      <c r="GN30" s="114">
        <v>0</v>
      </c>
      <c r="GO30" s="114">
        <v>0</v>
      </c>
      <c r="GP30" s="114">
        <v>0</v>
      </c>
      <c r="GQ30" s="113">
        <v>0</v>
      </c>
      <c r="GR30" s="116">
        <v>0</v>
      </c>
      <c r="GS30" s="110">
        <v>144000</v>
      </c>
      <c r="GT30" s="114">
        <v>0</v>
      </c>
      <c r="GU30" s="113">
        <v>144000</v>
      </c>
      <c r="GV30" s="110">
        <v>0</v>
      </c>
      <c r="GW30" s="114">
        <v>0</v>
      </c>
      <c r="GX30" s="114">
        <v>45600</v>
      </c>
      <c r="GY30" s="114">
        <v>0</v>
      </c>
      <c r="GZ30" s="114">
        <v>0</v>
      </c>
      <c r="HA30" s="114">
        <v>0</v>
      </c>
      <c r="HB30" s="112">
        <v>45600</v>
      </c>
      <c r="HC30" s="116">
        <v>189600</v>
      </c>
      <c r="HD30" s="110">
        <v>0</v>
      </c>
      <c r="HE30" s="114">
        <v>88908</v>
      </c>
      <c r="HF30" s="112">
        <v>88908</v>
      </c>
      <c r="HG30" s="111">
        <v>0</v>
      </c>
      <c r="HH30" s="114">
        <v>305669</v>
      </c>
      <c r="HI30" s="114">
        <v>179658</v>
      </c>
      <c r="HJ30" s="114">
        <v>190064</v>
      </c>
      <c r="HK30" s="114">
        <v>428842</v>
      </c>
      <c r="HL30" s="114">
        <v>225844</v>
      </c>
      <c r="HM30" s="113">
        <v>1330077</v>
      </c>
      <c r="HN30" s="109">
        <v>1418985</v>
      </c>
      <c r="HO30" s="326"/>
      <c r="HP30" s="327"/>
      <c r="HQ30" s="328"/>
      <c r="HR30" s="329"/>
      <c r="HS30" s="327"/>
      <c r="HT30" s="327"/>
      <c r="HU30" s="327"/>
      <c r="HV30" s="327"/>
      <c r="HW30" s="327"/>
      <c r="HX30" s="330"/>
      <c r="HY30" s="331"/>
      <c r="HZ30" s="150">
        <v>41280</v>
      </c>
      <c r="IA30" s="135">
        <v>0</v>
      </c>
      <c r="IB30" s="150">
        <v>41280</v>
      </c>
      <c r="IC30" s="134">
        <v>0</v>
      </c>
      <c r="ID30" s="135">
        <v>163075</v>
      </c>
      <c r="IE30" s="136">
        <v>67940</v>
      </c>
      <c r="IF30" s="137">
        <v>0</v>
      </c>
      <c r="IG30" s="135">
        <v>0</v>
      </c>
      <c r="IH30" s="137">
        <v>0</v>
      </c>
      <c r="II30" s="138">
        <v>231015</v>
      </c>
      <c r="IJ30" s="150">
        <v>272295</v>
      </c>
      <c r="IK30" s="232">
        <v>0</v>
      </c>
      <c r="IL30" s="236">
        <v>0</v>
      </c>
      <c r="IM30" s="237">
        <v>0</v>
      </c>
      <c r="IN30" s="140"/>
      <c r="IO30" s="119">
        <v>0</v>
      </c>
      <c r="IP30" s="119">
        <v>0</v>
      </c>
      <c r="IQ30" s="119">
        <v>0</v>
      </c>
      <c r="IR30" s="119">
        <v>0</v>
      </c>
      <c r="IS30" s="119">
        <v>0</v>
      </c>
      <c r="IT30" s="141">
        <v>0</v>
      </c>
      <c r="IU30" s="318">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163075</v>
      </c>
      <c r="JL30" s="119">
        <v>67940</v>
      </c>
      <c r="JM30" s="119">
        <v>0</v>
      </c>
      <c r="JN30" s="119">
        <v>0</v>
      </c>
      <c r="JO30" s="119">
        <v>0</v>
      </c>
      <c r="JP30" s="120">
        <v>231015</v>
      </c>
      <c r="JQ30" s="318">
        <v>231015</v>
      </c>
      <c r="JR30" s="142">
        <v>0</v>
      </c>
      <c r="JS30" s="119">
        <v>0</v>
      </c>
      <c r="JT30" s="141">
        <v>0</v>
      </c>
      <c r="JU30" s="118">
        <v>0</v>
      </c>
      <c r="JV30" s="119">
        <v>0</v>
      </c>
      <c r="JW30" s="119">
        <v>0</v>
      </c>
      <c r="JX30" s="119">
        <v>0</v>
      </c>
      <c r="JY30" s="119">
        <v>0</v>
      </c>
      <c r="JZ30" s="119">
        <v>0</v>
      </c>
      <c r="KA30" s="120">
        <v>0</v>
      </c>
      <c r="KB30" s="318">
        <v>0</v>
      </c>
      <c r="KC30" s="234">
        <v>41280</v>
      </c>
      <c r="KD30" s="230">
        <v>0</v>
      </c>
      <c r="KE30" s="120">
        <v>41280</v>
      </c>
      <c r="KF30" s="118">
        <v>0</v>
      </c>
      <c r="KG30" s="119">
        <v>0</v>
      </c>
      <c r="KH30" s="119">
        <v>0</v>
      </c>
      <c r="KI30" s="119">
        <v>0</v>
      </c>
      <c r="KJ30" s="119">
        <v>0</v>
      </c>
      <c r="KK30" s="119">
        <v>0</v>
      </c>
      <c r="KL30" s="120">
        <v>0</v>
      </c>
      <c r="KM30" s="143">
        <v>41280</v>
      </c>
      <c r="KN30" s="232">
        <v>0</v>
      </c>
      <c r="KO30" s="236">
        <v>0</v>
      </c>
      <c r="KP30" s="237">
        <v>0</v>
      </c>
      <c r="KQ30" s="140"/>
      <c r="KR30" s="119">
        <v>0</v>
      </c>
      <c r="KS30" s="119">
        <v>0</v>
      </c>
      <c r="KT30" s="119">
        <v>0</v>
      </c>
      <c r="KU30" s="119">
        <v>0</v>
      </c>
      <c r="KV30" s="119">
        <v>0</v>
      </c>
      <c r="KW30" s="120">
        <v>0</v>
      </c>
      <c r="KX30" s="318">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18">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260764</v>
      </c>
      <c r="MK30" s="119">
        <v>314878</v>
      </c>
      <c r="ML30" s="119">
        <v>1215472</v>
      </c>
      <c r="MM30" s="119">
        <v>574431</v>
      </c>
      <c r="MN30" s="119">
        <v>1142345</v>
      </c>
      <c r="MO30" s="120">
        <v>3507890</v>
      </c>
      <c r="MP30" s="143">
        <v>3507890</v>
      </c>
      <c r="MQ30" s="142">
        <v>0</v>
      </c>
      <c r="MR30" s="119">
        <v>0</v>
      </c>
      <c r="MS30" s="120">
        <v>0</v>
      </c>
      <c r="MT30" s="145"/>
      <c r="MU30" s="119">
        <v>0</v>
      </c>
      <c r="MV30" s="119">
        <v>201826</v>
      </c>
      <c r="MW30" s="119">
        <v>920106</v>
      </c>
      <c r="MX30" s="119">
        <v>242113</v>
      </c>
      <c r="MY30" s="119">
        <v>521119</v>
      </c>
      <c r="MZ30" s="120">
        <v>1885164</v>
      </c>
      <c r="NA30" s="143">
        <v>1885164</v>
      </c>
      <c r="NB30" s="142">
        <v>0</v>
      </c>
      <c r="NC30" s="119">
        <v>0</v>
      </c>
      <c r="ND30" s="120">
        <v>0</v>
      </c>
      <c r="NE30" s="145"/>
      <c r="NF30" s="119">
        <v>260764</v>
      </c>
      <c r="NG30" s="119">
        <v>113052</v>
      </c>
      <c r="NH30" s="119">
        <v>295366</v>
      </c>
      <c r="NI30" s="119">
        <v>332318</v>
      </c>
      <c r="NJ30" s="119">
        <v>621226</v>
      </c>
      <c r="NK30" s="120">
        <v>1622726</v>
      </c>
      <c r="NL30" s="318">
        <v>1622726</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288316</v>
      </c>
      <c r="OJ30" s="119">
        <v>274814</v>
      </c>
      <c r="OK30" s="141">
        <v>563130</v>
      </c>
      <c r="OL30" s="118">
        <v>0</v>
      </c>
      <c r="OM30" s="119">
        <v>1554932</v>
      </c>
      <c r="ON30" s="119">
        <v>1642657</v>
      </c>
      <c r="OO30" s="119">
        <v>2435723</v>
      </c>
      <c r="OP30" s="119">
        <v>1797395</v>
      </c>
      <c r="OQ30" s="119">
        <v>2176868</v>
      </c>
      <c r="OR30" s="120">
        <v>9607575</v>
      </c>
      <c r="OS30" s="143">
        <v>10170705</v>
      </c>
    </row>
    <row r="31" spans="2:409" ht="21" customHeight="1" x14ac:dyDescent="0.2">
      <c r="B31" s="126" t="s">
        <v>26</v>
      </c>
      <c r="C31" s="110">
        <v>102681</v>
      </c>
      <c r="D31" s="114">
        <v>42624</v>
      </c>
      <c r="E31" s="113">
        <v>145305</v>
      </c>
      <c r="F31" s="109">
        <v>0</v>
      </c>
      <c r="G31" s="114">
        <v>1596398</v>
      </c>
      <c r="H31" s="114">
        <v>1422633</v>
      </c>
      <c r="I31" s="114">
        <v>1360856</v>
      </c>
      <c r="J31" s="114">
        <v>690361</v>
      </c>
      <c r="K31" s="114">
        <v>594506</v>
      </c>
      <c r="L31" s="173">
        <v>5664754</v>
      </c>
      <c r="M31" s="116">
        <v>5810059</v>
      </c>
      <c r="N31" s="110">
        <v>19568</v>
      </c>
      <c r="O31" s="114">
        <v>0</v>
      </c>
      <c r="P31" s="113">
        <v>19568</v>
      </c>
      <c r="Q31" s="110">
        <v>0</v>
      </c>
      <c r="R31" s="114">
        <v>530586</v>
      </c>
      <c r="S31" s="114">
        <v>301595</v>
      </c>
      <c r="T31" s="114">
        <v>801312</v>
      </c>
      <c r="U31" s="114">
        <v>192148</v>
      </c>
      <c r="V31" s="114">
        <v>277320</v>
      </c>
      <c r="W31" s="113">
        <v>2102961</v>
      </c>
      <c r="X31" s="116">
        <v>2122529</v>
      </c>
      <c r="Y31" s="110">
        <v>0</v>
      </c>
      <c r="Z31" s="114">
        <v>0</v>
      </c>
      <c r="AA31" s="113">
        <v>0</v>
      </c>
      <c r="AB31" s="110">
        <v>0</v>
      </c>
      <c r="AC31" s="114">
        <v>392271</v>
      </c>
      <c r="AD31" s="114">
        <v>190866</v>
      </c>
      <c r="AE31" s="114">
        <v>545819</v>
      </c>
      <c r="AF31" s="114">
        <v>33668</v>
      </c>
      <c r="AG31" s="114">
        <v>208514</v>
      </c>
      <c r="AH31" s="113">
        <v>1371138</v>
      </c>
      <c r="AI31" s="116">
        <v>1371138</v>
      </c>
      <c r="AJ31" s="110">
        <v>0</v>
      </c>
      <c r="AK31" s="114">
        <v>0</v>
      </c>
      <c r="AL31" s="113">
        <v>0</v>
      </c>
      <c r="AM31" s="110">
        <v>0</v>
      </c>
      <c r="AN31" s="114">
        <v>0</v>
      </c>
      <c r="AO31" s="114">
        <v>0</v>
      </c>
      <c r="AP31" s="114">
        <v>0</v>
      </c>
      <c r="AQ31" s="114">
        <v>105228</v>
      </c>
      <c r="AR31" s="114">
        <v>25243</v>
      </c>
      <c r="AS31" s="113">
        <v>130471</v>
      </c>
      <c r="AT31" s="116">
        <v>130471</v>
      </c>
      <c r="AU31" s="110">
        <v>0</v>
      </c>
      <c r="AV31" s="114">
        <v>0</v>
      </c>
      <c r="AW31" s="113">
        <v>0</v>
      </c>
      <c r="AX31" s="110">
        <v>0</v>
      </c>
      <c r="AY31" s="114">
        <v>105315</v>
      </c>
      <c r="AZ31" s="114">
        <v>25249</v>
      </c>
      <c r="BA31" s="114">
        <v>163629</v>
      </c>
      <c r="BB31" s="114">
        <v>35260</v>
      </c>
      <c r="BC31" s="114">
        <v>34027</v>
      </c>
      <c r="BD31" s="113">
        <v>363480</v>
      </c>
      <c r="BE31" s="116">
        <v>363480</v>
      </c>
      <c r="BF31" s="110">
        <v>0</v>
      </c>
      <c r="BG31" s="114">
        <v>0</v>
      </c>
      <c r="BH31" s="112">
        <v>0</v>
      </c>
      <c r="BI31" s="111">
        <v>0</v>
      </c>
      <c r="BJ31" s="114">
        <v>0</v>
      </c>
      <c r="BK31" s="114">
        <v>0</v>
      </c>
      <c r="BL31" s="114">
        <v>0</v>
      </c>
      <c r="BM31" s="114">
        <v>0</v>
      </c>
      <c r="BN31" s="114">
        <v>0</v>
      </c>
      <c r="BO31" s="113">
        <v>0</v>
      </c>
      <c r="BP31" s="116">
        <v>0</v>
      </c>
      <c r="BQ31" s="110">
        <v>19568</v>
      </c>
      <c r="BR31" s="114">
        <v>0</v>
      </c>
      <c r="BS31" s="113">
        <v>19568</v>
      </c>
      <c r="BT31" s="110">
        <v>0</v>
      </c>
      <c r="BU31" s="114">
        <v>33000</v>
      </c>
      <c r="BV31" s="114">
        <v>85480</v>
      </c>
      <c r="BW31" s="114">
        <v>91864</v>
      </c>
      <c r="BX31" s="114">
        <v>17992</v>
      </c>
      <c r="BY31" s="114">
        <v>9536</v>
      </c>
      <c r="BZ31" s="113">
        <v>237872</v>
      </c>
      <c r="CA31" s="116">
        <v>257440</v>
      </c>
      <c r="CB31" s="110">
        <v>20742</v>
      </c>
      <c r="CC31" s="114">
        <v>0</v>
      </c>
      <c r="CD31" s="113">
        <v>20742</v>
      </c>
      <c r="CE31" s="110">
        <v>0</v>
      </c>
      <c r="CF31" s="114">
        <v>516265</v>
      </c>
      <c r="CG31" s="114">
        <v>530038</v>
      </c>
      <c r="CH31" s="114">
        <v>233711</v>
      </c>
      <c r="CI31" s="114">
        <v>38932</v>
      </c>
      <c r="CJ31" s="114">
        <v>214826</v>
      </c>
      <c r="CK31" s="113">
        <v>1533772</v>
      </c>
      <c r="CL31" s="116">
        <v>1554514</v>
      </c>
      <c r="CM31" s="110">
        <v>0</v>
      </c>
      <c r="CN31" s="114">
        <v>0</v>
      </c>
      <c r="CO31" s="113">
        <v>0</v>
      </c>
      <c r="CP31" s="111">
        <v>0</v>
      </c>
      <c r="CQ31" s="114">
        <v>403481</v>
      </c>
      <c r="CR31" s="114">
        <v>353400</v>
      </c>
      <c r="CS31" s="114">
        <v>158526</v>
      </c>
      <c r="CT31" s="114">
        <v>38932</v>
      </c>
      <c r="CU31" s="114">
        <v>214826</v>
      </c>
      <c r="CV31" s="113">
        <v>1169165</v>
      </c>
      <c r="CW31" s="116">
        <v>1169165</v>
      </c>
      <c r="CX31" s="110">
        <v>20742</v>
      </c>
      <c r="CY31" s="114">
        <v>0</v>
      </c>
      <c r="CZ31" s="113">
        <v>20742</v>
      </c>
      <c r="DA31" s="110">
        <v>0</v>
      </c>
      <c r="DB31" s="114">
        <v>112784</v>
      </c>
      <c r="DC31" s="114">
        <v>176638</v>
      </c>
      <c r="DD31" s="114">
        <v>75185</v>
      </c>
      <c r="DE31" s="114">
        <v>0</v>
      </c>
      <c r="DF31" s="114">
        <v>0</v>
      </c>
      <c r="DG31" s="113">
        <v>364607</v>
      </c>
      <c r="DH31" s="116">
        <v>385349</v>
      </c>
      <c r="DI31" s="110">
        <v>0</v>
      </c>
      <c r="DJ31" s="114">
        <v>0</v>
      </c>
      <c r="DK31" s="112">
        <v>0</v>
      </c>
      <c r="DL31" s="111">
        <v>0</v>
      </c>
      <c r="DM31" s="114">
        <v>119532</v>
      </c>
      <c r="DN31" s="114">
        <v>182412</v>
      </c>
      <c r="DO31" s="114">
        <v>183145</v>
      </c>
      <c r="DP31" s="114">
        <v>424961</v>
      </c>
      <c r="DQ31" s="114">
        <v>0</v>
      </c>
      <c r="DR31" s="113">
        <v>910050</v>
      </c>
      <c r="DS31" s="116">
        <v>910050</v>
      </c>
      <c r="DT31" s="110">
        <v>0</v>
      </c>
      <c r="DU31" s="114">
        <v>0</v>
      </c>
      <c r="DV31" s="113">
        <v>0</v>
      </c>
      <c r="DW31" s="110">
        <v>0</v>
      </c>
      <c r="DX31" s="114">
        <v>119532</v>
      </c>
      <c r="DY31" s="114">
        <v>182412</v>
      </c>
      <c r="DZ31" s="114">
        <v>101076</v>
      </c>
      <c r="EA31" s="114">
        <v>424961</v>
      </c>
      <c r="EB31" s="114">
        <v>0</v>
      </c>
      <c r="EC31" s="113">
        <v>827981</v>
      </c>
      <c r="ED31" s="116">
        <v>827981</v>
      </c>
      <c r="EE31" s="110">
        <v>0</v>
      </c>
      <c r="EF31" s="112">
        <v>0</v>
      </c>
      <c r="EG31" s="113">
        <v>0</v>
      </c>
      <c r="EH31" s="110">
        <v>0</v>
      </c>
      <c r="EI31" s="114">
        <v>0</v>
      </c>
      <c r="EJ31" s="114">
        <v>0</v>
      </c>
      <c r="EK31" s="114">
        <v>82069</v>
      </c>
      <c r="EL31" s="114">
        <v>0</v>
      </c>
      <c r="EM31" s="114">
        <v>0</v>
      </c>
      <c r="EN31" s="112">
        <v>82069</v>
      </c>
      <c r="EO31" s="116">
        <v>82069</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5"/>
      <c r="FE31" s="114">
        <v>0</v>
      </c>
      <c r="FF31" s="114">
        <v>0</v>
      </c>
      <c r="FG31" s="114">
        <v>0</v>
      </c>
      <c r="FH31" s="114">
        <v>0</v>
      </c>
      <c r="FI31" s="114">
        <v>0</v>
      </c>
      <c r="FJ31" s="113">
        <v>0</v>
      </c>
      <c r="FK31" s="116">
        <v>0</v>
      </c>
      <c r="FL31" s="110">
        <v>10080</v>
      </c>
      <c r="FM31" s="114">
        <v>42624</v>
      </c>
      <c r="FN31" s="113">
        <v>52704</v>
      </c>
      <c r="FO31" s="110">
        <v>0</v>
      </c>
      <c r="FP31" s="114">
        <v>56960</v>
      </c>
      <c r="FQ31" s="114">
        <v>236472</v>
      </c>
      <c r="FR31" s="114">
        <v>142688</v>
      </c>
      <c r="FS31" s="114">
        <v>34320</v>
      </c>
      <c r="FT31" s="114">
        <v>102360</v>
      </c>
      <c r="FU31" s="113">
        <v>572800</v>
      </c>
      <c r="FV31" s="116">
        <v>625504</v>
      </c>
      <c r="FW31" s="115">
        <v>10080</v>
      </c>
      <c r="FX31" s="114">
        <v>15424</v>
      </c>
      <c r="FY31" s="112">
        <v>25504</v>
      </c>
      <c r="FZ31" s="111">
        <v>0</v>
      </c>
      <c r="GA31" s="114">
        <v>56960</v>
      </c>
      <c r="GB31" s="114">
        <v>213592</v>
      </c>
      <c r="GC31" s="114">
        <v>142688</v>
      </c>
      <c r="GD31" s="114">
        <v>34320</v>
      </c>
      <c r="GE31" s="114">
        <v>102360</v>
      </c>
      <c r="GF31" s="113">
        <v>549920</v>
      </c>
      <c r="GG31" s="316">
        <v>575424</v>
      </c>
      <c r="GH31" s="115">
        <v>0</v>
      </c>
      <c r="GI31" s="114">
        <v>0</v>
      </c>
      <c r="GJ31" s="112">
        <v>0</v>
      </c>
      <c r="GK31" s="111">
        <v>0</v>
      </c>
      <c r="GL31" s="114">
        <v>0</v>
      </c>
      <c r="GM31" s="114">
        <v>22880</v>
      </c>
      <c r="GN31" s="114">
        <v>0</v>
      </c>
      <c r="GO31" s="114">
        <v>0</v>
      </c>
      <c r="GP31" s="114">
        <v>0</v>
      </c>
      <c r="GQ31" s="113">
        <v>22880</v>
      </c>
      <c r="GR31" s="116">
        <v>22880</v>
      </c>
      <c r="GS31" s="110">
        <v>0</v>
      </c>
      <c r="GT31" s="114">
        <v>27200</v>
      </c>
      <c r="GU31" s="113">
        <v>27200</v>
      </c>
      <c r="GV31" s="110">
        <v>0</v>
      </c>
      <c r="GW31" s="114">
        <v>0</v>
      </c>
      <c r="GX31" s="114">
        <v>0</v>
      </c>
      <c r="GY31" s="114">
        <v>0</v>
      </c>
      <c r="GZ31" s="114">
        <v>0</v>
      </c>
      <c r="HA31" s="114">
        <v>0</v>
      </c>
      <c r="HB31" s="112">
        <v>0</v>
      </c>
      <c r="HC31" s="116">
        <v>27200</v>
      </c>
      <c r="HD31" s="110">
        <v>52291</v>
      </c>
      <c r="HE31" s="114">
        <v>0</v>
      </c>
      <c r="HF31" s="112">
        <v>52291</v>
      </c>
      <c r="HG31" s="111">
        <v>0</v>
      </c>
      <c r="HH31" s="114">
        <v>373055</v>
      </c>
      <c r="HI31" s="114">
        <v>172116</v>
      </c>
      <c r="HJ31" s="114">
        <v>0</v>
      </c>
      <c r="HK31" s="114">
        <v>0</v>
      </c>
      <c r="HL31" s="114">
        <v>0</v>
      </c>
      <c r="HM31" s="113">
        <v>545171</v>
      </c>
      <c r="HN31" s="109">
        <v>597462</v>
      </c>
      <c r="HO31" s="326"/>
      <c r="HP31" s="327"/>
      <c r="HQ31" s="328"/>
      <c r="HR31" s="329"/>
      <c r="HS31" s="327"/>
      <c r="HT31" s="327"/>
      <c r="HU31" s="327"/>
      <c r="HV31" s="327"/>
      <c r="HW31" s="327"/>
      <c r="HX31" s="330"/>
      <c r="HY31" s="331"/>
      <c r="HZ31" s="131">
        <v>0</v>
      </c>
      <c r="IA31" s="132">
        <v>0</v>
      </c>
      <c r="IB31" s="133">
        <v>0</v>
      </c>
      <c r="IC31" s="146">
        <v>0</v>
      </c>
      <c r="ID31" s="132">
        <v>181776</v>
      </c>
      <c r="IE31" s="147">
        <v>489670</v>
      </c>
      <c r="IF31" s="133">
        <v>532708</v>
      </c>
      <c r="IG31" s="132">
        <v>247334</v>
      </c>
      <c r="IH31" s="133">
        <v>12216</v>
      </c>
      <c r="II31" s="148">
        <v>1463704</v>
      </c>
      <c r="IJ31" s="139">
        <v>1463704</v>
      </c>
      <c r="IK31" s="232">
        <v>0</v>
      </c>
      <c r="IL31" s="236">
        <v>0</v>
      </c>
      <c r="IM31" s="237">
        <v>0</v>
      </c>
      <c r="IN31" s="140"/>
      <c r="IO31" s="119">
        <v>0</v>
      </c>
      <c r="IP31" s="119">
        <v>0</v>
      </c>
      <c r="IQ31" s="119">
        <v>0</v>
      </c>
      <c r="IR31" s="119">
        <v>0</v>
      </c>
      <c r="IS31" s="119">
        <v>0</v>
      </c>
      <c r="IT31" s="141">
        <v>0</v>
      </c>
      <c r="IU31" s="318">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81776</v>
      </c>
      <c r="JL31" s="119">
        <v>331775</v>
      </c>
      <c r="JM31" s="119">
        <v>41383</v>
      </c>
      <c r="JN31" s="119">
        <v>0</v>
      </c>
      <c r="JO31" s="119">
        <v>12216</v>
      </c>
      <c r="JP31" s="120">
        <v>567150</v>
      </c>
      <c r="JQ31" s="318">
        <v>567150</v>
      </c>
      <c r="JR31" s="142">
        <v>0</v>
      </c>
      <c r="JS31" s="119">
        <v>0</v>
      </c>
      <c r="JT31" s="141">
        <v>0</v>
      </c>
      <c r="JU31" s="118">
        <v>0</v>
      </c>
      <c r="JV31" s="119">
        <v>0</v>
      </c>
      <c r="JW31" s="119">
        <v>117604</v>
      </c>
      <c r="JX31" s="119">
        <v>0</v>
      </c>
      <c r="JY31" s="119">
        <v>0</v>
      </c>
      <c r="JZ31" s="119">
        <v>0</v>
      </c>
      <c r="KA31" s="120">
        <v>117604</v>
      </c>
      <c r="KB31" s="318">
        <v>117604</v>
      </c>
      <c r="KC31" s="234">
        <v>0</v>
      </c>
      <c r="KD31" s="230">
        <v>0</v>
      </c>
      <c r="KE31" s="120">
        <v>0</v>
      </c>
      <c r="KF31" s="118">
        <v>0</v>
      </c>
      <c r="KG31" s="119">
        <v>0</v>
      </c>
      <c r="KH31" s="119">
        <v>0</v>
      </c>
      <c r="KI31" s="119">
        <v>242085</v>
      </c>
      <c r="KJ31" s="119">
        <v>0</v>
      </c>
      <c r="KK31" s="119">
        <v>0</v>
      </c>
      <c r="KL31" s="120">
        <v>242085</v>
      </c>
      <c r="KM31" s="143">
        <v>242085</v>
      </c>
      <c r="KN31" s="232">
        <v>0</v>
      </c>
      <c r="KO31" s="236">
        <v>0</v>
      </c>
      <c r="KP31" s="237">
        <v>0</v>
      </c>
      <c r="KQ31" s="140"/>
      <c r="KR31" s="119">
        <v>0</v>
      </c>
      <c r="KS31" s="119">
        <v>40291</v>
      </c>
      <c r="KT31" s="119">
        <v>249240</v>
      </c>
      <c r="KU31" s="119">
        <v>247334</v>
      </c>
      <c r="KV31" s="119">
        <v>0</v>
      </c>
      <c r="KW31" s="120">
        <v>536865</v>
      </c>
      <c r="KX31" s="318">
        <v>536865</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18">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194883</v>
      </c>
      <c r="ML31" s="119">
        <v>1301825</v>
      </c>
      <c r="MM31" s="119">
        <v>1476353</v>
      </c>
      <c r="MN31" s="119">
        <v>258790</v>
      </c>
      <c r="MO31" s="120">
        <v>3231851</v>
      </c>
      <c r="MP31" s="143">
        <v>3231851</v>
      </c>
      <c r="MQ31" s="142">
        <v>0</v>
      </c>
      <c r="MR31" s="119">
        <v>0</v>
      </c>
      <c r="MS31" s="120">
        <v>0</v>
      </c>
      <c r="MT31" s="145"/>
      <c r="MU31" s="119">
        <v>0</v>
      </c>
      <c r="MV31" s="119">
        <v>0</v>
      </c>
      <c r="MW31" s="119">
        <v>702185</v>
      </c>
      <c r="MX31" s="119">
        <v>1075218</v>
      </c>
      <c r="MY31" s="119">
        <v>258790</v>
      </c>
      <c r="MZ31" s="120">
        <v>2036193</v>
      </c>
      <c r="NA31" s="143">
        <v>2036193</v>
      </c>
      <c r="NB31" s="142">
        <v>0</v>
      </c>
      <c r="NC31" s="119">
        <v>0</v>
      </c>
      <c r="ND31" s="120">
        <v>0</v>
      </c>
      <c r="NE31" s="145"/>
      <c r="NF31" s="119">
        <v>0</v>
      </c>
      <c r="NG31" s="119">
        <v>194883</v>
      </c>
      <c r="NH31" s="119">
        <v>599640</v>
      </c>
      <c r="NI31" s="119">
        <v>401135</v>
      </c>
      <c r="NJ31" s="119">
        <v>0</v>
      </c>
      <c r="NK31" s="120">
        <v>1195658</v>
      </c>
      <c r="NL31" s="318">
        <v>1195658</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02681</v>
      </c>
      <c r="OJ31" s="119">
        <v>42624</v>
      </c>
      <c r="OK31" s="141">
        <v>145305</v>
      </c>
      <c r="OL31" s="118">
        <v>0</v>
      </c>
      <c r="OM31" s="119">
        <v>1778174</v>
      </c>
      <c r="ON31" s="119">
        <v>2107186</v>
      </c>
      <c r="OO31" s="119">
        <v>3195389</v>
      </c>
      <c r="OP31" s="119">
        <v>2414048</v>
      </c>
      <c r="OQ31" s="119">
        <v>865512</v>
      </c>
      <c r="OR31" s="120">
        <v>10360309</v>
      </c>
      <c r="OS31" s="143">
        <v>10505614</v>
      </c>
    </row>
    <row r="32" spans="2:409" ht="21" customHeight="1" x14ac:dyDescent="0.2">
      <c r="B32" s="126" t="s">
        <v>27</v>
      </c>
      <c r="C32" s="110">
        <v>129737</v>
      </c>
      <c r="D32" s="114">
        <v>481096</v>
      </c>
      <c r="E32" s="113">
        <v>610833</v>
      </c>
      <c r="F32" s="109">
        <v>0</v>
      </c>
      <c r="G32" s="114">
        <v>1298606</v>
      </c>
      <c r="H32" s="114">
        <v>1268799</v>
      </c>
      <c r="I32" s="114">
        <v>1383807</v>
      </c>
      <c r="J32" s="114">
        <v>2049383</v>
      </c>
      <c r="K32" s="114">
        <v>761478</v>
      </c>
      <c r="L32" s="173">
        <v>6762073</v>
      </c>
      <c r="M32" s="116">
        <v>7372906</v>
      </c>
      <c r="N32" s="110">
        <v>35987</v>
      </c>
      <c r="O32" s="114">
        <v>115075</v>
      </c>
      <c r="P32" s="113">
        <v>151062</v>
      </c>
      <c r="Q32" s="110">
        <v>0</v>
      </c>
      <c r="R32" s="114">
        <v>181970</v>
      </c>
      <c r="S32" s="114">
        <v>372308</v>
      </c>
      <c r="T32" s="114">
        <v>408111</v>
      </c>
      <c r="U32" s="114">
        <v>947076</v>
      </c>
      <c r="V32" s="114">
        <v>482606</v>
      </c>
      <c r="W32" s="113">
        <v>2392071</v>
      </c>
      <c r="X32" s="116">
        <v>2543133</v>
      </c>
      <c r="Y32" s="110">
        <v>0</v>
      </c>
      <c r="Z32" s="114">
        <v>0</v>
      </c>
      <c r="AA32" s="113">
        <v>0</v>
      </c>
      <c r="AB32" s="110">
        <v>0</v>
      </c>
      <c r="AC32" s="114">
        <v>36382</v>
      </c>
      <c r="AD32" s="114">
        <v>189184</v>
      </c>
      <c r="AE32" s="114">
        <v>164932</v>
      </c>
      <c r="AF32" s="114">
        <v>621566</v>
      </c>
      <c r="AG32" s="114">
        <v>243871</v>
      </c>
      <c r="AH32" s="113">
        <v>1255935</v>
      </c>
      <c r="AI32" s="116">
        <v>1255935</v>
      </c>
      <c r="AJ32" s="110">
        <v>0</v>
      </c>
      <c r="AK32" s="114">
        <v>0</v>
      </c>
      <c r="AL32" s="113">
        <v>0</v>
      </c>
      <c r="AM32" s="110">
        <v>0</v>
      </c>
      <c r="AN32" s="114">
        <v>0</v>
      </c>
      <c r="AO32" s="114">
        <v>0</v>
      </c>
      <c r="AP32" s="114">
        <v>0</v>
      </c>
      <c r="AQ32" s="114">
        <v>45539</v>
      </c>
      <c r="AR32" s="114">
        <v>45539</v>
      </c>
      <c r="AS32" s="113">
        <v>91078</v>
      </c>
      <c r="AT32" s="116">
        <v>91078</v>
      </c>
      <c r="AU32" s="110">
        <v>20931</v>
      </c>
      <c r="AV32" s="114">
        <v>112691</v>
      </c>
      <c r="AW32" s="113">
        <v>133622</v>
      </c>
      <c r="AX32" s="110">
        <v>0</v>
      </c>
      <c r="AY32" s="114">
        <v>120932</v>
      </c>
      <c r="AZ32" s="114">
        <v>108212</v>
      </c>
      <c r="BA32" s="114">
        <v>185523</v>
      </c>
      <c r="BB32" s="114">
        <v>210443</v>
      </c>
      <c r="BC32" s="114">
        <v>152780</v>
      </c>
      <c r="BD32" s="113">
        <v>777890</v>
      </c>
      <c r="BE32" s="116">
        <v>911512</v>
      </c>
      <c r="BF32" s="110">
        <v>0</v>
      </c>
      <c r="BG32" s="114">
        <v>0</v>
      </c>
      <c r="BH32" s="112">
        <v>0</v>
      </c>
      <c r="BI32" s="111">
        <v>0</v>
      </c>
      <c r="BJ32" s="114">
        <v>0</v>
      </c>
      <c r="BK32" s="114">
        <v>31600</v>
      </c>
      <c r="BL32" s="114">
        <v>0</v>
      </c>
      <c r="BM32" s="114">
        <v>0</v>
      </c>
      <c r="BN32" s="114">
        <v>0</v>
      </c>
      <c r="BO32" s="113">
        <v>31600</v>
      </c>
      <c r="BP32" s="116">
        <v>31600</v>
      </c>
      <c r="BQ32" s="110">
        <v>15056</v>
      </c>
      <c r="BR32" s="114">
        <v>2384</v>
      </c>
      <c r="BS32" s="113">
        <v>17440</v>
      </c>
      <c r="BT32" s="110">
        <v>0</v>
      </c>
      <c r="BU32" s="114">
        <v>24656</v>
      </c>
      <c r="BV32" s="114">
        <v>43312</v>
      </c>
      <c r="BW32" s="114">
        <v>57656</v>
      </c>
      <c r="BX32" s="114">
        <v>69528</v>
      </c>
      <c r="BY32" s="114">
        <v>40416</v>
      </c>
      <c r="BZ32" s="113">
        <v>235568</v>
      </c>
      <c r="CA32" s="116">
        <v>253008</v>
      </c>
      <c r="CB32" s="110">
        <v>0</v>
      </c>
      <c r="CC32" s="114">
        <v>80101</v>
      </c>
      <c r="CD32" s="113">
        <v>80101</v>
      </c>
      <c r="CE32" s="110">
        <v>0</v>
      </c>
      <c r="CF32" s="114">
        <v>593712</v>
      </c>
      <c r="CG32" s="114">
        <v>707043</v>
      </c>
      <c r="CH32" s="114">
        <v>640710</v>
      </c>
      <c r="CI32" s="114">
        <v>372381</v>
      </c>
      <c r="CJ32" s="114">
        <v>0</v>
      </c>
      <c r="CK32" s="113">
        <v>2313846</v>
      </c>
      <c r="CL32" s="116">
        <v>2393947</v>
      </c>
      <c r="CM32" s="110">
        <v>0</v>
      </c>
      <c r="CN32" s="114">
        <v>0</v>
      </c>
      <c r="CO32" s="113">
        <v>0</v>
      </c>
      <c r="CP32" s="111">
        <v>0</v>
      </c>
      <c r="CQ32" s="114">
        <v>572995</v>
      </c>
      <c r="CR32" s="114">
        <v>452739</v>
      </c>
      <c r="CS32" s="114">
        <v>576846</v>
      </c>
      <c r="CT32" s="114">
        <v>372381</v>
      </c>
      <c r="CU32" s="114">
        <v>0</v>
      </c>
      <c r="CV32" s="113">
        <v>1974961</v>
      </c>
      <c r="CW32" s="116">
        <v>1974961</v>
      </c>
      <c r="CX32" s="110">
        <v>0</v>
      </c>
      <c r="CY32" s="114">
        <v>80101</v>
      </c>
      <c r="CZ32" s="113">
        <v>80101</v>
      </c>
      <c r="DA32" s="110">
        <v>0</v>
      </c>
      <c r="DB32" s="114">
        <v>20717</v>
      </c>
      <c r="DC32" s="114">
        <v>254304</v>
      </c>
      <c r="DD32" s="114">
        <v>63864</v>
      </c>
      <c r="DE32" s="114">
        <v>0</v>
      </c>
      <c r="DF32" s="114">
        <v>0</v>
      </c>
      <c r="DG32" s="113">
        <v>338885</v>
      </c>
      <c r="DH32" s="116">
        <v>418986</v>
      </c>
      <c r="DI32" s="110">
        <v>29792</v>
      </c>
      <c r="DJ32" s="114">
        <v>39600</v>
      </c>
      <c r="DK32" s="112">
        <v>69392</v>
      </c>
      <c r="DL32" s="111">
        <v>0</v>
      </c>
      <c r="DM32" s="114">
        <v>43322</v>
      </c>
      <c r="DN32" s="114">
        <v>0</v>
      </c>
      <c r="DO32" s="114">
        <v>138426</v>
      </c>
      <c r="DP32" s="114">
        <v>0</v>
      </c>
      <c r="DQ32" s="114">
        <v>28254</v>
      </c>
      <c r="DR32" s="113">
        <v>210002</v>
      </c>
      <c r="DS32" s="116">
        <v>279394</v>
      </c>
      <c r="DT32" s="110">
        <v>29792</v>
      </c>
      <c r="DU32" s="114">
        <v>39600</v>
      </c>
      <c r="DV32" s="113">
        <v>69392</v>
      </c>
      <c r="DW32" s="110">
        <v>0</v>
      </c>
      <c r="DX32" s="114">
        <v>26298</v>
      </c>
      <c r="DY32" s="114">
        <v>0</v>
      </c>
      <c r="DZ32" s="114">
        <v>120614</v>
      </c>
      <c r="EA32" s="114">
        <v>0</v>
      </c>
      <c r="EB32" s="114">
        <v>28254</v>
      </c>
      <c r="EC32" s="113">
        <v>175166</v>
      </c>
      <c r="ED32" s="116">
        <v>244558</v>
      </c>
      <c r="EE32" s="110">
        <v>0</v>
      </c>
      <c r="EF32" s="112">
        <v>0</v>
      </c>
      <c r="EG32" s="113">
        <v>0</v>
      </c>
      <c r="EH32" s="110">
        <v>0</v>
      </c>
      <c r="EI32" s="114">
        <v>17024</v>
      </c>
      <c r="EJ32" s="114">
        <v>0</v>
      </c>
      <c r="EK32" s="114">
        <v>17812</v>
      </c>
      <c r="EL32" s="114">
        <v>0</v>
      </c>
      <c r="EM32" s="114">
        <v>0</v>
      </c>
      <c r="EN32" s="112">
        <v>34836</v>
      </c>
      <c r="EO32" s="116">
        <v>34836</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5"/>
      <c r="FE32" s="114">
        <v>0</v>
      </c>
      <c r="FF32" s="114">
        <v>0</v>
      </c>
      <c r="FG32" s="114">
        <v>0</v>
      </c>
      <c r="FH32" s="114">
        <v>0</v>
      </c>
      <c r="FI32" s="114">
        <v>0</v>
      </c>
      <c r="FJ32" s="113">
        <v>0</v>
      </c>
      <c r="FK32" s="116">
        <v>0</v>
      </c>
      <c r="FL32" s="110">
        <v>13200</v>
      </c>
      <c r="FM32" s="114">
        <v>246320</v>
      </c>
      <c r="FN32" s="113">
        <v>259520</v>
      </c>
      <c r="FO32" s="110">
        <v>0</v>
      </c>
      <c r="FP32" s="114">
        <v>14000</v>
      </c>
      <c r="FQ32" s="114">
        <v>189448</v>
      </c>
      <c r="FR32" s="114">
        <v>196560</v>
      </c>
      <c r="FS32" s="114">
        <v>110288</v>
      </c>
      <c r="FT32" s="114">
        <v>25928</v>
      </c>
      <c r="FU32" s="113">
        <v>536224</v>
      </c>
      <c r="FV32" s="116">
        <v>795744</v>
      </c>
      <c r="FW32" s="115">
        <v>13200</v>
      </c>
      <c r="FX32" s="114">
        <v>86320</v>
      </c>
      <c r="FY32" s="112">
        <v>99520</v>
      </c>
      <c r="FZ32" s="111">
        <v>0</v>
      </c>
      <c r="GA32" s="114">
        <v>14000</v>
      </c>
      <c r="GB32" s="114">
        <v>189448</v>
      </c>
      <c r="GC32" s="114">
        <v>156080</v>
      </c>
      <c r="GD32" s="114">
        <v>110288</v>
      </c>
      <c r="GE32" s="114">
        <v>25928</v>
      </c>
      <c r="GF32" s="113">
        <v>495744</v>
      </c>
      <c r="GG32" s="316">
        <v>595264</v>
      </c>
      <c r="GH32" s="115">
        <v>0</v>
      </c>
      <c r="GI32" s="114">
        <v>0</v>
      </c>
      <c r="GJ32" s="112">
        <v>0</v>
      </c>
      <c r="GK32" s="111">
        <v>0</v>
      </c>
      <c r="GL32" s="114">
        <v>0</v>
      </c>
      <c r="GM32" s="114">
        <v>0</v>
      </c>
      <c r="GN32" s="114">
        <v>0</v>
      </c>
      <c r="GO32" s="114">
        <v>0</v>
      </c>
      <c r="GP32" s="114">
        <v>0</v>
      </c>
      <c r="GQ32" s="113">
        <v>0</v>
      </c>
      <c r="GR32" s="116">
        <v>0</v>
      </c>
      <c r="GS32" s="110">
        <v>0</v>
      </c>
      <c r="GT32" s="114">
        <v>160000</v>
      </c>
      <c r="GU32" s="113">
        <v>160000</v>
      </c>
      <c r="GV32" s="110">
        <v>0</v>
      </c>
      <c r="GW32" s="114">
        <v>0</v>
      </c>
      <c r="GX32" s="114">
        <v>0</v>
      </c>
      <c r="GY32" s="114">
        <v>40480</v>
      </c>
      <c r="GZ32" s="114">
        <v>0</v>
      </c>
      <c r="HA32" s="114">
        <v>0</v>
      </c>
      <c r="HB32" s="112">
        <v>40480</v>
      </c>
      <c r="HC32" s="116">
        <v>200480</v>
      </c>
      <c r="HD32" s="110">
        <v>50758</v>
      </c>
      <c r="HE32" s="114">
        <v>0</v>
      </c>
      <c r="HF32" s="112">
        <v>50758</v>
      </c>
      <c r="HG32" s="111">
        <v>0</v>
      </c>
      <c r="HH32" s="114">
        <v>465602</v>
      </c>
      <c r="HI32" s="114">
        <v>0</v>
      </c>
      <c r="HJ32" s="114">
        <v>0</v>
      </c>
      <c r="HK32" s="114">
        <v>619638</v>
      </c>
      <c r="HL32" s="114">
        <v>224690</v>
      </c>
      <c r="HM32" s="113">
        <v>1309930</v>
      </c>
      <c r="HN32" s="109">
        <v>1360688</v>
      </c>
      <c r="HO32" s="326"/>
      <c r="HP32" s="327"/>
      <c r="HQ32" s="328"/>
      <c r="HR32" s="329"/>
      <c r="HS32" s="327"/>
      <c r="HT32" s="327"/>
      <c r="HU32" s="327"/>
      <c r="HV32" s="327"/>
      <c r="HW32" s="327"/>
      <c r="HX32" s="330"/>
      <c r="HY32" s="331"/>
      <c r="HZ32" s="150">
        <v>0</v>
      </c>
      <c r="IA32" s="135">
        <v>0</v>
      </c>
      <c r="IB32" s="150">
        <v>0</v>
      </c>
      <c r="IC32" s="134">
        <v>0</v>
      </c>
      <c r="ID32" s="135">
        <v>126936</v>
      </c>
      <c r="IE32" s="136">
        <v>21221</v>
      </c>
      <c r="IF32" s="137">
        <v>687880</v>
      </c>
      <c r="IG32" s="135">
        <v>250448</v>
      </c>
      <c r="IH32" s="137">
        <v>260997</v>
      </c>
      <c r="II32" s="138">
        <v>1347482</v>
      </c>
      <c r="IJ32" s="150">
        <v>1347482</v>
      </c>
      <c r="IK32" s="232">
        <v>0</v>
      </c>
      <c r="IL32" s="236">
        <v>0</v>
      </c>
      <c r="IM32" s="237">
        <v>0</v>
      </c>
      <c r="IN32" s="140"/>
      <c r="IO32" s="119">
        <v>0</v>
      </c>
      <c r="IP32" s="119">
        <v>0</v>
      </c>
      <c r="IQ32" s="119">
        <v>175496</v>
      </c>
      <c r="IR32" s="119">
        <v>0</v>
      </c>
      <c r="IS32" s="119">
        <v>0</v>
      </c>
      <c r="IT32" s="141">
        <v>175496</v>
      </c>
      <c r="IU32" s="318">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0</v>
      </c>
      <c r="JL32" s="119">
        <v>21221</v>
      </c>
      <c r="JM32" s="119">
        <v>0</v>
      </c>
      <c r="JN32" s="119">
        <v>0</v>
      </c>
      <c r="JO32" s="119">
        <v>0</v>
      </c>
      <c r="JP32" s="120">
        <v>21221</v>
      </c>
      <c r="JQ32" s="318">
        <v>21221</v>
      </c>
      <c r="JR32" s="142">
        <v>0</v>
      </c>
      <c r="JS32" s="119">
        <v>0</v>
      </c>
      <c r="JT32" s="141">
        <v>0</v>
      </c>
      <c r="JU32" s="118">
        <v>0</v>
      </c>
      <c r="JV32" s="119">
        <v>126936</v>
      </c>
      <c r="JW32" s="119">
        <v>0</v>
      </c>
      <c r="JX32" s="119">
        <v>47056</v>
      </c>
      <c r="JY32" s="119">
        <v>250448</v>
      </c>
      <c r="JZ32" s="119">
        <v>0</v>
      </c>
      <c r="KA32" s="120">
        <v>424440</v>
      </c>
      <c r="KB32" s="318">
        <v>424440</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242774</v>
      </c>
      <c r="KU32" s="119">
        <v>0</v>
      </c>
      <c r="KV32" s="119">
        <v>0</v>
      </c>
      <c r="KW32" s="120">
        <v>242774</v>
      </c>
      <c r="KX32" s="318">
        <v>242774</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22554</v>
      </c>
      <c r="LQ32" s="119">
        <v>0</v>
      </c>
      <c r="LR32" s="119">
        <v>260997</v>
      </c>
      <c r="LS32" s="120">
        <v>483551</v>
      </c>
      <c r="LT32" s="318">
        <v>483551</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120585</v>
      </c>
      <c r="MK32" s="119">
        <v>707953</v>
      </c>
      <c r="ML32" s="119">
        <v>883941</v>
      </c>
      <c r="MM32" s="119">
        <v>1373395</v>
      </c>
      <c r="MN32" s="119">
        <v>0</v>
      </c>
      <c r="MO32" s="120">
        <v>3085874</v>
      </c>
      <c r="MP32" s="143">
        <v>3085874</v>
      </c>
      <c r="MQ32" s="142">
        <v>0</v>
      </c>
      <c r="MR32" s="119">
        <v>0</v>
      </c>
      <c r="MS32" s="120">
        <v>0</v>
      </c>
      <c r="MT32" s="145"/>
      <c r="MU32" s="119">
        <v>0</v>
      </c>
      <c r="MV32" s="119">
        <v>227048</v>
      </c>
      <c r="MW32" s="119">
        <v>0</v>
      </c>
      <c r="MX32" s="119">
        <v>495444</v>
      </c>
      <c r="MY32" s="119">
        <v>0</v>
      </c>
      <c r="MZ32" s="120">
        <v>722492</v>
      </c>
      <c r="NA32" s="143">
        <v>722492</v>
      </c>
      <c r="NB32" s="142">
        <v>0</v>
      </c>
      <c r="NC32" s="119">
        <v>0</v>
      </c>
      <c r="ND32" s="120">
        <v>0</v>
      </c>
      <c r="NE32" s="145"/>
      <c r="NF32" s="119">
        <v>120585</v>
      </c>
      <c r="NG32" s="119">
        <v>480905</v>
      </c>
      <c r="NH32" s="119">
        <v>883941</v>
      </c>
      <c r="NI32" s="119">
        <v>528236</v>
      </c>
      <c r="NJ32" s="119">
        <v>0</v>
      </c>
      <c r="NK32" s="120">
        <v>2013667</v>
      </c>
      <c r="NL32" s="318">
        <v>2013667</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49715</v>
      </c>
      <c r="OF32" s="119">
        <v>0</v>
      </c>
      <c r="OG32" s="120">
        <v>349715</v>
      </c>
      <c r="OH32" s="121">
        <v>349715</v>
      </c>
      <c r="OI32" s="142">
        <v>129737</v>
      </c>
      <c r="OJ32" s="119">
        <v>481096</v>
      </c>
      <c r="OK32" s="141">
        <v>610833</v>
      </c>
      <c r="OL32" s="118">
        <v>0</v>
      </c>
      <c r="OM32" s="119">
        <v>1546127</v>
      </c>
      <c r="ON32" s="119">
        <v>1997973</v>
      </c>
      <c r="OO32" s="119">
        <v>2955628</v>
      </c>
      <c r="OP32" s="119">
        <v>3673226</v>
      </c>
      <c r="OQ32" s="119">
        <v>1022475</v>
      </c>
      <c r="OR32" s="120">
        <v>11195429</v>
      </c>
      <c r="OS32" s="143">
        <v>11806262</v>
      </c>
    </row>
    <row r="33" spans="2:409" ht="21" customHeight="1" x14ac:dyDescent="0.2">
      <c r="B33" s="126" t="s">
        <v>28</v>
      </c>
      <c r="C33" s="110">
        <v>15488</v>
      </c>
      <c r="D33" s="114">
        <v>46281</v>
      </c>
      <c r="E33" s="113">
        <v>61769</v>
      </c>
      <c r="F33" s="109">
        <v>0</v>
      </c>
      <c r="G33" s="114">
        <v>417692</v>
      </c>
      <c r="H33" s="114">
        <v>124744</v>
      </c>
      <c r="I33" s="114">
        <v>218589</v>
      </c>
      <c r="J33" s="114">
        <v>421743</v>
      </c>
      <c r="K33" s="114">
        <v>135469</v>
      </c>
      <c r="L33" s="173">
        <v>1318237</v>
      </c>
      <c r="M33" s="116">
        <v>1380006</v>
      </c>
      <c r="N33" s="110">
        <v>0</v>
      </c>
      <c r="O33" s="114">
        <v>0</v>
      </c>
      <c r="P33" s="113">
        <v>0</v>
      </c>
      <c r="Q33" s="110">
        <v>0</v>
      </c>
      <c r="R33" s="114">
        <v>50190</v>
      </c>
      <c r="S33" s="114">
        <v>48459</v>
      </c>
      <c r="T33" s="114">
        <v>0</v>
      </c>
      <c r="U33" s="114">
        <v>214975</v>
      </c>
      <c r="V33" s="114">
        <v>9568</v>
      </c>
      <c r="W33" s="113">
        <v>323192</v>
      </c>
      <c r="X33" s="116">
        <v>323192</v>
      </c>
      <c r="Y33" s="110">
        <v>0</v>
      </c>
      <c r="Z33" s="114">
        <v>0</v>
      </c>
      <c r="AA33" s="113">
        <v>0</v>
      </c>
      <c r="AB33" s="110">
        <v>0</v>
      </c>
      <c r="AC33" s="114">
        <v>46046</v>
      </c>
      <c r="AD33" s="114">
        <v>0</v>
      </c>
      <c r="AE33" s="114">
        <v>0</v>
      </c>
      <c r="AF33" s="114">
        <v>136144</v>
      </c>
      <c r="AG33" s="114">
        <v>0</v>
      </c>
      <c r="AH33" s="113">
        <v>182190</v>
      </c>
      <c r="AI33" s="116">
        <v>182190</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26515</v>
      </c>
      <c r="BA33" s="114">
        <v>0</v>
      </c>
      <c r="BB33" s="114">
        <v>59735</v>
      </c>
      <c r="BC33" s="114">
        <v>0</v>
      </c>
      <c r="BD33" s="113">
        <v>86250</v>
      </c>
      <c r="BE33" s="116">
        <v>86250</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4144</v>
      </c>
      <c r="BV33" s="114">
        <v>21944</v>
      </c>
      <c r="BW33" s="114">
        <v>0</v>
      </c>
      <c r="BX33" s="114">
        <v>19096</v>
      </c>
      <c r="BY33" s="114">
        <v>9568</v>
      </c>
      <c r="BZ33" s="113">
        <v>54752</v>
      </c>
      <c r="CA33" s="116">
        <v>54752</v>
      </c>
      <c r="CB33" s="110">
        <v>0</v>
      </c>
      <c r="CC33" s="114">
        <v>39881</v>
      </c>
      <c r="CD33" s="113">
        <v>39881</v>
      </c>
      <c r="CE33" s="110">
        <v>0</v>
      </c>
      <c r="CF33" s="114">
        <v>207016</v>
      </c>
      <c r="CG33" s="114">
        <v>29149</v>
      </c>
      <c r="CH33" s="114">
        <v>0</v>
      </c>
      <c r="CI33" s="114">
        <v>0</v>
      </c>
      <c r="CJ33" s="114">
        <v>0</v>
      </c>
      <c r="CK33" s="113">
        <v>236165</v>
      </c>
      <c r="CL33" s="116">
        <v>276046</v>
      </c>
      <c r="CM33" s="110">
        <v>0</v>
      </c>
      <c r="CN33" s="114">
        <v>0</v>
      </c>
      <c r="CO33" s="113">
        <v>0</v>
      </c>
      <c r="CP33" s="111">
        <v>0</v>
      </c>
      <c r="CQ33" s="114">
        <v>207016</v>
      </c>
      <c r="CR33" s="114">
        <v>29149</v>
      </c>
      <c r="CS33" s="114">
        <v>0</v>
      </c>
      <c r="CT33" s="114">
        <v>0</v>
      </c>
      <c r="CU33" s="114">
        <v>0</v>
      </c>
      <c r="CV33" s="113">
        <v>236165</v>
      </c>
      <c r="CW33" s="116">
        <v>236165</v>
      </c>
      <c r="CX33" s="110">
        <v>0</v>
      </c>
      <c r="CY33" s="114">
        <v>39881</v>
      </c>
      <c r="CZ33" s="113">
        <v>39881</v>
      </c>
      <c r="DA33" s="110">
        <v>0</v>
      </c>
      <c r="DB33" s="114">
        <v>0</v>
      </c>
      <c r="DC33" s="114">
        <v>0</v>
      </c>
      <c r="DD33" s="114">
        <v>0</v>
      </c>
      <c r="DE33" s="114">
        <v>0</v>
      </c>
      <c r="DF33" s="114">
        <v>0</v>
      </c>
      <c r="DG33" s="113">
        <v>0</v>
      </c>
      <c r="DH33" s="116">
        <v>39881</v>
      </c>
      <c r="DI33" s="110">
        <v>0</v>
      </c>
      <c r="DJ33" s="114">
        <v>0</v>
      </c>
      <c r="DK33" s="112">
        <v>0</v>
      </c>
      <c r="DL33" s="111">
        <v>0</v>
      </c>
      <c r="DM33" s="114">
        <v>0</v>
      </c>
      <c r="DN33" s="114">
        <v>0</v>
      </c>
      <c r="DO33" s="114">
        <v>201989</v>
      </c>
      <c r="DP33" s="114">
        <v>0</v>
      </c>
      <c r="DQ33" s="114">
        <v>125901</v>
      </c>
      <c r="DR33" s="113">
        <v>327890</v>
      </c>
      <c r="DS33" s="116">
        <v>327890</v>
      </c>
      <c r="DT33" s="110">
        <v>0</v>
      </c>
      <c r="DU33" s="114">
        <v>0</v>
      </c>
      <c r="DV33" s="113">
        <v>0</v>
      </c>
      <c r="DW33" s="110">
        <v>0</v>
      </c>
      <c r="DX33" s="114">
        <v>0</v>
      </c>
      <c r="DY33" s="114">
        <v>0</v>
      </c>
      <c r="DZ33" s="114">
        <v>0</v>
      </c>
      <c r="EA33" s="114">
        <v>0</v>
      </c>
      <c r="EB33" s="114">
        <v>125901</v>
      </c>
      <c r="EC33" s="113">
        <v>125901</v>
      </c>
      <c r="ED33" s="116">
        <v>125901</v>
      </c>
      <c r="EE33" s="110">
        <v>0</v>
      </c>
      <c r="EF33" s="112">
        <v>0</v>
      </c>
      <c r="EG33" s="113">
        <v>0</v>
      </c>
      <c r="EH33" s="110">
        <v>0</v>
      </c>
      <c r="EI33" s="114">
        <v>0</v>
      </c>
      <c r="EJ33" s="114">
        <v>0</v>
      </c>
      <c r="EK33" s="114">
        <v>201989</v>
      </c>
      <c r="EL33" s="114">
        <v>0</v>
      </c>
      <c r="EM33" s="114">
        <v>0</v>
      </c>
      <c r="EN33" s="112">
        <v>201989</v>
      </c>
      <c r="EO33" s="116">
        <v>201989</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5"/>
      <c r="FE33" s="114">
        <v>0</v>
      </c>
      <c r="FF33" s="114">
        <v>0</v>
      </c>
      <c r="FG33" s="114">
        <v>0</v>
      </c>
      <c r="FH33" s="114">
        <v>0</v>
      </c>
      <c r="FI33" s="114">
        <v>0</v>
      </c>
      <c r="FJ33" s="113">
        <v>0</v>
      </c>
      <c r="FK33" s="116">
        <v>0</v>
      </c>
      <c r="FL33" s="110">
        <v>15488</v>
      </c>
      <c r="FM33" s="114">
        <v>6400</v>
      </c>
      <c r="FN33" s="113">
        <v>21888</v>
      </c>
      <c r="FO33" s="110">
        <v>0</v>
      </c>
      <c r="FP33" s="114">
        <v>9600</v>
      </c>
      <c r="FQ33" s="114">
        <v>47136</v>
      </c>
      <c r="FR33" s="114">
        <v>16600</v>
      </c>
      <c r="FS33" s="114">
        <v>0</v>
      </c>
      <c r="FT33" s="114">
        <v>0</v>
      </c>
      <c r="FU33" s="113">
        <v>73336</v>
      </c>
      <c r="FV33" s="116">
        <v>95224</v>
      </c>
      <c r="FW33" s="115">
        <v>0</v>
      </c>
      <c r="FX33" s="114">
        <v>6400</v>
      </c>
      <c r="FY33" s="112">
        <v>6400</v>
      </c>
      <c r="FZ33" s="111">
        <v>0</v>
      </c>
      <c r="GA33" s="114">
        <v>9600</v>
      </c>
      <c r="GB33" s="114">
        <v>47136</v>
      </c>
      <c r="GC33" s="114">
        <v>16600</v>
      </c>
      <c r="GD33" s="114">
        <v>0</v>
      </c>
      <c r="GE33" s="114">
        <v>0</v>
      </c>
      <c r="GF33" s="113">
        <v>73336</v>
      </c>
      <c r="GG33" s="316">
        <v>79736</v>
      </c>
      <c r="GH33" s="115">
        <v>15488</v>
      </c>
      <c r="GI33" s="114">
        <v>0</v>
      </c>
      <c r="GJ33" s="112">
        <v>15488</v>
      </c>
      <c r="GK33" s="111">
        <v>0</v>
      </c>
      <c r="GL33" s="114">
        <v>0</v>
      </c>
      <c r="GM33" s="114">
        <v>0</v>
      </c>
      <c r="GN33" s="114">
        <v>0</v>
      </c>
      <c r="GO33" s="114">
        <v>0</v>
      </c>
      <c r="GP33" s="114">
        <v>0</v>
      </c>
      <c r="GQ33" s="113">
        <v>0</v>
      </c>
      <c r="GR33" s="116">
        <v>15488</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50886</v>
      </c>
      <c r="HI33" s="114">
        <v>0</v>
      </c>
      <c r="HJ33" s="114">
        <v>0</v>
      </c>
      <c r="HK33" s="114">
        <v>206768</v>
      </c>
      <c r="HL33" s="114">
        <v>0</v>
      </c>
      <c r="HM33" s="113">
        <v>357654</v>
      </c>
      <c r="HN33" s="109">
        <v>357654</v>
      </c>
      <c r="HO33" s="326"/>
      <c r="HP33" s="327"/>
      <c r="HQ33" s="328"/>
      <c r="HR33" s="329"/>
      <c r="HS33" s="327"/>
      <c r="HT33" s="327"/>
      <c r="HU33" s="327"/>
      <c r="HV33" s="327"/>
      <c r="HW33" s="327"/>
      <c r="HX33" s="330"/>
      <c r="HY33" s="331"/>
      <c r="HZ33" s="131">
        <v>0</v>
      </c>
      <c r="IA33" s="132">
        <v>0</v>
      </c>
      <c r="IB33" s="133">
        <v>0</v>
      </c>
      <c r="IC33" s="146">
        <v>0</v>
      </c>
      <c r="ID33" s="132">
        <v>98184</v>
      </c>
      <c r="IE33" s="147">
        <v>4936</v>
      </c>
      <c r="IF33" s="133">
        <v>0</v>
      </c>
      <c r="IG33" s="132">
        <v>0</v>
      </c>
      <c r="IH33" s="133">
        <v>435840</v>
      </c>
      <c r="II33" s="148">
        <v>538960</v>
      </c>
      <c r="IJ33" s="139">
        <v>538960</v>
      </c>
      <c r="IK33" s="232">
        <v>0</v>
      </c>
      <c r="IL33" s="236">
        <v>0</v>
      </c>
      <c r="IM33" s="237">
        <v>0</v>
      </c>
      <c r="IN33" s="140"/>
      <c r="IO33" s="119">
        <v>0</v>
      </c>
      <c r="IP33" s="119">
        <v>0</v>
      </c>
      <c r="IQ33" s="119">
        <v>0</v>
      </c>
      <c r="IR33" s="119">
        <v>0</v>
      </c>
      <c r="IS33" s="119">
        <v>0</v>
      </c>
      <c r="IT33" s="141">
        <v>0</v>
      </c>
      <c r="IU33" s="318">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98184</v>
      </c>
      <c r="JL33" s="119">
        <v>4936</v>
      </c>
      <c r="JM33" s="119">
        <v>0</v>
      </c>
      <c r="JN33" s="119">
        <v>0</v>
      </c>
      <c r="JO33" s="119">
        <v>0</v>
      </c>
      <c r="JP33" s="120">
        <v>103120</v>
      </c>
      <c r="JQ33" s="318">
        <v>103120</v>
      </c>
      <c r="JR33" s="142">
        <v>0</v>
      </c>
      <c r="JS33" s="119">
        <v>0</v>
      </c>
      <c r="JT33" s="141">
        <v>0</v>
      </c>
      <c r="JU33" s="118">
        <v>0</v>
      </c>
      <c r="JV33" s="119">
        <v>0</v>
      </c>
      <c r="JW33" s="119">
        <v>0</v>
      </c>
      <c r="JX33" s="119">
        <v>0</v>
      </c>
      <c r="JY33" s="119">
        <v>0</v>
      </c>
      <c r="JZ33" s="119">
        <v>0</v>
      </c>
      <c r="KA33" s="120">
        <v>0</v>
      </c>
      <c r="KB33" s="318">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435840</v>
      </c>
      <c r="KW33" s="120">
        <v>435840</v>
      </c>
      <c r="KX33" s="318">
        <v>43584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18">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10496</v>
      </c>
      <c r="ML33" s="119">
        <v>106142</v>
      </c>
      <c r="MM33" s="119">
        <v>762238</v>
      </c>
      <c r="MN33" s="119">
        <v>0</v>
      </c>
      <c r="MO33" s="120">
        <v>1078876</v>
      </c>
      <c r="MP33" s="143">
        <v>1078876</v>
      </c>
      <c r="MQ33" s="142">
        <v>0</v>
      </c>
      <c r="MR33" s="119">
        <v>0</v>
      </c>
      <c r="MS33" s="120">
        <v>0</v>
      </c>
      <c r="MT33" s="145"/>
      <c r="MU33" s="119">
        <v>0</v>
      </c>
      <c r="MV33" s="119">
        <v>0</v>
      </c>
      <c r="MW33" s="119">
        <v>0</v>
      </c>
      <c r="MX33" s="119">
        <v>221704</v>
      </c>
      <c r="MY33" s="119">
        <v>0</v>
      </c>
      <c r="MZ33" s="120">
        <v>221704</v>
      </c>
      <c r="NA33" s="143">
        <v>221704</v>
      </c>
      <c r="NB33" s="142">
        <v>0</v>
      </c>
      <c r="NC33" s="119">
        <v>0</v>
      </c>
      <c r="ND33" s="120">
        <v>0</v>
      </c>
      <c r="NE33" s="145"/>
      <c r="NF33" s="119">
        <v>0</v>
      </c>
      <c r="NG33" s="119">
        <v>210496</v>
      </c>
      <c r="NH33" s="119">
        <v>106142</v>
      </c>
      <c r="NI33" s="119">
        <v>540534</v>
      </c>
      <c r="NJ33" s="119">
        <v>0</v>
      </c>
      <c r="NK33" s="120">
        <v>857172</v>
      </c>
      <c r="NL33" s="318">
        <v>857172</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5488</v>
      </c>
      <c r="OJ33" s="119">
        <v>46281</v>
      </c>
      <c r="OK33" s="141">
        <v>61769</v>
      </c>
      <c r="OL33" s="118">
        <v>0</v>
      </c>
      <c r="OM33" s="119">
        <v>515876</v>
      </c>
      <c r="ON33" s="119">
        <v>340176</v>
      </c>
      <c r="OO33" s="119">
        <v>324731</v>
      </c>
      <c r="OP33" s="119">
        <v>1183981</v>
      </c>
      <c r="OQ33" s="119">
        <v>571309</v>
      </c>
      <c r="OR33" s="120">
        <v>2936073</v>
      </c>
      <c r="OS33" s="143">
        <v>2997842</v>
      </c>
    </row>
    <row r="34" spans="2:409" ht="21" customHeight="1" x14ac:dyDescent="0.2">
      <c r="B34" s="126" t="s">
        <v>29</v>
      </c>
      <c r="C34" s="110">
        <v>64072</v>
      </c>
      <c r="D34" s="114">
        <v>13888</v>
      </c>
      <c r="E34" s="113">
        <v>77960</v>
      </c>
      <c r="F34" s="109">
        <v>0</v>
      </c>
      <c r="G34" s="114">
        <v>115550</v>
      </c>
      <c r="H34" s="114">
        <v>983294</v>
      </c>
      <c r="I34" s="114">
        <v>106257</v>
      </c>
      <c r="J34" s="114">
        <v>252926</v>
      </c>
      <c r="K34" s="114">
        <v>211161</v>
      </c>
      <c r="L34" s="173">
        <v>1669188</v>
      </c>
      <c r="M34" s="116">
        <v>1747148</v>
      </c>
      <c r="N34" s="110">
        <v>0</v>
      </c>
      <c r="O34" s="114">
        <v>13888</v>
      </c>
      <c r="P34" s="113">
        <v>13888</v>
      </c>
      <c r="Q34" s="110">
        <v>0</v>
      </c>
      <c r="R34" s="114">
        <v>-115676</v>
      </c>
      <c r="S34" s="114">
        <v>212370</v>
      </c>
      <c r="T34" s="114">
        <v>14032</v>
      </c>
      <c r="U34" s="114">
        <v>25616</v>
      </c>
      <c r="V34" s="114">
        <v>42320</v>
      </c>
      <c r="W34" s="113">
        <v>178662</v>
      </c>
      <c r="X34" s="116">
        <v>192550</v>
      </c>
      <c r="Y34" s="110">
        <v>0</v>
      </c>
      <c r="Z34" s="114">
        <v>0</v>
      </c>
      <c r="AA34" s="113">
        <v>0</v>
      </c>
      <c r="AB34" s="110">
        <v>0</v>
      </c>
      <c r="AC34" s="114">
        <v>0</v>
      </c>
      <c r="AD34" s="114">
        <v>105346</v>
      </c>
      <c r="AE34" s="114">
        <v>0</v>
      </c>
      <c r="AF34" s="114">
        <v>21472</v>
      </c>
      <c r="AG34" s="114">
        <v>0</v>
      </c>
      <c r="AH34" s="113">
        <v>126818</v>
      </c>
      <c r="AI34" s="116">
        <v>126818</v>
      </c>
      <c r="AJ34" s="110">
        <v>0</v>
      </c>
      <c r="AK34" s="114">
        <v>0</v>
      </c>
      <c r="AL34" s="113">
        <v>0</v>
      </c>
      <c r="AM34" s="110">
        <v>0</v>
      </c>
      <c r="AN34" s="114">
        <v>0</v>
      </c>
      <c r="AO34" s="114">
        <v>0</v>
      </c>
      <c r="AP34" s="114">
        <v>0</v>
      </c>
      <c r="AQ34" s="114">
        <v>0</v>
      </c>
      <c r="AR34" s="114">
        <v>32784</v>
      </c>
      <c r="AS34" s="113">
        <v>32784</v>
      </c>
      <c r="AT34" s="116">
        <v>32784</v>
      </c>
      <c r="AU34" s="110">
        <v>0</v>
      </c>
      <c r="AV34" s="114">
        <v>13888</v>
      </c>
      <c r="AW34" s="113">
        <v>13888</v>
      </c>
      <c r="AX34" s="110">
        <v>0</v>
      </c>
      <c r="AY34" s="114">
        <v>0</v>
      </c>
      <c r="AZ34" s="114">
        <v>30272</v>
      </c>
      <c r="BA34" s="114">
        <v>0</v>
      </c>
      <c r="BB34" s="114">
        <v>0</v>
      </c>
      <c r="BC34" s="114">
        <v>0</v>
      </c>
      <c r="BD34" s="113">
        <v>30272</v>
      </c>
      <c r="BE34" s="116">
        <v>44160</v>
      </c>
      <c r="BF34" s="110">
        <v>0</v>
      </c>
      <c r="BG34" s="114">
        <v>0</v>
      </c>
      <c r="BH34" s="112">
        <v>0</v>
      </c>
      <c r="BI34" s="111">
        <v>0</v>
      </c>
      <c r="BJ34" s="114">
        <v>-115676</v>
      </c>
      <c r="BK34" s="114">
        <v>30592</v>
      </c>
      <c r="BL34" s="114">
        <v>0</v>
      </c>
      <c r="BM34" s="114">
        <v>0</v>
      </c>
      <c r="BN34" s="114">
        <v>0</v>
      </c>
      <c r="BO34" s="113">
        <v>-85084</v>
      </c>
      <c r="BP34" s="116">
        <v>-85084</v>
      </c>
      <c r="BQ34" s="110">
        <v>0</v>
      </c>
      <c r="BR34" s="114">
        <v>0</v>
      </c>
      <c r="BS34" s="113">
        <v>0</v>
      </c>
      <c r="BT34" s="110">
        <v>0</v>
      </c>
      <c r="BU34" s="114">
        <v>0</v>
      </c>
      <c r="BV34" s="114">
        <v>46160</v>
      </c>
      <c r="BW34" s="114">
        <v>14032</v>
      </c>
      <c r="BX34" s="114">
        <v>4144</v>
      </c>
      <c r="BY34" s="114">
        <v>9536</v>
      </c>
      <c r="BZ34" s="113">
        <v>73872</v>
      </c>
      <c r="CA34" s="116">
        <v>73872</v>
      </c>
      <c r="CB34" s="110">
        <v>0</v>
      </c>
      <c r="CC34" s="114">
        <v>0</v>
      </c>
      <c r="CD34" s="113">
        <v>0</v>
      </c>
      <c r="CE34" s="110">
        <v>0</v>
      </c>
      <c r="CF34" s="114">
        <v>209824</v>
      </c>
      <c r="CG34" s="114">
        <v>351514</v>
      </c>
      <c r="CH34" s="114">
        <v>22104</v>
      </c>
      <c r="CI34" s="114">
        <v>0</v>
      </c>
      <c r="CJ34" s="114">
        <v>0</v>
      </c>
      <c r="CK34" s="113">
        <v>583442</v>
      </c>
      <c r="CL34" s="116">
        <v>583442</v>
      </c>
      <c r="CM34" s="110">
        <v>0</v>
      </c>
      <c r="CN34" s="114">
        <v>0</v>
      </c>
      <c r="CO34" s="113">
        <v>0</v>
      </c>
      <c r="CP34" s="111">
        <v>0</v>
      </c>
      <c r="CQ34" s="114">
        <v>209824</v>
      </c>
      <c r="CR34" s="114">
        <v>351514</v>
      </c>
      <c r="CS34" s="114">
        <v>22104</v>
      </c>
      <c r="CT34" s="114">
        <v>0</v>
      </c>
      <c r="CU34" s="114">
        <v>0</v>
      </c>
      <c r="CV34" s="113">
        <v>583442</v>
      </c>
      <c r="CW34" s="116">
        <v>583442</v>
      </c>
      <c r="CX34" s="110">
        <v>0</v>
      </c>
      <c r="CY34" s="114">
        <v>0</v>
      </c>
      <c r="CZ34" s="113">
        <v>0</v>
      </c>
      <c r="DA34" s="110">
        <v>0</v>
      </c>
      <c r="DB34" s="114">
        <v>0</v>
      </c>
      <c r="DC34" s="114">
        <v>0</v>
      </c>
      <c r="DD34" s="114">
        <v>0</v>
      </c>
      <c r="DE34" s="114">
        <v>0</v>
      </c>
      <c r="DF34" s="114">
        <v>0</v>
      </c>
      <c r="DG34" s="113">
        <v>0</v>
      </c>
      <c r="DH34" s="116">
        <v>0</v>
      </c>
      <c r="DI34" s="110">
        <v>0</v>
      </c>
      <c r="DJ34" s="114">
        <v>0</v>
      </c>
      <c r="DK34" s="112">
        <v>0</v>
      </c>
      <c r="DL34" s="111">
        <v>0</v>
      </c>
      <c r="DM34" s="114">
        <v>15002</v>
      </c>
      <c r="DN34" s="114">
        <v>0</v>
      </c>
      <c r="DO34" s="114">
        <v>63561</v>
      </c>
      <c r="DP34" s="114">
        <v>0</v>
      </c>
      <c r="DQ34" s="114">
        <v>116201</v>
      </c>
      <c r="DR34" s="113">
        <v>194764</v>
      </c>
      <c r="DS34" s="116">
        <v>194764</v>
      </c>
      <c r="DT34" s="110">
        <v>0</v>
      </c>
      <c r="DU34" s="114">
        <v>0</v>
      </c>
      <c r="DV34" s="113">
        <v>0</v>
      </c>
      <c r="DW34" s="110">
        <v>0</v>
      </c>
      <c r="DX34" s="114">
        <v>15002</v>
      </c>
      <c r="DY34" s="114">
        <v>0</v>
      </c>
      <c r="DZ34" s="114">
        <v>63561</v>
      </c>
      <c r="EA34" s="114">
        <v>0</v>
      </c>
      <c r="EB34" s="114">
        <v>73487</v>
      </c>
      <c r="EC34" s="113">
        <v>152050</v>
      </c>
      <c r="ED34" s="116">
        <v>152050</v>
      </c>
      <c r="EE34" s="110">
        <v>0</v>
      </c>
      <c r="EF34" s="112">
        <v>0</v>
      </c>
      <c r="EG34" s="113">
        <v>0</v>
      </c>
      <c r="EH34" s="110">
        <v>0</v>
      </c>
      <c r="EI34" s="114">
        <v>0</v>
      </c>
      <c r="EJ34" s="114">
        <v>0</v>
      </c>
      <c r="EK34" s="114">
        <v>0</v>
      </c>
      <c r="EL34" s="114">
        <v>0</v>
      </c>
      <c r="EM34" s="114">
        <v>42714</v>
      </c>
      <c r="EN34" s="112">
        <v>42714</v>
      </c>
      <c r="EO34" s="116">
        <v>42714</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5"/>
      <c r="FE34" s="114">
        <v>0</v>
      </c>
      <c r="FF34" s="114">
        <v>0</v>
      </c>
      <c r="FG34" s="114">
        <v>0</v>
      </c>
      <c r="FH34" s="114">
        <v>0</v>
      </c>
      <c r="FI34" s="114">
        <v>0</v>
      </c>
      <c r="FJ34" s="113">
        <v>0</v>
      </c>
      <c r="FK34" s="116">
        <v>0</v>
      </c>
      <c r="FL34" s="110">
        <v>13680</v>
      </c>
      <c r="FM34" s="114">
        <v>0</v>
      </c>
      <c r="FN34" s="113">
        <v>13680</v>
      </c>
      <c r="FO34" s="110">
        <v>0</v>
      </c>
      <c r="FP34" s="114">
        <v>6400</v>
      </c>
      <c r="FQ34" s="114">
        <v>59472</v>
      </c>
      <c r="FR34" s="114">
        <v>6560</v>
      </c>
      <c r="FS34" s="114">
        <v>17600</v>
      </c>
      <c r="FT34" s="114">
        <v>52640</v>
      </c>
      <c r="FU34" s="113">
        <v>142672</v>
      </c>
      <c r="FV34" s="116">
        <v>156352</v>
      </c>
      <c r="FW34" s="115">
        <v>13680</v>
      </c>
      <c r="FX34" s="114">
        <v>0</v>
      </c>
      <c r="FY34" s="112">
        <v>13680</v>
      </c>
      <c r="FZ34" s="111">
        <v>0</v>
      </c>
      <c r="GA34" s="114">
        <v>6400</v>
      </c>
      <c r="GB34" s="114">
        <v>59472</v>
      </c>
      <c r="GC34" s="114">
        <v>6560</v>
      </c>
      <c r="GD34" s="114">
        <v>17600</v>
      </c>
      <c r="GE34" s="114">
        <v>52640</v>
      </c>
      <c r="GF34" s="113">
        <v>142672</v>
      </c>
      <c r="GG34" s="316">
        <v>156352</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50392</v>
      </c>
      <c r="HE34" s="114">
        <v>0</v>
      </c>
      <c r="HF34" s="112">
        <v>50392</v>
      </c>
      <c r="HG34" s="111">
        <v>0</v>
      </c>
      <c r="HH34" s="114">
        <v>0</v>
      </c>
      <c r="HI34" s="114">
        <v>359938</v>
      </c>
      <c r="HJ34" s="114">
        <v>0</v>
      </c>
      <c r="HK34" s="114">
        <v>209710</v>
      </c>
      <c r="HL34" s="114">
        <v>0</v>
      </c>
      <c r="HM34" s="113">
        <v>569648</v>
      </c>
      <c r="HN34" s="109">
        <v>620040</v>
      </c>
      <c r="HO34" s="326"/>
      <c r="HP34" s="327"/>
      <c r="HQ34" s="328"/>
      <c r="HR34" s="329"/>
      <c r="HS34" s="327"/>
      <c r="HT34" s="327"/>
      <c r="HU34" s="327"/>
      <c r="HV34" s="327"/>
      <c r="HW34" s="327"/>
      <c r="HX34" s="330"/>
      <c r="HY34" s="331"/>
      <c r="HZ34" s="150">
        <v>0</v>
      </c>
      <c r="IA34" s="135">
        <v>0</v>
      </c>
      <c r="IB34" s="150">
        <v>0</v>
      </c>
      <c r="IC34" s="134">
        <v>0</v>
      </c>
      <c r="ID34" s="135">
        <v>106672</v>
      </c>
      <c r="IE34" s="136">
        <v>67952</v>
      </c>
      <c r="IF34" s="137">
        <v>0</v>
      </c>
      <c r="IG34" s="135">
        <v>251416</v>
      </c>
      <c r="IH34" s="137">
        <v>0</v>
      </c>
      <c r="II34" s="138">
        <v>426040</v>
      </c>
      <c r="IJ34" s="150">
        <v>426040</v>
      </c>
      <c r="IK34" s="232">
        <v>0</v>
      </c>
      <c r="IL34" s="236">
        <v>0</v>
      </c>
      <c r="IM34" s="237">
        <v>0</v>
      </c>
      <c r="IN34" s="140"/>
      <c r="IO34" s="119">
        <v>0</v>
      </c>
      <c r="IP34" s="119">
        <v>0</v>
      </c>
      <c r="IQ34" s="119">
        <v>0</v>
      </c>
      <c r="IR34" s="119">
        <v>0</v>
      </c>
      <c r="IS34" s="119">
        <v>0</v>
      </c>
      <c r="IT34" s="141">
        <v>0</v>
      </c>
      <c r="IU34" s="318">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6672</v>
      </c>
      <c r="JL34" s="119">
        <v>67952</v>
      </c>
      <c r="JM34" s="119">
        <v>0</v>
      </c>
      <c r="JN34" s="119">
        <v>0</v>
      </c>
      <c r="JO34" s="119">
        <v>0</v>
      </c>
      <c r="JP34" s="120">
        <v>174624</v>
      </c>
      <c r="JQ34" s="318">
        <v>174624</v>
      </c>
      <c r="JR34" s="142">
        <v>0</v>
      </c>
      <c r="JS34" s="119">
        <v>0</v>
      </c>
      <c r="JT34" s="141">
        <v>0</v>
      </c>
      <c r="JU34" s="118">
        <v>0</v>
      </c>
      <c r="JV34" s="119">
        <v>0</v>
      </c>
      <c r="JW34" s="119">
        <v>0</v>
      </c>
      <c r="JX34" s="119">
        <v>0</v>
      </c>
      <c r="JY34" s="119">
        <v>0</v>
      </c>
      <c r="JZ34" s="119">
        <v>0</v>
      </c>
      <c r="KA34" s="120">
        <v>0</v>
      </c>
      <c r="KB34" s="318">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18">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51416</v>
      </c>
      <c r="LR34" s="119">
        <v>0</v>
      </c>
      <c r="LS34" s="120">
        <v>251416</v>
      </c>
      <c r="LT34" s="318">
        <v>251416</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44624</v>
      </c>
      <c r="MN34" s="119">
        <v>0</v>
      </c>
      <c r="MO34" s="120">
        <v>44624</v>
      </c>
      <c r="MP34" s="143">
        <v>44624</v>
      </c>
      <c r="MQ34" s="142">
        <v>0</v>
      </c>
      <c r="MR34" s="119">
        <v>0</v>
      </c>
      <c r="MS34" s="120">
        <v>0</v>
      </c>
      <c r="MT34" s="145"/>
      <c r="MU34" s="119">
        <v>0</v>
      </c>
      <c r="MV34" s="119">
        <v>0</v>
      </c>
      <c r="MW34" s="119">
        <v>0</v>
      </c>
      <c r="MX34" s="119">
        <v>44624</v>
      </c>
      <c r="MY34" s="119">
        <v>0</v>
      </c>
      <c r="MZ34" s="120">
        <v>44624</v>
      </c>
      <c r="NA34" s="143">
        <v>44624</v>
      </c>
      <c r="NB34" s="142">
        <v>0</v>
      </c>
      <c r="NC34" s="119">
        <v>0</v>
      </c>
      <c r="ND34" s="120">
        <v>0</v>
      </c>
      <c r="NE34" s="145"/>
      <c r="NF34" s="119">
        <v>0</v>
      </c>
      <c r="NG34" s="119">
        <v>0</v>
      </c>
      <c r="NH34" s="119">
        <v>0</v>
      </c>
      <c r="NI34" s="119">
        <v>0</v>
      </c>
      <c r="NJ34" s="119">
        <v>0</v>
      </c>
      <c r="NK34" s="120">
        <v>0</v>
      </c>
      <c r="NL34" s="318">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64072</v>
      </c>
      <c r="OJ34" s="119">
        <v>13888</v>
      </c>
      <c r="OK34" s="141">
        <v>77960</v>
      </c>
      <c r="OL34" s="118">
        <v>0</v>
      </c>
      <c r="OM34" s="119">
        <v>222222</v>
      </c>
      <c r="ON34" s="119">
        <v>1051246</v>
      </c>
      <c r="OO34" s="119">
        <v>106257</v>
      </c>
      <c r="OP34" s="119">
        <v>548966</v>
      </c>
      <c r="OQ34" s="119">
        <v>211161</v>
      </c>
      <c r="OR34" s="120">
        <v>2139852</v>
      </c>
      <c r="OS34" s="143">
        <v>2217812</v>
      </c>
    </row>
    <row r="35" spans="2:409" ht="21" customHeight="1" x14ac:dyDescent="0.2">
      <c r="B35" s="126" t="s">
        <v>30</v>
      </c>
      <c r="C35" s="110">
        <v>21056</v>
      </c>
      <c r="D35" s="114">
        <v>63344</v>
      </c>
      <c r="E35" s="174">
        <v>84400</v>
      </c>
      <c r="F35" s="175">
        <v>0</v>
      </c>
      <c r="G35" s="176">
        <v>303877</v>
      </c>
      <c r="H35" s="176">
        <v>45264</v>
      </c>
      <c r="I35" s="176">
        <v>299839</v>
      </c>
      <c r="J35" s="176">
        <v>298064</v>
      </c>
      <c r="K35" s="176">
        <v>581992</v>
      </c>
      <c r="L35" s="177">
        <v>1529036</v>
      </c>
      <c r="M35" s="116">
        <v>1613436</v>
      </c>
      <c r="N35" s="110">
        <v>0</v>
      </c>
      <c r="O35" s="114">
        <v>57664</v>
      </c>
      <c r="P35" s="113">
        <v>57664</v>
      </c>
      <c r="Q35" s="110">
        <v>0</v>
      </c>
      <c r="R35" s="114">
        <v>118434</v>
      </c>
      <c r="S35" s="114">
        <v>18312</v>
      </c>
      <c r="T35" s="114">
        <v>84664</v>
      </c>
      <c r="U35" s="114">
        <v>111760</v>
      </c>
      <c r="V35" s="114">
        <v>567112</v>
      </c>
      <c r="W35" s="113">
        <v>900282</v>
      </c>
      <c r="X35" s="116">
        <v>957946</v>
      </c>
      <c r="Y35" s="110">
        <v>0</v>
      </c>
      <c r="Z35" s="114">
        <v>0</v>
      </c>
      <c r="AA35" s="113">
        <v>0</v>
      </c>
      <c r="AB35" s="110">
        <v>0</v>
      </c>
      <c r="AC35" s="114">
        <v>38274</v>
      </c>
      <c r="AD35" s="114">
        <v>18312</v>
      </c>
      <c r="AE35" s="114">
        <v>44440</v>
      </c>
      <c r="AF35" s="114">
        <v>28872</v>
      </c>
      <c r="AG35" s="114">
        <v>523016</v>
      </c>
      <c r="AH35" s="113">
        <v>652914</v>
      </c>
      <c r="AI35" s="116">
        <v>652914</v>
      </c>
      <c r="AJ35" s="110">
        <v>0</v>
      </c>
      <c r="AK35" s="114">
        <v>0</v>
      </c>
      <c r="AL35" s="113">
        <v>0</v>
      </c>
      <c r="AM35" s="110">
        <v>0</v>
      </c>
      <c r="AN35" s="114">
        <v>0</v>
      </c>
      <c r="AO35" s="114">
        <v>0</v>
      </c>
      <c r="AP35" s="114">
        <v>0</v>
      </c>
      <c r="AQ35" s="114">
        <v>0</v>
      </c>
      <c r="AR35" s="114">
        <v>0</v>
      </c>
      <c r="AS35" s="113">
        <v>0</v>
      </c>
      <c r="AT35" s="116">
        <v>0</v>
      </c>
      <c r="AU35" s="110">
        <v>0</v>
      </c>
      <c r="AV35" s="114">
        <v>57664</v>
      </c>
      <c r="AW35" s="113">
        <v>57664</v>
      </c>
      <c r="AX35" s="110">
        <v>0</v>
      </c>
      <c r="AY35" s="114">
        <v>46256</v>
      </c>
      <c r="AZ35" s="114">
        <v>0</v>
      </c>
      <c r="BA35" s="114">
        <v>35456</v>
      </c>
      <c r="BB35" s="114">
        <v>39264</v>
      </c>
      <c r="BC35" s="114">
        <v>44096</v>
      </c>
      <c r="BD35" s="113">
        <v>165072</v>
      </c>
      <c r="BE35" s="116">
        <v>222736</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33904</v>
      </c>
      <c r="BV35" s="114">
        <v>0</v>
      </c>
      <c r="BW35" s="114">
        <v>4768</v>
      </c>
      <c r="BX35" s="114">
        <v>43624</v>
      </c>
      <c r="BY35" s="114">
        <v>0</v>
      </c>
      <c r="BZ35" s="113">
        <v>82296</v>
      </c>
      <c r="CA35" s="116">
        <v>82296</v>
      </c>
      <c r="CB35" s="110">
        <v>21056</v>
      </c>
      <c r="CC35" s="114">
        <v>0</v>
      </c>
      <c r="CD35" s="113">
        <v>21056</v>
      </c>
      <c r="CE35" s="110">
        <v>0</v>
      </c>
      <c r="CF35" s="114">
        <v>27724</v>
      </c>
      <c r="CG35" s="114">
        <v>12552</v>
      </c>
      <c r="CH35" s="114">
        <v>113364</v>
      </c>
      <c r="CI35" s="114">
        <v>97144</v>
      </c>
      <c r="CJ35" s="114">
        <v>0</v>
      </c>
      <c r="CK35" s="113">
        <v>250784</v>
      </c>
      <c r="CL35" s="116">
        <v>271840</v>
      </c>
      <c r="CM35" s="110">
        <v>0</v>
      </c>
      <c r="CN35" s="114">
        <v>0</v>
      </c>
      <c r="CO35" s="113">
        <v>0</v>
      </c>
      <c r="CP35" s="111">
        <v>0</v>
      </c>
      <c r="CQ35" s="114">
        <v>27724</v>
      </c>
      <c r="CR35" s="114">
        <v>12552</v>
      </c>
      <c r="CS35" s="114">
        <v>0</v>
      </c>
      <c r="CT35" s="114">
        <v>97144</v>
      </c>
      <c r="CU35" s="114">
        <v>0</v>
      </c>
      <c r="CV35" s="113">
        <v>137420</v>
      </c>
      <c r="CW35" s="116">
        <v>137420</v>
      </c>
      <c r="CX35" s="110">
        <v>21056</v>
      </c>
      <c r="CY35" s="114">
        <v>0</v>
      </c>
      <c r="CZ35" s="113">
        <v>21056</v>
      </c>
      <c r="DA35" s="110">
        <v>0</v>
      </c>
      <c r="DB35" s="114">
        <v>0</v>
      </c>
      <c r="DC35" s="114">
        <v>0</v>
      </c>
      <c r="DD35" s="114">
        <v>113364</v>
      </c>
      <c r="DE35" s="114">
        <v>0</v>
      </c>
      <c r="DF35" s="114">
        <v>0</v>
      </c>
      <c r="DG35" s="113">
        <v>113364</v>
      </c>
      <c r="DH35" s="116">
        <v>134420</v>
      </c>
      <c r="DI35" s="110">
        <v>0</v>
      </c>
      <c r="DJ35" s="114">
        <v>0</v>
      </c>
      <c r="DK35" s="112">
        <v>0</v>
      </c>
      <c r="DL35" s="111">
        <v>0</v>
      </c>
      <c r="DM35" s="114">
        <v>0</v>
      </c>
      <c r="DN35" s="114">
        <v>0</v>
      </c>
      <c r="DO35" s="114">
        <v>35131</v>
      </c>
      <c r="DP35" s="114">
        <v>66952</v>
      </c>
      <c r="DQ35" s="114">
        <v>0</v>
      </c>
      <c r="DR35" s="113">
        <v>102083</v>
      </c>
      <c r="DS35" s="116">
        <v>102083</v>
      </c>
      <c r="DT35" s="110">
        <v>0</v>
      </c>
      <c r="DU35" s="114">
        <v>0</v>
      </c>
      <c r="DV35" s="113">
        <v>0</v>
      </c>
      <c r="DW35" s="110">
        <v>0</v>
      </c>
      <c r="DX35" s="114">
        <v>0</v>
      </c>
      <c r="DY35" s="114">
        <v>0</v>
      </c>
      <c r="DZ35" s="114">
        <v>35131</v>
      </c>
      <c r="EA35" s="114">
        <v>66952</v>
      </c>
      <c r="EB35" s="114">
        <v>0</v>
      </c>
      <c r="EC35" s="113">
        <v>102083</v>
      </c>
      <c r="ED35" s="116">
        <v>102083</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5"/>
      <c r="FE35" s="114">
        <v>0</v>
      </c>
      <c r="FF35" s="114">
        <v>0</v>
      </c>
      <c r="FG35" s="114">
        <v>0</v>
      </c>
      <c r="FH35" s="114">
        <v>0</v>
      </c>
      <c r="FI35" s="114">
        <v>0</v>
      </c>
      <c r="FJ35" s="113">
        <v>0</v>
      </c>
      <c r="FK35" s="116">
        <v>0</v>
      </c>
      <c r="FL35" s="110">
        <v>0</v>
      </c>
      <c r="FM35" s="114">
        <v>5680</v>
      </c>
      <c r="FN35" s="113">
        <v>5680</v>
      </c>
      <c r="FO35" s="110">
        <v>0</v>
      </c>
      <c r="FP35" s="114">
        <v>2240</v>
      </c>
      <c r="FQ35" s="114">
        <v>14400</v>
      </c>
      <c r="FR35" s="114">
        <v>66680</v>
      </c>
      <c r="FS35" s="114">
        <v>22208</v>
      </c>
      <c r="FT35" s="114">
        <v>14880</v>
      </c>
      <c r="FU35" s="113">
        <v>120408</v>
      </c>
      <c r="FV35" s="116">
        <v>126088</v>
      </c>
      <c r="FW35" s="115">
        <v>0</v>
      </c>
      <c r="FX35" s="114">
        <v>5680</v>
      </c>
      <c r="FY35" s="112">
        <v>5680</v>
      </c>
      <c r="FZ35" s="111">
        <v>0</v>
      </c>
      <c r="GA35" s="114">
        <v>2240</v>
      </c>
      <c r="GB35" s="114">
        <v>14400</v>
      </c>
      <c r="GC35" s="114">
        <v>42920</v>
      </c>
      <c r="GD35" s="114">
        <v>22208</v>
      </c>
      <c r="GE35" s="114">
        <v>14880</v>
      </c>
      <c r="GF35" s="113">
        <v>96648</v>
      </c>
      <c r="GG35" s="316">
        <v>102328</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23760</v>
      </c>
      <c r="GZ35" s="114">
        <v>0</v>
      </c>
      <c r="HA35" s="114">
        <v>0</v>
      </c>
      <c r="HB35" s="112">
        <v>23760</v>
      </c>
      <c r="HC35" s="116">
        <v>23760</v>
      </c>
      <c r="HD35" s="110">
        <v>0</v>
      </c>
      <c r="HE35" s="114">
        <v>0</v>
      </c>
      <c r="HF35" s="112">
        <v>0</v>
      </c>
      <c r="HG35" s="111">
        <v>0</v>
      </c>
      <c r="HH35" s="114">
        <v>155479</v>
      </c>
      <c r="HI35" s="114">
        <v>0</v>
      </c>
      <c r="HJ35" s="114">
        <v>0</v>
      </c>
      <c r="HK35" s="114">
        <v>0</v>
      </c>
      <c r="HL35" s="114">
        <v>0</v>
      </c>
      <c r="HM35" s="113">
        <v>155479</v>
      </c>
      <c r="HN35" s="109">
        <v>155479</v>
      </c>
      <c r="HO35" s="326"/>
      <c r="HP35" s="327"/>
      <c r="HQ35" s="328"/>
      <c r="HR35" s="329"/>
      <c r="HS35" s="327"/>
      <c r="HT35" s="327"/>
      <c r="HU35" s="327"/>
      <c r="HV35" s="327"/>
      <c r="HW35" s="327"/>
      <c r="HX35" s="330"/>
      <c r="HY35" s="331"/>
      <c r="HZ35" s="131">
        <v>26763</v>
      </c>
      <c r="IA35" s="132">
        <v>0</v>
      </c>
      <c r="IB35" s="133">
        <v>26763</v>
      </c>
      <c r="IC35" s="146">
        <v>0</v>
      </c>
      <c r="ID35" s="132">
        <v>41429</v>
      </c>
      <c r="IE35" s="147">
        <v>0</v>
      </c>
      <c r="IF35" s="133">
        <v>140296</v>
      </c>
      <c r="IG35" s="132">
        <v>235472</v>
      </c>
      <c r="IH35" s="133">
        <v>0</v>
      </c>
      <c r="II35" s="148">
        <v>417197</v>
      </c>
      <c r="IJ35" s="139">
        <v>443960</v>
      </c>
      <c r="IK35" s="232">
        <v>0</v>
      </c>
      <c r="IL35" s="236">
        <v>0</v>
      </c>
      <c r="IM35" s="237">
        <v>0</v>
      </c>
      <c r="IN35" s="140"/>
      <c r="IO35" s="119">
        <v>0</v>
      </c>
      <c r="IP35" s="119">
        <v>0</v>
      </c>
      <c r="IQ35" s="119">
        <v>0</v>
      </c>
      <c r="IR35" s="119">
        <v>0</v>
      </c>
      <c r="IS35" s="119">
        <v>0</v>
      </c>
      <c r="IT35" s="141">
        <v>0</v>
      </c>
      <c r="IU35" s="318">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41429</v>
      </c>
      <c r="JL35" s="119">
        <v>0</v>
      </c>
      <c r="JM35" s="119">
        <v>140296</v>
      </c>
      <c r="JN35" s="119">
        <v>0</v>
      </c>
      <c r="JO35" s="119">
        <v>0</v>
      </c>
      <c r="JP35" s="120">
        <v>181725</v>
      </c>
      <c r="JQ35" s="318">
        <v>181725</v>
      </c>
      <c r="JR35" s="142">
        <v>26763</v>
      </c>
      <c r="JS35" s="119">
        <v>0</v>
      </c>
      <c r="JT35" s="141">
        <v>26763</v>
      </c>
      <c r="JU35" s="118">
        <v>0</v>
      </c>
      <c r="JV35" s="119">
        <v>0</v>
      </c>
      <c r="JW35" s="119">
        <v>0</v>
      </c>
      <c r="JX35" s="119">
        <v>0</v>
      </c>
      <c r="JY35" s="119">
        <v>0</v>
      </c>
      <c r="JZ35" s="119">
        <v>0</v>
      </c>
      <c r="KA35" s="120">
        <v>0</v>
      </c>
      <c r="KB35" s="318">
        <v>26763</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235472</v>
      </c>
      <c r="KV35" s="119">
        <v>0</v>
      </c>
      <c r="KW35" s="120">
        <v>235472</v>
      </c>
      <c r="KX35" s="318">
        <v>235472</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18">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437664</v>
      </c>
      <c r="MK35" s="119">
        <v>0</v>
      </c>
      <c r="ML35" s="119">
        <v>175894</v>
      </c>
      <c r="MM35" s="119">
        <v>1265679</v>
      </c>
      <c r="MN35" s="119">
        <v>664265</v>
      </c>
      <c r="MO35" s="120">
        <v>2543502</v>
      </c>
      <c r="MP35" s="143">
        <v>2543502</v>
      </c>
      <c r="MQ35" s="142">
        <v>0</v>
      </c>
      <c r="MR35" s="119">
        <v>0</v>
      </c>
      <c r="MS35" s="120">
        <v>0</v>
      </c>
      <c r="MT35" s="145"/>
      <c r="MU35" s="119">
        <v>0</v>
      </c>
      <c r="MV35" s="119">
        <v>0</v>
      </c>
      <c r="MW35" s="119">
        <v>0</v>
      </c>
      <c r="MX35" s="119">
        <v>461032</v>
      </c>
      <c r="MY35" s="119">
        <v>76360</v>
      </c>
      <c r="MZ35" s="120">
        <v>537392</v>
      </c>
      <c r="NA35" s="143">
        <v>537392</v>
      </c>
      <c r="NB35" s="142">
        <v>0</v>
      </c>
      <c r="NC35" s="119">
        <v>0</v>
      </c>
      <c r="ND35" s="120">
        <v>0</v>
      </c>
      <c r="NE35" s="145"/>
      <c r="NF35" s="119">
        <v>437664</v>
      </c>
      <c r="NG35" s="119">
        <v>0</v>
      </c>
      <c r="NH35" s="119">
        <v>175894</v>
      </c>
      <c r="NI35" s="119">
        <v>804647</v>
      </c>
      <c r="NJ35" s="119">
        <v>189800</v>
      </c>
      <c r="NK35" s="120">
        <v>1608005</v>
      </c>
      <c r="NL35" s="318">
        <v>1608005</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398105</v>
      </c>
      <c r="OG35" s="120">
        <v>398105</v>
      </c>
      <c r="OH35" s="121">
        <v>398105</v>
      </c>
      <c r="OI35" s="142">
        <v>47819</v>
      </c>
      <c r="OJ35" s="119">
        <v>63344</v>
      </c>
      <c r="OK35" s="141">
        <v>111163</v>
      </c>
      <c r="OL35" s="118">
        <v>0</v>
      </c>
      <c r="OM35" s="119">
        <v>782970</v>
      </c>
      <c r="ON35" s="119">
        <v>45264</v>
      </c>
      <c r="OO35" s="119">
        <v>616029</v>
      </c>
      <c r="OP35" s="119">
        <v>1799215</v>
      </c>
      <c r="OQ35" s="119">
        <v>1246257</v>
      </c>
      <c r="OR35" s="120">
        <v>4489735</v>
      </c>
      <c r="OS35" s="143">
        <v>4600898</v>
      </c>
    </row>
    <row r="36" spans="2:409" ht="21" customHeight="1" x14ac:dyDescent="0.2">
      <c r="B36" s="126" t="s">
        <v>31</v>
      </c>
      <c r="C36" s="110">
        <v>12496</v>
      </c>
      <c r="D36" s="114">
        <v>10400</v>
      </c>
      <c r="E36" s="113">
        <v>22896</v>
      </c>
      <c r="F36" s="109">
        <v>0</v>
      </c>
      <c r="G36" s="114">
        <v>170486</v>
      </c>
      <c r="H36" s="114">
        <v>415213</v>
      </c>
      <c r="I36" s="114">
        <v>634105</v>
      </c>
      <c r="J36" s="114">
        <v>347334</v>
      </c>
      <c r="K36" s="114">
        <v>16672</v>
      </c>
      <c r="L36" s="173">
        <v>1583810</v>
      </c>
      <c r="M36" s="116">
        <v>1606706</v>
      </c>
      <c r="N36" s="110">
        <v>7296</v>
      </c>
      <c r="O36" s="114">
        <v>0</v>
      </c>
      <c r="P36" s="113">
        <v>7296</v>
      </c>
      <c r="Q36" s="110">
        <v>0</v>
      </c>
      <c r="R36" s="114">
        <v>12696</v>
      </c>
      <c r="S36" s="114">
        <v>72174</v>
      </c>
      <c r="T36" s="114">
        <v>230744</v>
      </c>
      <c r="U36" s="114">
        <v>60488</v>
      </c>
      <c r="V36" s="114">
        <v>16672</v>
      </c>
      <c r="W36" s="113">
        <v>392774</v>
      </c>
      <c r="X36" s="116">
        <v>400070</v>
      </c>
      <c r="Y36" s="110">
        <v>0</v>
      </c>
      <c r="Z36" s="114">
        <v>0</v>
      </c>
      <c r="AA36" s="113">
        <v>0</v>
      </c>
      <c r="AB36" s="110">
        <v>0</v>
      </c>
      <c r="AC36" s="114">
        <v>12696</v>
      </c>
      <c r="AD36" s="114">
        <v>0</v>
      </c>
      <c r="AE36" s="114">
        <v>47528</v>
      </c>
      <c r="AF36" s="114">
        <v>0</v>
      </c>
      <c r="AG36" s="114">
        <v>0</v>
      </c>
      <c r="AH36" s="113">
        <v>60224</v>
      </c>
      <c r="AI36" s="116">
        <v>60224</v>
      </c>
      <c r="AJ36" s="110">
        <v>0</v>
      </c>
      <c r="AK36" s="114">
        <v>0</v>
      </c>
      <c r="AL36" s="113">
        <v>0</v>
      </c>
      <c r="AM36" s="110">
        <v>0</v>
      </c>
      <c r="AN36" s="114">
        <v>0</v>
      </c>
      <c r="AO36" s="114">
        <v>43704</v>
      </c>
      <c r="AP36" s="114">
        <v>87416</v>
      </c>
      <c r="AQ36" s="114">
        <v>0</v>
      </c>
      <c r="AR36" s="114">
        <v>0</v>
      </c>
      <c r="AS36" s="113">
        <v>131120</v>
      </c>
      <c r="AT36" s="116">
        <v>131120</v>
      </c>
      <c r="AU36" s="110">
        <v>7296</v>
      </c>
      <c r="AV36" s="114">
        <v>0</v>
      </c>
      <c r="AW36" s="113">
        <v>7296</v>
      </c>
      <c r="AX36" s="110">
        <v>0</v>
      </c>
      <c r="AY36" s="114">
        <v>0</v>
      </c>
      <c r="AZ36" s="114">
        <v>28470</v>
      </c>
      <c r="BA36" s="114">
        <v>64296</v>
      </c>
      <c r="BB36" s="114">
        <v>50904</v>
      </c>
      <c r="BC36" s="114">
        <v>0</v>
      </c>
      <c r="BD36" s="113">
        <v>143670</v>
      </c>
      <c r="BE36" s="116">
        <v>150966</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0</v>
      </c>
      <c r="BV36" s="114">
        <v>0</v>
      </c>
      <c r="BW36" s="114">
        <v>31504</v>
      </c>
      <c r="BX36" s="114">
        <v>9584</v>
      </c>
      <c r="BY36" s="114">
        <v>16672</v>
      </c>
      <c r="BZ36" s="113">
        <v>57760</v>
      </c>
      <c r="CA36" s="116">
        <v>57760</v>
      </c>
      <c r="CB36" s="110">
        <v>0</v>
      </c>
      <c r="CC36" s="114">
        <v>0</v>
      </c>
      <c r="CD36" s="113">
        <v>0</v>
      </c>
      <c r="CE36" s="110">
        <v>0</v>
      </c>
      <c r="CF36" s="114">
        <v>126468</v>
      </c>
      <c r="CG36" s="114">
        <v>191473</v>
      </c>
      <c r="CH36" s="114">
        <v>135453</v>
      </c>
      <c r="CI36" s="114">
        <v>22152</v>
      </c>
      <c r="CJ36" s="114">
        <v>0</v>
      </c>
      <c r="CK36" s="113">
        <v>475546</v>
      </c>
      <c r="CL36" s="116">
        <v>475546</v>
      </c>
      <c r="CM36" s="110">
        <v>0</v>
      </c>
      <c r="CN36" s="114">
        <v>0</v>
      </c>
      <c r="CO36" s="113">
        <v>0</v>
      </c>
      <c r="CP36" s="111">
        <v>0</v>
      </c>
      <c r="CQ36" s="114">
        <v>78768</v>
      </c>
      <c r="CR36" s="114">
        <v>191473</v>
      </c>
      <c r="CS36" s="114">
        <v>57773</v>
      </c>
      <c r="CT36" s="114">
        <v>22152</v>
      </c>
      <c r="CU36" s="114">
        <v>0</v>
      </c>
      <c r="CV36" s="113">
        <v>350166</v>
      </c>
      <c r="CW36" s="116">
        <v>350166</v>
      </c>
      <c r="CX36" s="110">
        <v>0</v>
      </c>
      <c r="CY36" s="114">
        <v>0</v>
      </c>
      <c r="CZ36" s="113">
        <v>0</v>
      </c>
      <c r="DA36" s="110">
        <v>0</v>
      </c>
      <c r="DB36" s="114">
        <v>47700</v>
      </c>
      <c r="DC36" s="114">
        <v>0</v>
      </c>
      <c r="DD36" s="114">
        <v>77680</v>
      </c>
      <c r="DE36" s="114">
        <v>0</v>
      </c>
      <c r="DF36" s="114">
        <v>0</v>
      </c>
      <c r="DG36" s="113">
        <v>125380</v>
      </c>
      <c r="DH36" s="116">
        <v>125380</v>
      </c>
      <c r="DI36" s="110">
        <v>0</v>
      </c>
      <c r="DJ36" s="114">
        <v>0</v>
      </c>
      <c r="DK36" s="112">
        <v>0</v>
      </c>
      <c r="DL36" s="111">
        <v>0</v>
      </c>
      <c r="DM36" s="114">
        <v>15002</v>
      </c>
      <c r="DN36" s="114">
        <v>77446</v>
      </c>
      <c r="DO36" s="114">
        <v>15880</v>
      </c>
      <c r="DP36" s="114">
        <v>27142</v>
      </c>
      <c r="DQ36" s="114">
        <v>0</v>
      </c>
      <c r="DR36" s="113">
        <v>135470</v>
      </c>
      <c r="DS36" s="116">
        <v>135470</v>
      </c>
      <c r="DT36" s="110">
        <v>0</v>
      </c>
      <c r="DU36" s="114">
        <v>0</v>
      </c>
      <c r="DV36" s="113">
        <v>0</v>
      </c>
      <c r="DW36" s="110">
        <v>0</v>
      </c>
      <c r="DX36" s="114">
        <v>15002</v>
      </c>
      <c r="DY36" s="114">
        <v>77446</v>
      </c>
      <c r="DZ36" s="114">
        <v>15880</v>
      </c>
      <c r="EA36" s="114">
        <v>27142</v>
      </c>
      <c r="EB36" s="114">
        <v>0</v>
      </c>
      <c r="EC36" s="113">
        <v>135470</v>
      </c>
      <c r="ED36" s="116">
        <v>135470</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5"/>
      <c r="FE36" s="114">
        <v>0</v>
      </c>
      <c r="FF36" s="114">
        <v>0</v>
      </c>
      <c r="FG36" s="114">
        <v>0</v>
      </c>
      <c r="FH36" s="114">
        <v>0</v>
      </c>
      <c r="FI36" s="114">
        <v>0</v>
      </c>
      <c r="FJ36" s="113">
        <v>0</v>
      </c>
      <c r="FK36" s="116">
        <v>0</v>
      </c>
      <c r="FL36" s="110">
        <v>5200</v>
      </c>
      <c r="FM36" s="114">
        <v>10400</v>
      </c>
      <c r="FN36" s="113">
        <v>15600</v>
      </c>
      <c r="FO36" s="110">
        <v>0</v>
      </c>
      <c r="FP36" s="114">
        <v>16320</v>
      </c>
      <c r="FQ36" s="114">
        <v>74120</v>
      </c>
      <c r="FR36" s="114">
        <v>58720</v>
      </c>
      <c r="FS36" s="114">
        <v>35800</v>
      </c>
      <c r="FT36" s="114">
        <v>0</v>
      </c>
      <c r="FU36" s="113">
        <v>184960</v>
      </c>
      <c r="FV36" s="116">
        <v>200560</v>
      </c>
      <c r="FW36" s="115">
        <v>5200</v>
      </c>
      <c r="FX36" s="114">
        <v>10400</v>
      </c>
      <c r="FY36" s="112">
        <v>15600</v>
      </c>
      <c r="FZ36" s="111">
        <v>0</v>
      </c>
      <c r="GA36" s="114">
        <v>16320</v>
      </c>
      <c r="GB36" s="114">
        <v>74120</v>
      </c>
      <c r="GC36" s="114">
        <v>58720</v>
      </c>
      <c r="GD36" s="114">
        <v>35800</v>
      </c>
      <c r="GE36" s="114">
        <v>0</v>
      </c>
      <c r="GF36" s="113">
        <v>184960</v>
      </c>
      <c r="GG36" s="316">
        <v>200560</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0</v>
      </c>
      <c r="HI36" s="114">
        <v>0</v>
      </c>
      <c r="HJ36" s="114">
        <v>193308</v>
      </c>
      <c r="HK36" s="114">
        <v>201752</v>
      </c>
      <c r="HL36" s="114">
        <v>0</v>
      </c>
      <c r="HM36" s="113">
        <v>395060</v>
      </c>
      <c r="HN36" s="109">
        <v>395060</v>
      </c>
      <c r="HO36" s="326"/>
      <c r="HP36" s="327"/>
      <c r="HQ36" s="328"/>
      <c r="HR36" s="329"/>
      <c r="HS36" s="327"/>
      <c r="HT36" s="327"/>
      <c r="HU36" s="327"/>
      <c r="HV36" s="327"/>
      <c r="HW36" s="327"/>
      <c r="HX36" s="330"/>
      <c r="HY36" s="331"/>
      <c r="HZ36" s="150">
        <v>0</v>
      </c>
      <c r="IA36" s="135">
        <v>0</v>
      </c>
      <c r="IB36" s="150">
        <v>0</v>
      </c>
      <c r="IC36" s="134">
        <v>0</v>
      </c>
      <c r="ID36" s="135">
        <v>144673</v>
      </c>
      <c r="IE36" s="136">
        <v>527979</v>
      </c>
      <c r="IF36" s="137">
        <v>0</v>
      </c>
      <c r="IG36" s="135">
        <v>430178</v>
      </c>
      <c r="IH36" s="137">
        <v>245560</v>
      </c>
      <c r="II36" s="138">
        <v>1348390</v>
      </c>
      <c r="IJ36" s="150">
        <v>1348390</v>
      </c>
      <c r="IK36" s="232">
        <v>0</v>
      </c>
      <c r="IL36" s="236">
        <v>0</v>
      </c>
      <c r="IM36" s="237">
        <v>0</v>
      </c>
      <c r="IN36" s="140"/>
      <c r="IO36" s="119">
        <v>0</v>
      </c>
      <c r="IP36" s="119">
        <v>0</v>
      </c>
      <c r="IQ36" s="119">
        <v>0</v>
      </c>
      <c r="IR36" s="119">
        <v>0</v>
      </c>
      <c r="IS36" s="119">
        <v>0</v>
      </c>
      <c r="IT36" s="141">
        <v>0</v>
      </c>
      <c r="IU36" s="318">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8095</v>
      </c>
      <c r="JL36" s="119">
        <v>38332</v>
      </c>
      <c r="JM36" s="119">
        <v>0</v>
      </c>
      <c r="JN36" s="119">
        <v>0</v>
      </c>
      <c r="JO36" s="119">
        <v>0</v>
      </c>
      <c r="JP36" s="120">
        <v>46427</v>
      </c>
      <c r="JQ36" s="318">
        <v>46427</v>
      </c>
      <c r="JR36" s="142">
        <v>0</v>
      </c>
      <c r="JS36" s="119">
        <v>0</v>
      </c>
      <c r="JT36" s="141">
        <v>0</v>
      </c>
      <c r="JU36" s="118">
        <v>0</v>
      </c>
      <c r="JV36" s="119">
        <v>0</v>
      </c>
      <c r="JW36" s="119">
        <v>0</v>
      </c>
      <c r="JX36" s="119">
        <v>0</v>
      </c>
      <c r="JY36" s="119">
        <v>185975</v>
      </c>
      <c r="JZ36" s="119">
        <v>0</v>
      </c>
      <c r="KA36" s="120">
        <v>185975</v>
      </c>
      <c r="KB36" s="318">
        <v>185975</v>
      </c>
      <c r="KC36" s="234">
        <v>0</v>
      </c>
      <c r="KD36" s="230">
        <v>0</v>
      </c>
      <c r="KE36" s="120">
        <v>0</v>
      </c>
      <c r="KF36" s="118">
        <v>0</v>
      </c>
      <c r="KG36" s="119">
        <v>136578</v>
      </c>
      <c r="KH36" s="119">
        <v>0</v>
      </c>
      <c r="KI36" s="119">
        <v>0</v>
      </c>
      <c r="KJ36" s="119">
        <v>0</v>
      </c>
      <c r="KK36" s="119">
        <v>0</v>
      </c>
      <c r="KL36" s="120">
        <v>136578</v>
      </c>
      <c r="KM36" s="143">
        <v>136578</v>
      </c>
      <c r="KN36" s="232">
        <v>0</v>
      </c>
      <c r="KO36" s="236">
        <v>0</v>
      </c>
      <c r="KP36" s="237">
        <v>0</v>
      </c>
      <c r="KQ36" s="140"/>
      <c r="KR36" s="119">
        <v>0</v>
      </c>
      <c r="KS36" s="119">
        <v>489647</v>
      </c>
      <c r="KT36" s="119">
        <v>0</v>
      </c>
      <c r="KU36" s="119">
        <v>244203</v>
      </c>
      <c r="KV36" s="119">
        <v>245560</v>
      </c>
      <c r="KW36" s="120">
        <v>979410</v>
      </c>
      <c r="KX36" s="318">
        <v>979410</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18">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0</v>
      </c>
      <c r="ML36" s="119">
        <v>484908</v>
      </c>
      <c r="MM36" s="119">
        <v>268473</v>
      </c>
      <c r="MN36" s="119">
        <v>116504</v>
      </c>
      <c r="MO36" s="120">
        <v>869885</v>
      </c>
      <c r="MP36" s="143">
        <v>869885</v>
      </c>
      <c r="MQ36" s="142">
        <v>0</v>
      </c>
      <c r="MR36" s="119">
        <v>0</v>
      </c>
      <c r="MS36" s="120">
        <v>0</v>
      </c>
      <c r="MT36" s="145"/>
      <c r="MU36" s="119">
        <v>0</v>
      </c>
      <c r="MV36" s="119">
        <v>0</v>
      </c>
      <c r="MW36" s="119">
        <v>212891</v>
      </c>
      <c r="MX36" s="119">
        <v>268473</v>
      </c>
      <c r="MY36" s="119">
        <v>116504</v>
      </c>
      <c r="MZ36" s="120">
        <v>597868</v>
      </c>
      <c r="NA36" s="143">
        <v>597868</v>
      </c>
      <c r="NB36" s="142">
        <v>0</v>
      </c>
      <c r="NC36" s="119">
        <v>0</v>
      </c>
      <c r="ND36" s="120">
        <v>0</v>
      </c>
      <c r="NE36" s="145"/>
      <c r="NF36" s="119">
        <v>0</v>
      </c>
      <c r="NG36" s="119">
        <v>0</v>
      </c>
      <c r="NH36" s="119">
        <v>272017</v>
      </c>
      <c r="NI36" s="119">
        <v>0</v>
      </c>
      <c r="NJ36" s="119">
        <v>0</v>
      </c>
      <c r="NK36" s="120">
        <v>272017</v>
      </c>
      <c r="NL36" s="318">
        <v>272017</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2496</v>
      </c>
      <c r="OJ36" s="119">
        <v>10400</v>
      </c>
      <c r="OK36" s="141">
        <v>22896</v>
      </c>
      <c r="OL36" s="118">
        <v>0</v>
      </c>
      <c r="OM36" s="119">
        <v>315159</v>
      </c>
      <c r="ON36" s="119">
        <v>943192</v>
      </c>
      <c r="OO36" s="119">
        <v>1119013</v>
      </c>
      <c r="OP36" s="119">
        <v>1045985</v>
      </c>
      <c r="OQ36" s="119">
        <v>378736</v>
      </c>
      <c r="OR36" s="120">
        <v>3802085</v>
      </c>
      <c r="OS36" s="143">
        <v>3824981</v>
      </c>
    </row>
    <row r="37" spans="2:409" ht="21" customHeight="1" x14ac:dyDescent="0.2">
      <c r="B37" s="126" t="s">
        <v>32</v>
      </c>
      <c r="C37" s="110">
        <v>0</v>
      </c>
      <c r="D37" s="114">
        <v>10800</v>
      </c>
      <c r="E37" s="174">
        <v>10800</v>
      </c>
      <c r="F37" s="175">
        <v>0</v>
      </c>
      <c r="G37" s="176">
        <v>350219</v>
      </c>
      <c r="H37" s="176">
        <v>754621</v>
      </c>
      <c r="I37" s="176">
        <v>455906</v>
      </c>
      <c r="J37" s="176">
        <v>270074</v>
      </c>
      <c r="K37" s="176">
        <v>1017329</v>
      </c>
      <c r="L37" s="177">
        <v>2848149</v>
      </c>
      <c r="M37" s="116">
        <v>2858949</v>
      </c>
      <c r="N37" s="110">
        <v>0</v>
      </c>
      <c r="O37" s="114">
        <v>0</v>
      </c>
      <c r="P37" s="113">
        <v>0</v>
      </c>
      <c r="Q37" s="110">
        <v>0</v>
      </c>
      <c r="R37" s="114">
        <v>76936</v>
      </c>
      <c r="S37" s="114">
        <v>211982</v>
      </c>
      <c r="T37" s="114">
        <v>151770</v>
      </c>
      <c r="U37" s="114">
        <v>36960</v>
      </c>
      <c r="V37" s="114">
        <v>259816</v>
      </c>
      <c r="W37" s="113">
        <v>737464</v>
      </c>
      <c r="X37" s="116">
        <v>737464</v>
      </c>
      <c r="Y37" s="110">
        <v>0</v>
      </c>
      <c r="Z37" s="114">
        <v>0</v>
      </c>
      <c r="AA37" s="113">
        <v>0</v>
      </c>
      <c r="AB37" s="110">
        <v>0</v>
      </c>
      <c r="AC37" s="114">
        <v>26440</v>
      </c>
      <c r="AD37" s="114">
        <v>103701</v>
      </c>
      <c r="AE37" s="114">
        <v>74548</v>
      </c>
      <c r="AF37" s="114">
        <v>0</v>
      </c>
      <c r="AG37" s="114">
        <v>170280</v>
      </c>
      <c r="AH37" s="113">
        <v>374969</v>
      </c>
      <c r="AI37" s="116">
        <v>374969</v>
      </c>
      <c r="AJ37" s="110">
        <v>0</v>
      </c>
      <c r="AK37" s="114">
        <v>0</v>
      </c>
      <c r="AL37" s="113">
        <v>0</v>
      </c>
      <c r="AM37" s="110">
        <v>0</v>
      </c>
      <c r="AN37" s="114">
        <v>0</v>
      </c>
      <c r="AO37" s="114">
        <v>0</v>
      </c>
      <c r="AP37" s="114">
        <v>0</v>
      </c>
      <c r="AQ37" s="114">
        <v>0</v>
      </c>
      <c r="AR37" s="114">
        <v>46112</v>
      </c>
      <c r="AS37" s="113">
        <v>46112</v>
      </c>
      <c r="AT37" s="116">
        <v>46112</v>
      </c>
      <c r="AU37" s="110">
        <v>0</v>
      </c>
      <c r="AV37" s="114">
        <v>0</v>
      </c>
      <c r="AW37" s="113">
        <v>0</v>
      </c>
      <c r="AX37" s="110">
        <v>0</v>
      </c>
      <c r="AY37" s="114">
        <v>50496</v>
      </c>
      <c r="AZ37" s="114">
        <v>75737</v>
      </c>
      <c r="BA37" s="114">
        <v>41070</v>
      </c>
      <c r="BB37" s="114">
        <v>0</v>
      </c>
      <c r="BC37" s="114">
        <v>0</v>
      </c>
      <c r="BD37" s="113">
        <v>167303</v>
      </c>
      <c r="BE37" s="116">
        <v>167303</v>
      </c>
      <c r="BF37" s="110">
        <v>0</v>
      </c>
      <c r="BG37" s="114">
        <v>0</v>
      </c>
      <c r="BH37" s="112">
        <v>0</v>
      </c>
      <c r="BI37" s="111">
        <v>0</v>
      </c>
      <c r="BJ37" s="114">
        <v>0</v>
      </c>
      <c r="BK37" s="114">
        <v>22944</v>
      </c>
      <c r="BL37" s="114">
        <v>0</v>
      </c>
      <c r="BM37" s="114">
        <v>0</v>
      </c>
      <c r="BN37" s="114">
        <v>0</v>
      </c>
      <c r="BO37" s="113">
        <v>22944</v>
      </c>
      <c r="BP37" s="116">
        <v>22944</v>
      </c>
      <c r="BQ37" s="110">
        <v>0</v>
      </c>
      <c r="BR37" s="114">
        <v>0</v>
      </c>
      <c r="BS37" s="113">
        <v>0</v>
      </c>
      <c r="BT37" s="110">
        <v>0</v>
      </c>
      <c r="BU37" s="114">
        <v>0</v>
      </c>
      <c r="BV37" s="114">
        <v>9600</v>
      </c>
      <c r="BW37" s="114">
        <v>36152</v>
      </c>
      <c r="BX37" s="114">
        <v>36960</v>
      </c>
      <c r="BY37" s="114">
        <v>43424</v>
      </c>
      <c r="BZ37" s="113">
        <v>126136</v>
      </c>
      <c r="CA37" s="116">
        <v>126136</v>
      </c>
      <c r="CB37" s="110">
        <v>0</v>
      </c>
      <c r="CC37" s="114">
        <v>0</v>
      </c>
      <c r="CD37" s="113">
        <v>0</v>
      </c>
      <c r="CE37" s="110">
        <v>0</v>
      </c>
      <c r="CF37" s="114">
        <v>222243</v>
      </c>
      <c r="CG37" s="114">
        <v>274919</v>
      </c>
      <c r="CH37" s="114">
        <v>62144</v>
      </c>
      <c r="CI37" s="114">
        <v>0</v>
      </c>
      <c r="CJ37" s="114">
        <v>179619</v>
      </c>
      <c r="CK37" s="113">
        <v>738925</v>
      </c>
      <c r="CL37" s="116">
        <v>738925</v>
      </c>
      <c r="CM37" s="110">
        <v>0</v>
      </c>
      <c r="CN37" s="114">
        <v>0</v>
      </c>
      <c r="CO37" s="113">
        <v>0</v>
      </c>
      <c r="CP37" s="111">
        <v>0</v>
      </c>
      <c r="CQ37" s="114">
        <v>131016</v>
      </c>
      <c r="CR37" s="114">
        <v>201736</v>
      </c>
      <c r="CS37" s="114">
        <v>62144</v>
      </c>
      <c r="CT37" s="114">
        <v>0</v>
      </c>
      <c r="CU37" s="114">
        <v>119940</v>
      </c>
      <c r="CV37" s="113">
        <v>514836</v>
      </c>
      <c r="CW37" s="116">
        <v>514836</v>
      </c>
      <c r="CX37" s="110">
        <v>0</v>
      </c>
      <c r="CY37" s="114">
        <v>0</v>
      </c>
      <c r="CZ37" s="113">
        <v>0</v>
      </c>
      <c r="DA37" s="110">
        <v>0</v>
      </c>
      <c r="DB37" s="114">
        <v>91227</v>
      </c>
      <c r="DC37" s="114">
        <v>73183</v>
      </c>
      <c r="DD37" s="114">
        <v>0</v>
      </c>
      <c r="DE37" s="114">
        <v>0</v>
      </c>
      <c r="DF37" s="114">
        <v>59679</v>
      </c>
      <c r="DG37" s="113">
        <v>224089</v>
      </c>
      <c r="DH37" s="116">
        <v>224089</v>
      </c>
      <c r="DI37" s="110">
        <v>0</v>
      </c>
      <c r="DJ37" s="114">
        <v>0</v>
      </c>
      <c r="DK37" s="112">
        <v>0</v>
      </c>
      <c r="DL37" s="111">
        <v>0</v>
      </c>
      <c r="DM37" s="114">
        <v>0</v>
      </c>
      <c r="DN37" s="114">
        <v>0</v>
      </c>
      <c r="DO37" s="114">
        <v>0</v>
      </c>
      <c r="DP37" s="114">
        <v>0</v>
      </c>
      <c r="DQ37" s="114">
        <v>86070</v>
      </c>
      <c r="DR37" s="113">
        <v>86070</v>
      </c>
      <c r="DS37" s="116">
        <v>86070</v>
      </c>
      <c r="DT37" s="110">
        <v>0</v>
      </c>
      <c r="DU37" s="114">
        <v>0</v>
      </c>
      <c r="DV37" s="113">
        <v>0</v>
      </c>
      <c r="DW37" s="110">
        <v>0</v>
      </c>
      <c r="DX37" s="114">
        <v>0</v>
      </c>
      <c r="DY37" s="114">
        <v>0</v>
      </c>
      <c r="DZ37" s="114">
        <v>0</v>
      </c>
      <c r="EA37" s="114">
        <v>0</v>
      </c>
      <c r="EB37" s="114">
        <v>86070</v>
      </c>
      <c r="EC37" s="113">
        <v>86070</v>
      </c>
      <c r="ED37" s="116">
        <v>86070</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5"/>
      <c r="FE37" s="114">
        <v>0</v>
      </c>
      <c r="FF37" s="114">
        <v>0</v>
      </c>
      <c r="FG37" s="114">
        <v>0</v>
      </c>
      <c r="FH37" s="114">
        <v>0</v>
      </c>
      <c r="FI37" s="114">
        <v>0</v>
      </c>
      <c r="FJ37" s="113">
        <v>0</v>
      </c>
      <c r="FK37" s="116">
        <v>0</v>
      </c>
      <c r="FL37" s="110">
        <v>0</v>
      </c>
      <c r="FM37" s="114">
        <v>10800</v>
      </c>
      <c r="FN37" s="113">
        <v>10800</v>
      </c>
      <c r="FO37" s="110">
        <v>0</v>
      </c>
      <c r="FP37" s="114">
        <v>51040</v>
      </c>
      <c r="FQ37" s="114">
        <v>101992</v>
      </c>
      <c r="FR37" s="114">
        <v>57632</v>
      </c>
      <c r="FS37" s="114">
        <v>20144</v>
      </c>
      <c r="FT37" s="114">
        <v>53280</v>
      </c>
      <c r="FU37" s="113">
        <v>284088</v>
      </c>
      <c r="FV37" s="116">
        <v>294888</v>
      </c>
      <c r="FW37" s="115">
        <v>0</v>
      </c>
      <c r="FX37" s="114">
        <v>10800</v>
      </c>
      <c r="FY37" s="112">
        <v>10800</v>
      </c>
      <c r="FZ37" s="111">
        <v>0</v>
      </c>
      <c r="GA37" s="114">
        <v>51040</v>
      </c>
      <c r="GB37" s="114">
        <v>101992</v>
      </c>
      <c r="GC37" s="114">
        <v>57632</v>
      </c>
      <c r="GD37" s="114">
        <v>20144</v>
      </c>
      <c r="GE37" s="114">
        <v>53280</v>
      </c>
      <c r="GF37" s="113">
        <v>284088</v>
      </c>
      <c r="GG37" s="316">
        <v>294888</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65728</v>
      </c>
      <c r="HJ37" s="114">
        <v>184360</v>
      </c>
      <c r="HK37" s="114">
        <v>212970</v>
      </c>
      <c r="HL37" s="114">
        <v>438544</v>
      </c>
      <c r="HM37" s="113">
        <v>1001602</v>
      </c>
      <c r="HN37" s="109">
        <v>1001602</v>
      </c>
      <c r="HO37" s="326"/>
      <c r="HP37" s="327"/>
      <c r="HQ37" s="328"/>
      <c r="HR37" s="329"/>
      <c r="HS37" s="327"/>
      <c r="HT37" s="327"/>
      <c r="HU37" s="327"/>
      <c r="HV37" s="327"/>
      <c r="HW37" s="327"/>
      <c r="HX37" s="330"/>
      <c r="HY37" s="331"/>
      <c r="HZ37" s="131">
        <v>0</v>
      </c>
      <c r="IA37" s="132">
        <v>0</v>
      </c>
      <c r="IB37" s="133">
        <v>0</v>
      </c>
      <c r="IC37" s="146">
        <v>0</v>
      </c>
      <c r="ID37" s="132">
        <v>55169</v>
      </c>
      <c r="IE37" s="147">
        <v>224264</v>
      </c>
      <c r="IF37" s="133">
        <v>427376</v>
      </c>
      <c r="IG37" s="132">
        <v>0</v>
      </c>
      <c r="IH37" s="133">
        <v>42134</v>
      </c>
      <c r="II37" s="148">
        <v>748943</v>
      </c>
      <c r="IJ37" s="139">
        <v>748943</v>
      </c>
      <c r="IK37" s="232">
        <v>0</v>
      </c>
      <c r="IL37" s="236">
        <v>0</v>
      </c>
      <c r="IM37" s="237">
        <v>0</v>
      </c>
      <c r="IN37" s="140"/>
      <c r="IO37" s="119">
        <v>0</v>
      </c>
      <c r="IP37" s="119">
        <v>0</v>
      </c>
      <c r="IQ37" s="119">
        <v>0</v>
      </c>
      <c r="IR37" s="119">
        <v>0</v>
      </c>
      <c r="IS37" s="119">
        <v>0</v>
      </c>
      <c r="IT37" s="141">
        <v>0</v>
      </c>
      <c r="IU37" s="318">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55169</v>
      </c>
      <c r="JL37" s="119">
        <v>134360</v>
      </c>
      <c r="JM37" s="119">
        <v>0</v>
      </c>
      <c r="JN37" s="119">
        <v>0</v>
      </c>
      <c r="JO37" s="119">
        <v>42134</v>
      </c>
      <c r="JP37" s="120">
        <v>231663</v>
      </c>
      <c r="JQ37" s="318">
        <v>231663</v>
      </c>
      <c r="JR37" s="142">
        <v>0</v>
      </c>
      <c r="JS37" s="119">
        <v>0</v>
      </c>
      <c r="JT37" s="141">
        <v>0</v>
      </c>
      <c r="JU37" s="118">
        <v>0</v>
      </c>
      <c r="JV37" s="119">
        <v>0</v>
      </c>
      <c r="JW37" s="119">
        <v>0</v>
      </c>
      <c r="JX37" s="119">
        <v>0</v>
      </c>
      <c r="JY37" s="119">
        <v>0</v>
      </c>
      <c r="JZ37" s="119">
        <v>0</v>
      </c>
      <c r="KA37" s="120">
        <v>0</v>
      </c>
      <c r="KB37" s="318">
        <v>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231344</v>
      </c>
      <c r="KU37" s="119">
        <v>0</v>
      </c>
      <c r="KV37" s="119">
        <v>0</v>
      </c>
      <c r="KW37" s="120">
        <v>231344</v>
      </c>
      <c r="KX37" s="318">
        <v>231344</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89904</v>
      </c>
      <c r="LP37" s="119">
        <v>196032</v>
      </c>
      <c r="LQ37" s="119">
        <v>0</v>
      </c>
      <c r="LR37" s="119">
        <v>0</v>
      </c>
      <c r="LS37" s="120">
        <v>285936</v>
      </c>
      <c r="LT37" s="318">
        <v>285936</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274199</v>
      </c>
      <c r="ML37" s="119">
        <v>153064</v>
      </c>
      <c r="MM37" s="119">
        <v>1340371</v>
      </c>
      <c r="MN37" s="119">
        <v>0</v>
      </c>
      <c r="MO37" s="120">
        <v>1767634</v>
      </c>
      <c r="MP37" s="143">
        <v>1767634</v>
      </c>
      <c r="MQ37" s="142">
        <v>0</v>
      </c>
      <c r="MR37" s="119">
        <v>0</v>
      </c>
      <c r="MS37" s="120">
        <v>0</v>
      </c>
      <c r="MT37" s="145"/>
      <c r="MU37" s="119">
        <v>0</v>
      </c>
      <c r="MV37" s="119">
        <v>0</v>
      </c>
      <c r="MW37" s="119">
        <v>153064</v>
      </c>
      <c r="MX37" s="119">
        <v>767404</v>
      </c>
      <c r="MY37" s="119">
        <v>0</v>
      </c>
      <c r="MZ37" s="120">
        <v>920468</v>
      </c>
      <c r="NA37" s="143">
        <v>920468</v>
      </c>
      <c r="NB37" s="142">
        <v>0</v>
      </c>
      <c r="NC37" s="119">
        <v>0</v>
      </c>
      <c r="ND37" s="120">
        <v>0</v>
      </c>
      <c r="NE37" s="145"/>
      <c r="NF37" s="119">
        <v>0</v>
      </c>
      <c r="NG37" s="119">
        <v>274199</v>
      </c>
      <c r="NH37" s="119">
        <v>0</v>
      </c>
      <c r="NI37" s="119">
        <v>572967</v>
      </c>
      <c r="NJ37" s="119">
        <v>0</v>
      </c>
      <c r="NK37" s="120">
        <v>847166</v>
      </c>
      <c r="NL37" s="318">
        <v>847166</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10800</v>
      </c>
      <c r="OK37" s="141">
        <v>10800</v>
      </c>
      <c r="OL37" s="118">
        <v>0</v>
      </c>
      <c r="OM37" s="119">
        <v>405388</v>
      </c>
      <c r="ON37" s="119">
        <v>1253084</v>
      </c>
      <c r="OO37" s="119">
        <v>1036346</v>
      </c>
      <c r="OP37" s="119">
        <v>1610445</v>
      </c>
      <c r="OQ37" s="119">
        <v>1059463</v>
      </c>
      <c r="OR37" s="120">
        <v>5364726</v>
      </c>
      <c r="OS37" s="143">
        <v>5375526</v>
      </c>
    </row>
    <row r="38" spans="2:409" ht="21" customHeight="1" x14ac:dyDescent="0.2">
      <c r="B38" s="126" t="s">
        <v>33</v>
      </c>
      <c r="C38" s="110">
        <v>64980</v>
      </c>
      <c r="D38" s="114">
        <v>31046</v>
      </c>
      <c r="E38" s="113">
        <v>96026</v>
      </c>
      <c r="F38" s="109">
        <v>0</v>
      </c>
      <c r="G38" s="114">
        <v>179652</v>
      </c>
      <c r="H38" s="114">
        <v>277602</v>
      </c>
      <c r="I38" s="114">
        <v>55446</v>
      </c>
      <c r="J38" s="114">
        <v>226397</v>
      </c>
      <c r="K38" s="114">
        <v>104863</v>
      </c>
      <c r="L38" s="173">
        <v>843960</v>
      </c>
      <c r="M38" s="116">
        <v>939986</v>
      </c>
      <c r="N38" s="110">
        <v>62580</v>
      </c>
      <c r="O38" s="114">
        <v>31046</v>
      </c>
      <c r="P38" s="113">
        <v>93626</v>
      </c>
      <c r="Q38" s="110">
        <v>0</v>
      </c>
      <c r="R38" s="114">
        <v>76783</v>
      </c>
      <c r="S38" s="114">
        <v>34988</v>
      </c>
      <c r="T38" s="114">
        <v>35766</v>
      </c>
      <c r="U38" s="114">
        <v>7776</v>
      </c>
      <c r="V38" s="114">
        <v>104863</v>
      </c>
      <c r="W38" s="113">
        <v>260176</v>
      </c>
      <c r="X38" s="116">
        <v>353802</v>
      </c>
      <c r="Y38" s="110">
        <v>0</v>
      </c>
      <c r="Z38" s="114">
        <v>0</v>
      </c>
      <c r="AA38" s="113">
        <v>0</v>
      </c>
      <c r="AB38" s="110">
        <v>0</v>
      </c>
      <c r="AC38" s="114">
        <v>6068</v>
      </c>
      <c r="AD38" s="114">
        <v>0</v>
      </c>
      <c r="AE38" s="114">
        <v>0</v>
      </c>
      <c r="AF38" s="114">
        <v>0</v>
      </c>
      <c r="AG38" s="114">
        <v>33888</v>
      </c>
      <c r="AH38" s="113">
        <v>39956</v>
      </c>
      <c r="AI38" s="116">
        <v>39956</v>
      </c>
      <c r="AJ38" s="110">
        <v>0</v>
      </c>
      <c r="AK38" s="114">
        <v>0</v>
      </c>
      <c r="AL38" s="113">
        <v>0</v>
      </c>
      <c r="AM38" s="110">
        <v>0</v>
      </c>
      <c r="AN38" s="114">
        <v>0</v>
      </c>
      <c r="AO38" s="114">
        <v>0</v>
      </c>
      <c r="AP38" s="114">
        <v>0</v>
      </c>
      <c r="AQ38" s="114">
        <v>0</v>
      </c>
      <c r="AR38" s="114">
        <v>0</v>
      </c>
      <c r="AS38" s="113">
        <v>0</v>
      </c>
      <c r="AT38" s="116">
        <v>0</v>
      </c>
      <c r="AU38" s="110">
        <v>0</v>
      </c>
      <c r="AV38" s="114">
        <v>0</v>
      </c>
      <c r="AW38" s="113">
        <v>0</v>
      </c>
      <c r="AX38" s="110">
        <v>0</v>
      </c>
      <c r="AY38" s="114">
        <v>27117</v>
      </c>
      <c r="AZ38" s="114">
        <v>25388</v>
      </c>
      <c r="BA38" s="114">
        <v>0</v>
      </c>
      <c r="BB38" s="114">
        <v>0</v>
      </c>
      <c r="BC38" s="114">
        <v>20044</v>
      </c>
      <c r="BD38" s="113">
        <v>72549</v>
      </c>
      <c r="BE38" s="116">
        <v>72549</v>
      </c>
      <c r="BF38" s="110">
        <v>62580</v>
      </c>
      <c r="BG38" s="114">
        <v>31046</v>
      </c>
      <c r="BH38" s="112">
        <v>93626</v>
      </c>
      <c r="BI38" s="111">
        <v>0</v>
      </c>
      <c r="BJ38" s="114">
        <v>30558</v>
      </c>
      <c r="BK38" s="114">
        <v>0</v>
      </c>
      <c r="BL38" s="114">
        <v>22918</v>
      </c>
      <c r="BM38" s="114">
        <v>0</v>
      </c>
      <c r="BN38" s="114">
        <v>50931</v>
      </c>
      <c r="BO38" s="113">
        <v>104407</v>
      </c>
      <c r="BP38" s="116">
        <v>198033</v>
      </c>
      <c r="BQ38" s="110">
        <v>0</v>
      </c>
      <c r="BR38" s="114">
        <v>0</v>
      </c>
      <c r="BS38" s="113">
        <v>0</v>
      </c>
      <c r="BT38" s="110">
        <v>0</v>
      </c>
      <c r="BU38" s="114">
        <v>13040</v>
      </c>
      <c r="BV38" s="114">
        <v>9600</v>
      </c>
      <c r="BW38" s="114">
        <v>12848</v>
      </c>
      <c r="BX38" s="114">
        <v>7776</v>
      </c>
      <c r="BY38" s="114">
        <v>0</v>
      </c>
      <c r="BZ38" s="113">
        <v>43264</v>
      </c>
      <c r="CA38" s="116">
        <v>43264</v>
      </c>
      <c r="CB38" s="110">
        <v>0</v>
      </c>
      <c r="CC38" s="114">
        <v>0</v>
      </c>
      <c r="CD38" s="113">
        <v>0</v>
      </c>
      <c r="CE38" s="110">
        <v>0</v>
      </c>
      <c r="CF38" s="114">
        <v>64069</v>
      </c>
      <c r="CG38" s="114">
        <v>60185</v>
      </c>
      <c r="CH38" s="114">
        <v>0</v>
      </c>
      <c r="CI38" s="114">
        <v>0</v>
      </c>
      <c r="CJ38" s="114">
        <v>0</v>
      </c>
      <c r="CK38" s="113">
        <v>124254</v>
      </c>
      <c r="CL38" s="116">
        <v>124254</v>
      </c>
      <c r="CM38" s="110">
        <v>0</v>
      </c>
      <c r="CN38" s="114">
        <v>0</v>
      </c>
      <c r="CO38" s="113">
        <v>0</v>
      </c>
      <c r="CP38" s="111">
        <v>0</v>
      </c>
      <c r="CQ38" s="114">
        <v>25414</v>
      </c>
      <c r="CR38" s="114">
        <v>0</v>
      </c>
      <c r="CS38" s="114">
        <v>0</v>
      </c>
      <c r="CT38" s="114">
        <v>0</v>
      </c>
      <c r="CU38" s="114">
        <v>0</v>
      </c>
      <c r="CV38" s="113">
        <v>25414</v>
      </c>
      <c r="CW38" s="116">
        <v>25414</v>
      </c>
      <c r="CX38" s="110">
        <v>0</v>
      </c>
      <c r="CY38" s="114">
        <v>0</v>
      </c>
      <c r="CZ38" s="113">
        <v>0</v>
      </c>
      <c r="DA38" s="110">
        <v>0</v>
      </c>
      <c r="DB38" s="114">
        <v>38655</v>
      </c>
      <c r="DC38" s="114">
        <v>60185</v>
      </c>
      <c r="DD38" s="114">
        <v>0</v>
      </c>
      <c r="DE38" s="114">
        <v>0</v>
      </c>
      <c r="DF38" s="114">
        <v>0</v>
      </c>
      <c r="DG38" s="113">
        <v>98840</v>
      </c>
      <c r="DH38" s="116">
        <v>98840</v>
      </c>
      <c r="DI38" s="110">
        <v>0</v>
      </c>
      <c r="DJ38" s="114">
        <v>0</v>
      </c>
      <c r="DK38" s="112">
        <v>0</v>
      </c>
      <c r="DL38" s="111">
        <v>0</v>
      </c>
      <c r="DM38" s="114">
        <v>0</v>
      </c>
      <c r="DN38" s="114">
        <v>0</v>
      </c>
      <c r="DO38" s="114">
        <v>0</v>
      </c>
      <c r="DP38" s="114">
        <v>0</v>
      </c>
      <c r="DQ38" s="114">
        <v>0</v>
      </c>
      <c r="DR38" s="113">
        <v>0</v>
      </c>
      <c r="DS38" s="116">
        <v>0</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5"/>
      <c r="FE38" s="114">
        <v>0</v>
      </c>
      <c r="FF38" s="114">
        <v>0</v>
      </c>
      <c r="FG38" s="114">
        <v>0</v>
      </c>
      <c r="FH38" s="114">
        <v>0</v>
      </c>
      <c r="FI38" s="114">
        <v>0</v>
      </c>
      <c r="FJ38" s="113">
        <v>0</v>
      </c>
      <c r="FK38" s="116">
        <v>0</v>
      </c>
      <c r="FL38" s="110">
        <v>2400</v>
      </c>
      <c r="FM38" s="114">
        <v>0</v>
      </c>
      <c r="FN38" s="113">
        <v>2400</v>
      </c>
      <c r="FO38" s="110">
        <v>0</v>
      </c>
      <c r="FP38" s="114">
        <v>38800</v>
      </c>
      <c r="FQ38" s="114">
        <v>8592</v>
      </c>
      <c r="FR38" s="114">
        <v>19680</v>
      </c>
      <c r="FS38" s="114">
        <v>0</v>
      </c>
      <c r="FT38" s="114">
        <v>0</v>
      </c>
      <c r="FU38" s="113">
        <v>67072</v>
      </c>
      <c r="FV38" s="116">
        <v>69472</v>
      </c>
      <c r="FW38" s="115">
        <v>2400</v>
      </c>
      <c r="FX38" s="114">
        <v>0</v>
      </c>
      <c r="FY38" s="112">
        <v>2400</v>
      </c>
      <c r="FZ38" s="111">
        <v>0</v>
      </c>
      <c r="GA38" s="114">
        <v>38800</v>
      </c>
      <c r="GB38" s="114">
        <v>8592</v>
      </c>
      <c r="GC38" s="114">
        <v>19680</v>
      </c>
      <c r="GD38" s="114">
        <v>0</v>
      </c>
      <c r="GE38" s="114">
        <v>0</v>
      </c>
      <c r="GF38" s="113">
        <v>67072</v>
      </c>
      <c r="GG38" s="316">
        <v>69472</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173837</v>
      </c>
      <c r="HJ38" s="114">
        <v>0</v>
      </c>
      <c r="HK38" s="114">
        <v>218621</v>
      </c>
      <c r="HL38" s="114">
        <v>0</v>
      </c>
      <c r="HM38" s="113">
        <v>392458</v>
      </c>
      <c r="HN38" s="109">
        <v>392458</v>
      </c>
      <c r="HO38" s="326"/>
      <c r="HP38" s="327"/>
      <c r="HQ38" s="328"/>
      <c r="HR38" s="329"/>
      <c r="HS38" s="327"/>
      <c r="HT38" s="327"/>
      <c r="HU38" s="327"/>
      <c r="HV38" s="327"/>
      <c r="HW38" s="327"/>
      <c r="HX38" s="330"/>
      <c r="HY38" s="331"/>
      <c r="HZ38" s="150">
        <v>0</v>
      </c>
      <c r="IA38" s="135">
        <v>0</v>
      </c>
      <c r="IB38" s="150">
        <v>0</v>
      </c>
      <c r="IC38" s="146">
        <v>0</v>
      </c>
      <c r="ID38" s="132">
        <v>172467</v>
      </c>
      <c r="IE38" s="147">
        <v>0</v>
      </c>
      <c r="IF38" s="133">
        <v>231973</v>
      </c>
      <c r="IG38" s="132">
        <v>0</v>
      </c>
      <c r="IH38" s="133">
        <v>0</v>
      </c>
      <c r="II38" s="148">
        <v>404440</v>
      </c>
      <c r="IJ38" s="150">
        <v>404440</v>
      </c>
      <c r="IK38" s="232">
        <v>0</v>
      </c>
      <c r="IL38" s="236">
        <v>0</v>
      </c>
      <c r="IM38" s="237">
        <v>0</v>
      </c>
      <c r="IN38" s="140"/>
      <c r="IO38" s="119">
        <v>0</v>
      </c>
      <c r="IP38" s="119">
        <v>0</v>
      </c>
      <c r="IQ38" s="119">
        <v>0</v>
      </c>
      <c r="IR38" s="119">
        <v>0</v>
      </c>
      <c r="IS38" s="119">
        <v>0</v>
      </c>
      <c r="IT38" s="141">
        <v>0</v>
      </c>
      <c r="IU38" s="318">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29656</v>
      </c>
      <c r="JL38" s="119">
        <v>0</v>
      </c>
      <c r="JM38" s="119">
        <v>0</v>
      </c>
      <c r="JN38" s="119">
        <v>0</v>
      </c>
      <c r="JO38" s="119">
        <v>0</v>
      </c>
      <c r="JP38" s="120">
        <v>29656</v>
      </c>
      <c r="JQ38" s="318">
        <v>29656</v>
      </c>
      <c r="JR38" s="142">
        <v>0</v>
      </c>
      <c r="JS38" s="119">
        <v>0</v>
      </c>
      <c r="JT38" s="141">
        <v>0</v>
      </c>
      <c r="JU38" s="118">
        <v>0</v>
      </c>
      <c r="JV38" s="119">
        <v>0</v>
      </c>
      <c r="JW38" s="119">
        <v>0</v>
      </c>
      <c r="JX38" s="119">
        <v>0</v>
      </c>
      <c r="JY38" s="119">
        <v>0</v>
      </c>
      <c r="JZ38" s="119">
        <v>0</v>
      </c>
      <c r="KA38" s="120">
        <v>0</v>
      </c>
      <c r="KB38" s="318">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18">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18">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221596</v>
      </c>
      <c r="ML38" s="119">
        <v>311885</v>
      </c>
      <c r="MM38" s="119">
        <v>0</v>
      </c>
      <c r="MN38" s="119">
        <v>0</v>
      </c>
      <c r="MO38" s="120">
        <v>533481</v>
      </c>
      <c r="MP38" s="143">
        <v>533481</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18">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221596</v>
      </c>
      <c r="OD38" s="119">
        <v>311885</v>
      </c>
      <c r="OE38" s="119">
        <v>0</v>
      </c>
      <c r="OF38" s="119">
        <v>0</v>
      </c>
      <c r="OG38" s="120">
        <v>533481</v>
      </c>
      <c r="OH38" s="121">
        <v>533481</v>
      </c>
      <c r="OI38" s="142">
        <v>64980</v>
      </c>
      <c r="OJ38" s="119">
        <v>31046</v>
      </c>
      <c r="OK38" s="141">
        <v>96026</v>
      </c>
      <c r="OL38" s="118">
        <v>0</v>
      </c>
      <c r="OM38" s="119">
        <v>352119</v>
      </c>
      <c r="ON38" s="119">
        <v>499198</v>
      </c>
      <c r="OO38" s="119">
        <v>599304</v>
      </c>
      <c r="OP38" s="119">
        <v>226397</v>
      </c>
      <c r="OQ38" s="119">
        <v>104863</v>
      </c>
      <c r="OR38" s="120">
        <v>1781881</v>
      </c>
      <c r="OS38" s="143">
        <v>1877907</v>
      </c>
    </row>
    <row r="39" spans="2:409" ht="21" customHeight="1" x14ac:dyDescent="0.2">
      <c r="B39" s="126" t="s">
        <v>34</v>
      </c>
      <c r="C39" s="110">
        <v>0</v>
      </c>
      <c r="D39" s="114">
        <v>19520</v>
      </c>
      <c r="E39" s="174">
        <v>19520</v>
      </c>
      <c r="F39" s="175">
        <v>0</v>
      </c>
      <c r="G39" s="176">
        <v>9120</v>
      </c>
      <c r="H39" s="176">
        <v>125120</v>
      </c>
      <c r="I39" s="176">
        <v>32800</v>
      </c>
      <c r="J39" s="176">
        <v>39792</v>
      </c>
      <c r="K39" s="176">
        <v>486392</v>
      </c>
      <c r="L39" s="177">
        <v>693224</v>
      </c>
      <c r="M39" s="116">
        <v>712744</v>
      </c>
      <c r="N39" s="110">
        <v>0</v>
      </c>
      <c r="O39" s="114">
        <v>0</v>
      </c>
      <c r="P39" s="113">
        <v>0</v>
      </c>
      <c r="Q39" s="110">
        <v>0</v>
      </c>
      <c r="R39" s="114">
        <v>7520</v>
      </c>
      <c r="S39" s="114">
        <v>78704</v>
      </c>
      <c r="T39" s="114">
        <v>0</v>
      </c>
      <c r="U39" s="114">
        <v>0</v>
      </c>
      <c r="V39" s="114">
        <v>26720</v>
      </c>
      <c r="W39" s="113">
        <v>112944</v>
      </c>
      <c r="X39" s="116">
        <v>112944</v>
      </c>
      <c r="Y39" s="110">
        <v>0</v>
      </c>
      <c r="Z39" s="114">
        <v>0</v>
      </c>
      <c r="AA39" s="113">
        <v>0</v>
      </c>
      <c r="AB39" s="110">
        <v>0</v>
      </c>
      <c r="AC39" s="114">
        <v>0</v>
      </c>
      <c r="AD39" s="114">
        <v>0</v>
      </c>
      <c r="AE39" s="114">
        <v>0</v>
      </c>
      <c r="AF39" s="114">
        <v>0</v>
      </c>
      <c r="AG39" s="114">
        <v>0</v>
      </c>
      <c r="AH39" s="113">
        <v>0</v>
      </c>
      <c r="AI39" s="116">
        <v>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7520</v>
      </c>
      <c r="AZ39" s="114">
        <v>0</v>
      </c>
      <c r="BA39" s="114">
        <v>0</v>
      </c>
      <c r="BB39" s="114">
        <v>0</v>
      </c>
      <c r="BC39" s="114">
        <v>0</v>
      </c>
      <c r="BD39" s="113">
        <v>7520</v>
      </c>
      <c r="BE39" s="116">
        <v>7520</v>
      </c>
      <c r="BF39" s="110">
        <v>0</v>
      </c>
      <c r="BG39" s="114">
        <v>0</v>
      </c>
      <c r="BH39" s="112">
        <v>0</v>
      </c>
      <c r="BI39" s="111">
        <v>0</v>
      </c>
      <c r="BJ39" s="114">
        <v>0</v>
      </c>
      <c r="BK39" s="114">
        <v>71552</v>
      </c>
      <c r="BL39" s="114">
        <v>0</v>
      </c>
      <c r="BM39" s="114">
        <v>0</v>
      </c>
      <c r="BN39" s="114">
        <v>0</v>
      </c>
      <c r="BO39" s="113">
        <v>71552</v>
      </c>
      <c r="BP39" s="116">
        <v>71552</v>
      </c>
      <c r="BQ39" s="110">
        <v>0</v>
      </c>
      <c r="BR39" s="114">
        <v>0</v>
      </c>
      <c r="BS39" s="113">
        <v>0</v>
      </c>
      <c r="BT39" s="110">
        <v>0</v>
      </c>
      <c r="BU39" s="114">
        <v>0</v>
      </c>
      <c r="BV39" s="114">
        <v>7152</v>
      </c>
      <c r="BW39" s="114">
        <v>0</v>
      </c>
      <c r="BX39" s="114">
        <v>0</v>
      </c>
      <c r="BY39" s="114">
        <v>26720</v>
      </c>
      <c r="BZ39" s="113">
        <v>33872</v>
      </c>
      <c r="CA39" s="116">
        <v>33872</v>
      </c>
      <c r="CB39" s="110">
        <v>0</v>
      </c>
      <c r="CC39" s="114">
        <v>0</v>
      </c>
      <c r="CD39" s="113">
        <v>0</v>
      </c>
      <c r="CE39" s="110">
        <v>0</v>
      </c>
      <c r="CF39" s="114">
        <v>0</v>
      </c>
      <c r="CG39" s="114">
        <v>11592</v>
      </c>
      <c r="CH39" s="114">
        <v>0</v>
      </c>
      <c r="CI39" s="114">
        <v>35392</v>
      </c>
      <c r="CJ39" s="114">
        <v>0</v>
      </c>
      <c r="CK39" s="113">
        <v>46984</v>
      </c>
      <c r="CL39" s="116">
        <v>46984</v>
      </c>
      <c r="CM39" s="110">
        <v>0</v>
      </c>
      <c r="CN39" s="114">
        <v>0</v>
      </c>
      <c r="CO39" s="113">
        <v>0</v>
      </c>
      <c r="CP39" s="111">
        <v>0</v>
      </c>
      <c r="CQ39" s="114">
        <v>0</v>
      </c>
      <c r="CR39" s="114">
        <v>11592</v>
      </c>
      <c r="CS39" s="114">
        <v>0</v>
      </c>
      <c r="CT39" s="114">
        <v>35392</v>
      </c>
      <c r="CU39" s="114">
        <v>0</v>
      </c>
      <c r="CV39" s="113">
        <v>46984</v>
      </c>
      <c r="CW39" s="116">
        <v>46984</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5"/>
      <c r="FE39" s="114">
        <v>0</v>
      </c>
      <c r="FF39" s="114">
        <v>0</v>
      </c>
      <c r="FG39" s="114">
        <v>0</v>
      </c>
      <c r="FH39" s="114">
        <v>0</v>
      </c>
      <c r="FI39" s="114">
        <v>0</v>
      </c>
      <c r="FJ39" s="113">
        <v>0</v>
      </c>
      <c r="FK39" s="116">
        <v>0</v>
      </c>
      <c r="FL39" s="110">
        <v>0</v>
      </c>
      <c r="FM39" s="114">
        <v>19520</v>
      </c>
      <c r="FN39" s="113">
        <v>19520</v>
      </c>
      <c r="FO39" s="110">
        <v>0</v>
      </c>
      <c r="FP39" s="114">
        <v>1600</v>
      </c>
      <c r="FQ39" s="114">
        <v>13040</v>
      </c>
      <c r="FR39" s="114">
        <v>32800</v>
      </c>
      <c r="FS39" s="114">
        <v>4400</v>
      </c>
      <c r="FT39" s="114">
        <v>0</v>
      </c>
      <c r="FU39" s="113">
        <v>51840</v>
      </c>
      <c r="FV39" s="116">
        <v>71360</v>
      </c>
      <c r="FW39" s="115">
        <v>0</v>
      </c>
      <c r="FX39" s="114">
        <v>19520</v>
      </c>
      <c r="FY39" s="112">
        <v>19520</v>
      </c>
      <c r="FZ39" s="111">
        <v>0</v>
      </c>
      <c r="GA39" s="114">
        <v>1600</v>
      </c>
      <c r="GB39" s="114">
        <v>13040</v>
      </c>
      <c r="GC39" s="114">
        <v>32800</v>
      </c>
      <c r="GD39" s="114">
        <v>4400</v>
      </c>
      <c r="GE39" s="114">
        <v>0</v>
      </c>
      <c r="GF39" s="113">
        <v>51840</v>
      </c>
      <c r="GG39" s="316">
        <v>71360</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21784</v>
      </c>
      <c r="HJ39" s="114">
        <v>0</v>
      </c>
      <c r="HK39" s="114">
        <v>0</v>
      </c>
      <c r="HL39" s="114">
        <v>459672</v>
      </c>
      <c r="HM39" s="113">
        <v>481456</v>
      </c>
      <c r="HN39" s="109">
        <v>481456</v>
      </c>
      <c r="HO39" s="326"/>
      <c r="HP39" s="327"/>
      <c r="HQ39" s="328"/>
      <c r="HR39" s="329"/>
      <c r="HS39" s="327"/>
      <c r="HT39" s="327"/>
      <c r="HU39" s="327"/>
      <c r="HV39" s="327"/>
      <c r="HW39" s="327"/>
      <c r="HX39" s="330"/>
      <c r="HY39" s="331"/>
      <c r="HZ39" s="131">
        <v>0</v>
      </c>
      <c r="IA39" s="132">
        <v>0</v>
      </c>
      <c r="IB39" s="133">
        <v>0</v>
      </c>
      <c r="IC39" s="146">
        <v>0</v>
      </c>
      <c r="ID39" s="132">
        <v>301696</v>
      </c>
      <c r="IE39" s="147">
        <v>252096</v>
      </c>
      <c r="IF39" s="133">
        <v>0</v>
      </c>
      <c r="IG39" s="132">
        <v>0</v>
      </c>
      <c r="IH39" s="133">
        <v>0</v>
      </c>
      <c r="II39" s="148">
        <v>553792</v>
      </c>
      <c r="IJ39" s="139">
        <v>553792</v>
      </c>
      <c r="IK39" s="232">
        <v>0</v>
      </c>
      <c r="IL39" s="236">
        <v>0</v>
      </c>
      <c r="IM39" s="237">
        <v>0</v>
      </c>
      <c r="IN39" s="140"/>
      <c r="IO39" s="119">
        <v>0</v>
      </c>
      <c r="IP39" s="119">
        <v>0</v>
      </c>
      <c r="IQ39" s="119">
        <v>0</v>
      </c>
      <c r="IR39" s="119">
        <v>0</v>
      </c>
      <c r="IS39" s="119">
        <v>0</v>
      </c>
      <c r="IT39" s="141">
        <v>0</v>
      </c>
      <c r="IU39" s="318">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76896</v>
      </c>
      <c r="JL39" s="119">
        <v>89128</v>
      </c>
      <c r="JM39" s="119">
        <v>0</v>
      </c>
      <c r="JN39" s="119">
        <v>0</v>
      </c>
      <c r="JO39" s="119">
        <v>0</v>
      </c>
      <c r="JP39" s="120">
        <v>166024</v>
      </c>
      <c r="JQ39" s="318">
        <v>166024</v>
      </c>
      <c r="JR39" s="142">
        <v>0</v>
      </c>
      <c r="JS39" s="119">
        <v>0</v>
      </c>
      <c r="JT39" s="141">
        <v>0</v>
      </c>
      <c r="JU39" s="118">
        <v>0</v>
      </c>
      <c r="JV39" s="119">
        <v>0</v>
      </c>
      <c r="JW39" s="119">
        <v>0</v>
      </c>
      <c r="JX39" s="119">
        <v>0</v>
      </c>
      <c r="JY39" s="119">
        <v>0</v>
      </c>
      <c r="JZ39" s="119">
        <v>0</v>
      </c>
      <c r="KA39" s="120">
        <v>0</v>
      </c>
      <c r="KB39" s="318">
        <v>0</v>
      </c>
      <c r="KC39" s="234">
        <v>0</v>
      </c>
      <c r="KD39" s="230">
        <v>0</v>
      </c>
      <c r="KE39" s="120">
        <v>0</v>
      </c>
      <c r="KF39" s="118">
        <v>0</v>
      </c>
      <c r="KG39" s="119">
        <v>224800</v>
      </c>
      <c r="KH39" s="119">
        <v>0</v>
      </c>
      <c r="KI39" s="119">
        <v>0</v>
      </c>
      <c r="KJ39" s="119">
        <v>0</v>
      </c>
      <c r="KK39" s="119">
        <v>0</v>
      </c>
      <c r="KL39" s="120">
        <v>224800</v>
      </c>
      <c r="KM39" s="143">
        <v>224800</v>
      </c>
      <c r="KN39" s="232">
        <v>0</v>
      </c>
      <c r="KO39" s="236">
        <v>0</v>
      </c>
      <c r="KP39" s="237">
        <v>0</v>
      </c>
      <c r="KQ39" s="140"/>
      <c r="KR39" s="119">
        <v>0</v>
      </c>
      <c r="KS39" s="119">
        <v>0</v>
      </c>
      <c r="KT39" s="119">
        <v>0</v>
      </c>
      <c r="KU39" s="119">
        <v>0</v>
      </c>
      <c r="KV39" s="119">
        <v>0</v>
      </c>
      <c r="KW39" s="120">
        <v>0</v>
      </c>
      <c r="KX39" s="318">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18">
        <v>0</v>
      </c>
      <c r="LU39" s="142">
        <v>0</v>
      </c>
      <c r="LV39" s="119">
        <v>0</v>
      </c>
      <c r="LW39" s="120">
        <v>0</v>
      </c>
      <c r="LX39" s="145"/>
      <c r="LY39" s="119">
        <v>0</v>
      </c>
      <c r="LZ39" s="119">
        <v>162968</v>
      </c>
      <c r="MA39" s="119">
        <v>0</v>
      </c>
      <c r="MB39" s="119">
        <v>0</v>
      </c>
      <c r="MC39" s="119">
        <v>0</v>
      </c>
      <c r="MD39" s="120">
        <v>162968</v>
      </c>
      <c r="ME39" s="121">
        <v>162968</v>
      </c>
      <c r="MF39" s="142">
        <v>0</v>
      </c>
      <c r="MG39" s="119">
        <v>0</v>
      </c>
      <c r="MH39" s="120">
        <v>0</v>
      </c>
      <c r="MI39" s="145"/>
      <c r="MJ39" s="119">
        <v>0</v>
      </c>
      <c r="MK39" s="119">
        <v>0</v>
      </c>
      <c r="ML39" s="119">
        <v>473064</v>
      </c>
      <c r="MM39" s="119">
        <v>0</v>
      </c>
      <c r="MN39" s="119">
        <v>0</v>
      </c>
      <c r="MO39" s="120">
        <v>473064</v>
      </c>
      <c r="MP39" s="143">
        <v>473064</v>
      </c>
      <c r="MQ39" s="142">
        <v>0</v>
      </c>
      <c r="MR39" s="119">
        <v>0</v>
      </c>
      <c r="MS39" s="120">
        <v>0</v>
      </c>
      <c r="MT39" s="145"/>
      <c r="MU39" s="119">
        <v>0</v>
      </c>
      <c r="MV39" s="119">
        <v>0</v>
      </c>
      <c r="MW39" s="119">
        <v>211320</v>
      </c>
      <c r="MX39" s="119">
        <v>0</v>
      </c>
      <c r="MY39" s="119">
        <v>0</v>
      </c>
      <c r="MZ39" s="120">
        <v>211320</v>
      </c>
      <c r="NA39" s="143">
        <v>211320</v>
      </c>
      <c r="NB39" s="142">
        <v>0</v>
      </c>
      <c r="NC39" s="119">
        <v>0</v>
      </c>
      <c r="ND39" s="120">
        <v>0</v>
      </c>
      <c r="NE39" s="145"/>
      <c r="NF39" s="119">
        <v>0</v>
      </c>
      <c r="NG39" s="119">
        <v>0</v>
      </c>
      <c r="NH39" s="119">
        <v>261744</v>
      </c>
      <c r="NI39" s="119">
        <v>0</v>
      </c>
      <c r="NJ39" s="119">
        <v>0</v>
      </c>
      <c r="NK39" s="120">
        <v>261744</v>
      </c>
      <c r="NL39" s="318">
        <v>261744</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19520</v>
      </c>
      <c r="OK39" s="141">
        <v>19520</v>
      </c>
      <c r="OL39" s="118">
        <v>0</v>
      </c>
      <c r="OM39" s="119">
        <v>310816</v>
      </c>
      <c r="ON39" s="119">
        <v>377216</v>
      </c>
      <c r="OO39" s="119">
        <v>505864</v>
      </c>
      <c r="OP39" s="119">
        <v>39792</v>
      </c>
      <c r="OQ39" s="119">
        <v>486392</v>
      </c>
      <c r="OR39" s="120">
        <v>1720080</v>
      </c>
      <c r="OS39" s="143">
        <v>1739600</v>
      </c>
    </row>
    <row r="40" spans="2:409" ht="21" customHeight="1" x14ac:dyDescent="0.2">
      <c r="B40" s="126" t="s">
        <v>35</v>
      </c>
      <c r="C40" s="110">
        <v>214671</v>
      </c>
      <c r="D40" s="114">
        <v>127227</v>
      </c>
      <c r="E40" s="113">
        <v>341898</v>
      </c>
      <c r="F40" s="109">
        <v>0</v>
      </c>
      <c r="G40" s="114">
        <v>1576314</v>
      </c>
      <c r="H40" s="114">
        <v>674030</v>
      </c>
      <c r="I40" s="114">
        <v>215048</v>
      </c>
      <c r="J40" s="114">
        <v>1062212</v>
      </c>
      <c r="K40" s="114">
        <v>882666</v>
      </c>
      <c r="L40" s="173">
        <v>4410270</v>
      </c>
      <c r="M40" s="116">
        <v>4752168</v>
      </c>
      <c r="N40" s="110">
        <v>28224</v>
      </c>
      <c r="O40" s="114">
        <v>9600</v>
      </c>
      <c r="P40" s="113">
        <v>37824</v>
      </c>
      <c r="Q40" s="110">
        <v>0</v>
      </c>
      <c r="R40" s="114">
        <v>454007</v>
      </c>
      <c r="S40" s="114">
        <v>107280</v>
      </c>
      <c r="T40" s="114">
        <v>37824</v>
      </c>
      <c r="U40" s="114">
        <v>215616</v>
      </c>
      <c r="V40" s="114">
        <v>615086</v>
      </c>
      <c r="W40" s="113">
        <v>1429813</v>
      </c>
      <c r="X40" s="116">
        <v>1467637</v>
      </c>
      <c r="Y40" s="110">
        <v>0</v>
      </c>
      <c r="Z40" s="114">
        <v>0</v>
      </c>
      <c r="AA40" s="113">
        <v>0</v>
      </c>
      <c r="AB40" s="110">
        <v>0</v>
      </c>
      <c r="AC40" s="114">
        <v>267047</v>
      </c>
      <c r="AD40" s="114">
        <v>36304</v>
      </c>
      <c r="AE40" s="114">
        <v>0</v>
      </c>
      <c r="AF40" s="114">
        <v>0</v>
      </c>
      <c r="AG40" s="114">
        <v>222294</v>
      </c>
      <c r="AH40" s="113">
        <v>525645</v>
      </c>
      <c r="AI40" s="116">
        <v>525645</v>
      </c>
      <c r="AJ40" s="110">
        <v>0</v>
      </c>
      <c r="AK40" s="114">
        <v>0</v>
      </c>
      <c r="AL40" s="113">
        <v>0</v>
      </c>
      <c r="AM40" s="110">
        <v>0</v>
      </c>
      <c r="AN40" s="114">
        <v>0</v>
      </c>
      <c r="AO40" s="114">
        <v>0</v>
      </c>
      <c r="AP40" s="114">
        <v>0</v>
      </c>
      <c r="AQ40" s="114">
        <v>0</v>
      </c>
      <c r="AR40" s="114">
        <v>131800</v>
      </c>
      <c r="AS40" s="113">
        <v>131800</v>
      </c>
      <c r="AT40" s="116">
        <v>131800</v>
      </c>
      <c r="AU40" s="110">
        <v>0</v>
      </c>
      <c r="AV40" s="114">
        <v>0</v>
      </c>
      <c r="AW40" s="113">
        <v>0</v>
      </c>
      <c r="AX40" s="110">
        <v>0</v>
      </c>
      <c r="AY40" s="114">
        <v>36192</v>
      </c>
      <c r="AZ40" s="114">
        <v>33920</v>
      </c>
      <c r="BA40" s="114">
        <v>28224</v>
      </c>
      <c r="BB40" s="114">
        <v>98448</v>
      </c>
      <c r="BC40" s="114">
        <v>204632</v>
      </c>
      <c r="BD40" s="113">
        <v>401416</v>
      </c>
      <c r="BE40" s="116">
        <v>401416</v>
      </c>
      <c r="BF40" s="110">
        <v>15024</v>
      </c>
      <c r="BG40" s="114">
        <v>0</v>
      </c>
      <c r="BH40" s="112">
        <v>15024</v>
      </c>
      <c r="BI40" s="111">
        <v>0</v>
      </c>
      <c r="BJ40" s="114">
        <v>53736</v>
      </c>
      <c r="BK40" s="114">
        <v>0</v>
      </c>
      <c r="BL40" s="114">
        <v>0</v>
      </c>
      <c r="BM40" s="114">
        <v>48624</v>
      </c>
      <c r="BN40" s="114">
        <v>0</v>
      </c>
      <c r="BO40" s="113">
        <v>102360</v>
      </c>
      <c r="BP40" s="116">
        <v>117384</v>
      </c>
      <c r="BQ40" s="110">
        <v>13200</v>
      </c>
      <c r="BR40" s="114">
        <v>9600</v>
      </c>
      <c r="BS40" s="113">
        <v>22800</v>
      </c>
      <c r="BT40" s="110">
        <v>0</v>
      </c>
      <c r="BU40" s="114">
        <v>97032</v>
      </c>
      <c r="BV40" s="114">
        <v>37056</v>
      </c>
      <c r="BW40" s="114">
        <v>9600</v>
      </c>
      <c r="BX40" s="114">
        <v>68544</v>
      </c>
      <c r="BY40" s="114">
        <v>56360</v>
      </c>
      <c r="BZ40" s="113">
        <v>268592</v>
      </c>
      <c r="CA40" s="116">
        <v>291392</v>
      </c>
      <c r="CB40" s="110">
        <v>20728</v>
      </c>
      <c r="CC40" s="114">
        <v>33523</v>
      </c>
      <c r="CD40" s="113">
        <v>54251</v>
      </c>
      <c r="CE40" s="110">
        <v>0</v>
      </c>
      <c r="CF40" s="114">
        <v>352343</v>
      </c>
      <c r="CG40" s="114">
        <v>266800</v>
      </c>
      <c r="CH40" s="114">
        <v>129624</v>
      </c>
      <c r="CI40" s="114">
        <v>0</v>
      </c>
      <c r="CJ40" s="114">
        <v>0</v>
      </c>
      <c r="CK40" s="113">
        <v>748767</v>
      </c>
      <c r="CL40" s="116">
        <v>803018</v>
      </c>
      <c r="CM40" s="110">
        <v>0</v>
      </c>
      <c r="CN40" s="114">
        <v>0</v>
      </c>
      <c r="CO40" s="113">
        <v>0</v>
      </c>
      <c r="CP40" s="111">
        <v>0</v>
      </c>
      <c r="CQ40" s="114">
        <v>255255</v>
      </c>
      <c r="CR40" s="114">
        <v>266800</v>
      </c>
      <c r="CS40" s="114">
        <v>129624</v>
      </c>
      <c r="CT40" s="114">
        <v>0</v>
      </c>
      <c r="CU40" s="114">
        <v>0</v>
      </c>
      <c r="CV40" s="113">
        <v>651679</v>
      </c>
      <c r="CW40" s="116">
        <v>651679</v>
      </c>
      <c r="CX40" s="110">
        <v>20728</v>
      </c>
      <c r="CY40" s="114">
        <v>33523</v>
      </c>
      <c r="CZ40" s="113">
        <v>54251</v>
      </c>
      <c r="DA40" s="110">
        <v>0</v>
      </c>
      <c r="DB40" s="114">
        <v>97088</v>
      </c>
      <c r="DC40" s="114">
        <v>0</v>
      </c>
      <c r="DD40" s="114">
        <v>0</v>
      </c>
      <c r="DE40" s="114">
        <v>0</v>
      </c>
      <c r="DF40" s="114">
        <v>0</v>
      </c>
      <c r="DG40" s="113">
        <v>97088</v>
      </c>
      <c r="DH40" s="116">
        <v>151339</v>
      </c>
      <c r="DI40" s="110">
        <v>0</v>
      </c>
      <c r="DJ40" s="114">
        <v>0</v>
      </c>
      <c r="DK40" s="112">
        <v>0</v>
      </c>
      <c r="DL40" s="111">
        <v>0</v>
      </c>
      <c r="DM40" s="114">
        <v>0</v>
      </c>
      <c r="DN40" s="114">
        <v>246446</v>
      </c>
      <c r="DO40" s="114">
        <v>0</v>
      </c>
      <c r="DP40" s="114">
        <v>0</v>
      </c>
      <c r="DQ40" s="114">
        <v>0</v>
      </c>
      <c r="DR40" s="113">
        <v>246446</v>
      </c>
      <c r="DS40" s="116">
        <v>246446</v>
      </c>
      <c r="DT40" s="110">
        <v>0</v>
      </c>
      <c r="DU40" s="114">
        <v>0</v>
      </c>
      <c r="DV40" s="113">
        <v>0</v>
      </c>
      <c r="DW40" s="110">
        <v>0</v>
      </c>
      <c r="DX40" s="114">
        <v>0</v>
      </c>
      <c r="DY40" s="114">
        <v>246446</v>
      </c>
      <c r="DZ40" s="114">
        <v>0</v>
      </c>
      <c r="EA40" s="114">
        <v>0</v>
      </c>
      <c r="EB40" s="114">
        <v>0</v>
      </c>
      <c r="EC40" s="113">
        <v>246446</v>
      </c>
      <c r="ED40" s="116">
        <v>246446</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5"/>
      <c r="FE40" s="114">
        <v>0</v>
      </c>
      <c r="FF40" s="114">
        <v>0</v>
      </c>
      <c r="FG40" s="114">
        <v>0</v>
      </c>
      <c r="FH40" s="114">
        <v>0</v>
      </c>
      <c r="FI40" s="114">
        <v>0</v>
      </c>
      <c r="FJ40" s="113">
        <v>0</v>
      </c>
      <c r="FK40" s="116">
        <v>0</v>
      </c>
      <c r="FL40" s="110">
        <v>0</v>
      </c>
      <c r="FM40" s="114">
        <v>0</v>
      </c>
      <c r="FN40" s="113">
        <v>0</v>
      </c>
      <c r="FO40" s="110">
        <v>0</v>
      </c>
      <c r="FP40" s="114">
        <v>34312</v>
      </c>
      <c r="FQ40" s="114">
        <v>53504</v>
      </c>
      <c r="FR40" s="114">
        <v>47600</v>
      </c>
      <c r="FS40" s="114">
        <v>26000</v>
      </c>
      <c r="FT40" s="114">
        <v>30000</v>
      </c>
      <c r="FU40" s="113">
        <v>191416</v>
      </c>
      <c r="FV40" s="116">
        <v>191416</v>
      </c>
      <c r="FW40" s="115">
        <v>0</v>
      </c>
      <c r="FX40" s="114">
        <v>0</v>
      </c>
      <c r="FY40" s="112">
        <v>0</v>
      </c>
      <c r="FZ40" s="111">
        <v>0</v>
      </c>
      <c r="GA40" s="114">
        <v>34312</v>
      </c>
      <c r="GB40" s="114">
        <v>53504</v>
      </c>
      <c r="GC40" s="114">
        <v>47600</v>
      </c>
      <c r="GD40" s="114">
        <v>26000</v>
      </c>
      <c r="GE40" s="114">
        <v>30000</v>
      </c>
      <c r="GF40" s="113">
        <v>191416</v>
      </c>
      <c r="GG40" s="316">
        <v>191416</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165719</v>
      </c>
      <c r="HE40" s="114">
        <v>84104</v>
      </c>
      <c r="HF40" s="112">
        <v>249823</v>
      </c>
      <c r="HG40" s="111">
        <v>0</v>
      </c>
      <c r="HH40" s="114">
        <v>735652</v>
      </c>
      <c r="HI40" s="114">
        <v>0</v>
      </c>
      <c r="HJ40" s="114">
        <v>0</v>
      </c>
      <c r="HK40" s="114">
        <v>820596</v>
      </c>
      <c r="HL40" s="114">
        <v>237580</v>
      </c>
      <c r="HM40" s="113">
        <v>1793828</v>
      </c>
      <c r="HN40" s="109">
        <v>2043651</v>
      </c>
      <c r="HO40" s="326"/>
      <c r="HP40" s="327"/>
      <c r="HQ40" s="328"/>
      <c r="HR40" s="329"/>
      <c r="HS40" s="327"/>
      <c r="HT40" s="327"/>
      <c r="HU40" s="327"/>
      <c r="HV40" s="327"/>
      <c r="HW40" s="327"/>
      <c r="HX40" s="330"/>
      <c r="HY40" s="331"/>
      <c r="HZ40" s="150">
        <v>0</v>
      </c>
      <c r="IA40" s="135">
        <v>0</v>
      </c>
      <c r="IB40" s="150">
        <v>0</v>
      </c>
      <c r="IC40" s="146">
        <v>0</v>
      </c>
      <c r="ID40" s="132">
        <v>120904</v>
      </c>
      <c r="IE40" s="147">
        <v>229368</v>
      </c>
      <c r="IF40" s="133">
        <v>125008</v>
      </c>
      <c r="IG40" s="132">
        <v>0</v>
      </c>
      <c r="IH40" s="133">
        <v>0</v>
      </c>
      <c r="II40" s="148">
        <v>475280</v>
      </c>
      <c r="IJ40" s="150">
        <v>475280</v>
      </c>
      <c r="IK40" s="232">
        <v>0</v>
      </c>
      <c r="IL40" s="236">
        <v>0</v>
      </c>
      <c r="IM40" s="237">
        <v>0</v>
      </c>
      <c r="IN40" s="140"/>
      <c r="IO40" s="119">
        <v>0</v>
      </c>
      <c r="IP40" s="119">
        <v>0</v>
      </c>
      <c r="IQ40" s="119">
        <v>125008</v>
      </c>
      <c r="IR40" s="119">
        <v>0</v>
      </c>
      <c r="IS40" s="119">
        <v>0</v>
      </c>
      <c r="IT40" s="141">
        <v>125008</v>
      </c>
      <c r="IU40" s="318">
        <v>125008</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18">
        <v>0</v>
      </c>
      <c r="JR40" s="142">
        <v>0</v>
      </c>
      <c r="JS40" s="119">
        <v>0</v>
      </c>
      <c r="JT40" s="141">
        <v>0</v>
      </c>
      <c r="JU40" s="118">
        <v>0</v>
      </c>
      <c r="JV40" s="119">
        <v>0</v>
      </c>
      <c r="JW40" s="119">
        <v>0</v>
      </c>
      <c r="JX40" s="119">
        <v>0</v>
      </c>
      <c r="JY40" s="119">
        <v>0</v>
      </c>
      <c r="JZ40" s="119">
        <v>0</v>
      </c>
      <c r="KA40" s="120">
        <v>0</v>
      </c>
      <c r="KB40" s="318">
        <v>0</v>
      </c>
      <c r="KC40" s="234">
        <v>0</v>
      </c>
      <c r="KD40" s="230">
        <v>0</v>
      </c>
      <c r="KE40" s="120">
        <v>0</v>
      </c>
      <c r="KF40" s="118">
        <v>0</v>
      </c>
      <c r="KG40" s="119">
        <v>120904</v>
      </c>
      <c r="KH40" s="119">
        <v>0</v>
      </c>
      <c r="KI40" s="119">
        <v>0</v>
      </c>
      <c r="KJ40" s="119">
        <v>0</v>
      </c>
      <c r="KK40" s="119">
        <v>0</v>
      </c>
      <c r="KL40" s="120">
        <v>120904</v>
      </c>
      <c r="KM40" s="143">
        <v>120904</v>
      </c>
      <c r="KN40" s="232">
        <v>0</v>
      </c>
      <c r="KO40" s="236">
        <v>0</v>
      </c>
      <c r="KP40" s="237">
        <v>0</v>
      </c>
      <c r="KQ40" s="140"/>
      <c r="KR40" s="119">
        <v>0</v>
      </c>
      <c r="KS40" s="119">
        <v>229368</v>
      </c>
      <c r="KT40" s="119">
        <v>0</v>
      </c>
      <c r="KU40" s="119">
        <v>0</v>
      </c>
      <c r="KV40" s="119">
        <v>0</v>
      </c>
      <c r="KW40" s="120">
        <v>229368</v>
      </c>
      <c r="KX40" s="318">
        <v>229368</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18">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209656</v>
      </c>
      <c r="MK40" s="119">
        <v>542808</v>
      </c>
      <c r="ML40" s="119">
        <v>602708</v>
      </c>
      <c r="MM40" s="119">
        <v>326168</v>
      </c>
      <c r="MN40" s="119">
        <v>603160</v>
      </c>
      <c r="MO40" s="120">
        <v>2284500</v>
      </c>
      <c r="MP40" s="143">
        <v>2284500</v>
      </c>
      <c r="MQ40" s="142">
        <v>0</v>
      </c>
      <c r="MR40" s="119">
        <v>0</v>
      </c>
      <c r="MS40" s="120">
        <v>0</v>
      </c>
      <c r="MT40" s="145"/>
      <c r="MU40" s="119">
        <v>0</v>
      </c>
      <c r="MV40" s="119">
        <v>0</v>
      </c>
      <c r="MW40" s="119">
        <v>0</v>
      </c>
      <c r="MX40" s="119">
        <v>256552</v>
      </c>
      <c r="MY40" s="119">
        <v>603160</v>
      </c>
      <c r="MZ40" s="120">
        <v>859712</v>
      </c>
      <c r="NA40" s="143">
        <v>859712</v>
      </c>
      <c r="NB40" s="142">
        <v>0</v>
      </c>
      <c r="NC40" s="119">
        <v>0</v>
      </c>
      <c r="ND40" s="120">
        <v>0</v>
      </c>
      <c r="NE40" s="145"/>
      <c r="NF40" s="119">
        <v>209656</v>
      </c>
      <c r="NG40" s="119">
        <v>542808</v>
      </c>
      <c r="NH40" s="119">
        <v>602708</v>
      </c>
      <c r="NI40" s="119">
        <v>69616</v>
      </c>
      <c r="NJ40" s="119">
        <v>0</v>
      </c>
      <c r="NK40" s="120">
        <v>1424788</v>
      </c>
      <c r="NL40" s="318">
        <v>1424788</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14671</v>
      </c>
      <c r="OJ40" s="119">
        <v>127227</v>
      </c>
      <c r="OK40" s="141">
        <v>341898</v>
      </c>
      <c r="OL40" s="118">
        <v>0</v>
      </c>
      <c r="OM40" s="119">
        <v>1906874</v>
      </c>
      <c r="ON40" s="119">
        <v>1446206</v>
      </c>
      <c r="OO40" s="119">
        <v>942764</v>
      </c>
      <c r="OP40" s="119">
        <v>1388380</v>
      </c>
      <c r="OQ40" s="119">
        <v>1485826</v>
      </c>
      <c r="OR40" s="120">
        <v>7170050</v>
      </c>
      <c r="OS40" s="143">
        <v>7511948</v>
      </c>
    </row>
    <row r="41" spans="2:409" ht="21" customHeight="1" x14ac:dyDescent="0.2">
      <c r="B41" s="126" t="s">
        <v>36</v>
      </c>
      <c r="C41" s="110">
        <v>0</v>
      </c>
      <c r="D41" s="114">
        <v>81427</v>
      </c>
      <c r="E41" s="113">
        <v>81427</v>
      </c>
      <c r="F41" s="109">
        <v>0</v>
      </c>
      <c r="G41" s="114">
        <v>571903</v>
      </c>
      <c r="H41" s="114">
        <v>499979</v>
      </c>
      <c r="I41" s="114">
        <v>396713</v>
      </c>
      <c r="J41" s="114">
        <v>313656</v>
      </c>
      <c r="K41" s="114">
        <v>910888</v>
      </c>
      <c r="L41" s="173">
        <v>2693139</v>
      </c>
      <c r="M41" s="116">
        <v>2774566</v>
      </c>
      <c r="N41" s="110">
        <v>0</v>
      </c>
      <c r="O41" s="114">
        <v>20931</v>
      </c>
      <c r="P41" s="113">
        <v>20931</v>
      </c>
      <c r="Q41" s="110">
        <v>0</v>
      </c>
      <c r="R41" s="114">
        <v>157670</v>
      </c>
      <c r="S41" s="114">
        <v>205253</v>
      </c>
      <c r="T41" s="114">
        <v>49283</v>
      </c>
      <c r="U41" s="114">
        <v>239079</v>
      </c>
      <c r="V41" s="114">
        <v>662414</v>
      </c>
      <c r="W41" s="113">
        <v>1313699</v>
      </c>
      <c r="X41" s="116">
        <v>1334630</v>
      </c>
      <c r="Y41" s="110">
        <v>0</v>
      </c>
      <c r="Z41" s="114">
        <v>0</v>
      </c>
      <c r="AA41" s="113">
        <v>0</v>
      </c>
      <c r="AB41" s="110">
        <v>0</v>
      </c>
      <c r="AC41" s="114">
        <v>38616</v>
      </c>
      <c r="AD41" s="114">
        <v>153016</v>
      </c>
      <c r="AE41" s="114">
        <v>31843</v>
      </c>
      <c r="AF41" s="114">
        <v>224023</v>
      </c>
      <c r="AG41" s="114">
        <v>535230</v>
      </c>
      <c r="AH41" s="113">
        <v>982728</v>
      </c>
      <c r="AI41" s="116">
        <v>982728</v>
      </c>
      <c r="AJ41" s="110">
        <v>0</v>
      </c>
      <c r="AK41" s="114">
        <v>0</v>
      </c>
      <c r="AL41" s="113">
        <v>0</v>
      </c>
      <c r="AM41" s="110">
        <v>0</v>
      </c>
      <c r="AN41" s="114">
        <v>43142</v>
      </c>
      <c r="AO41" s="114">
        <v>0</v>
      </c>
      <c r="AP41" s="114">
        <v>0</v>
      </c>
      <c r="AQ41" s="114">
        <v>0</v>
      </c>
      <c r="AR41" s="114">
        <v>0</v>
      </c>
      <c r="AS41" s="113">
        <v>43142</v>
      </c>
      <c r="AT41" s="116">
        <v>43142</v>
      </c>
      <c r="AU41" s="110">
        <v>0</v>
      </c>
      <c r="AV41" s="114">
        <v>0</v>
      </c>
      <c r="AW41" s="113">
        <v>0</v>
      </c>
      <c r="AX41" s="110">
        <v>0</v>
      </c>
      <c r="AY41" s="114">
        <v>75912</v>
      </c>
      <c r="AZ41" s="114">
        <v>0</v>
      </c>
      <c r="BA41" s="114">
        <v>0</v>
      </c>
      <c r="BB41" s="114">
        <v>0</v>
      </c>
      <c r="BC41" s="114">
        <v>76184</v>
      </c>
      <c r="BD41" s="113">
        <v>152096</v>
      </c>
      <c r="BE41" s="116">
        <v>152096</v>
      </c>
      <c r="BF41" s="110">
        <v>0</v>
      </c>
      <c r="BG41" s="114">
        <v>20931</v>
      </c>
      <c r="BH41" s="112">
        <v>20931</v>
      </c>
      <c r="BI41" s="111">
        <v>0</v>
      </c>
      <c r="BJ41" s="114">
        <v>0</v>
      </c>
      <c r="BK41" s="114">
        <v>21933</v>
      </c>
      <c r="BL41" s="114">
        <v>0</v>
      </c>
      <c r="BM41" s="114">
        <v>0</v>
      </c>
      <c r="BN41" s="114">
        <v>0</v>
      </c>
      <c r="BO41" s="113">
        <v>21933</v>
      </c>
      <c r="BP41" s="116">
        <v>42864</v>
      </c>
      <c r="BQ41" s="110">
        <v>0</v>
      </c>
      <c r="BR41" s="114">
        <v>0</v>
      </c>
      <c r="BS41" s="113">
        <v>0</v>
      </c>
      <c r="BT41" s="110">
        <v>0</v>
      </c>
      <c r="BU41" s="114">
        <v>0</v>
      </c>
      <c r="BV41" s="114">
        <v>30304</v>
      </c>
      <c r="BW41" s="114">
        <v>17440</v>
      </c>
      <c r="BX41" s="114">
        <v>15056</v>
      </c>
      <c r="BY41" s="114">
        <v>51000</v>
      </c>
      <c r="BZ41" s="113">
        <v>113800</v>
      </c>
      <c r="CA41" s="116">
        <v>113800</v>
      </c>
      <c r="CB41" s="110">
        <v>0</v>
      </c>
      <c r="CC41" s="114">
        <v>37296</v>
      </c>
      <c r="CD41" s="113">
        <v>37296</v>
      </c>
      <c r="CE41" s="110">
        <v>0</v>
      </c>
      <c r="CF41" s="114">
        <v>222717</v>
      </c>
      <c r="CG41" s="114">
        <v>50703</v>
      </c>
      <c r="CH41" s="114">
        <v>134279</v>
      </c>
      <c r="CI41" s="114">
        <v>43153</v>
      </c>
      <c r="CJ41" s="114">
        <v>22630</v>
      </c>
      <c r="CK41" s="113">
        <v>473482</v>
      </c>
      <c r="CL41" s="116">
        <v>510778</v>
      </c>
      <c r="CM41" s="110">
        <v>0</v>
      </c>
      <c r="CN41" s="114">
        <v>0</v>
      </c>
      <c r="CO41" s="113">
        <v>0</v>
      </c>
      <c r="CP41" s="111">
        <v>0</v>
      </c>
      <c r="CQ41" s="114">
        <v>166870</v>
      </c>
      <c r="CR41" s="114">
        <v>50703</v>
      </c>
      <c r="CS41" s="114">
        <v>97473</v>
      </c>
      <c r="CT41" s="114">
        <v>0</v>
      </c>
      <c r="CU41" s="114">
        <v>22630</v>
      </c>
      <c r="CV41" s="113">
        <v>337676</v>
      </c>
      <c r="CW41" s="116">
        <v>337676</v>
      </c>
      <c r="CX41" s="110">
        <v>0</v>
      </c>
      <c r="CY41" s="114">
        <v>37296</v>
      </c>
      <c r="CZ41" s="113">
        <v>37296</v>
      </c>
      <c r="DA41" s="110">
        <v>0</v>
      </c>
      <c r="DB41" s="114">
        <v>55847</v>
      </c>
      <c r="DC41" s="114">
        <v>0</v>
      </c>
      <c r="DD41" s="114">
        <v>36806</v>
      </c>
      <c r="DE41" s="114">
        <v>43153</v>
      </c>
      <c r="DF41" s="114">
        <v>0</v>
      </c>
      <c r="DG41" s="113">
        <v>135806</v>
      </c>
      <c r="DH41" s="116">
        <v>173102</v>
      </c>
      <c r="DI41" s="110">
        <v>0</v>
      </c>
      <c r="DJ41" s="114">
        <v>0</v>
      </c>
      <c r="DK41" s="112">
        <v>0</v>
      </c>
      <c r="DL41" s="111">
        <v>0</v>
      </c>
      <c r="DM41" s="114">
        <v>0</v>
      </c>
      <c r="DN41" s="114">
        <v>16483</v>
      </c>
      <c r="DO41" s="114">
        <v>18179</v>
      </c>
      <c r="DP41" s="114">
        <v>0</v>
      </c>
      <c r="DQ41" s="114">
        <v>0</v>
      </c>
      <c r="DR41" s="113">
        <v>34662</v>
      </c>
      <c r="DS41" s="116">
        <v>34662</v>
      </c>
      <c r="DT41" s="110">
        <v>0</v>
      </c>
      <c r="DU41" s="114">
        <v>0</v>
      </c>
      <c r="DV41" s="113">
        <v>0</v>
      </c>
      <c r="DW41" s="110">
        <v>0</v>
      </c>
      <c r="DX41" s="114">
        <v>0</v>
      </c>
      <c r="DY41" s="114">
        <v>16483</v>
      </c>
      <c r="DZ41" s="114">
        <v>18179</v>
      </c>
      <c r="EA41" s="114">
        <v>0</v>
      </c>
      <c r="EB41" s="114">
        <v>0</v>
      </c>
      <c r="EC41" s="113">
        <v>34662</v>
      </c>
      <c r="ED41" s="116">
        <v>34662</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5"/>
      <c r="FE41" s="114">
        <v>0</v>
      </c>
      <c r="FF41" s="114">
        <v>0</v>
      </c>
      <c r="FG41" s="114">
        <v>0</v>
      </c>
      <c r="FH41" s="114">
        <v>0</v>
      </c>
      <c r="FI41" s="114">
        <v>0</v>
      </c>
      <c r="FJ41" s="113">
        <v>0</v>
      </c>
      <c r="FK41" s="116">
        <v>0</v>
      </c>
      <c r="FL41" s="110">
        <v>0</v>
      </c>
      <c r="FM41" s="114">
        <v>23200</v>
      </c>
      <c r="FN41" s="113">
        <v>23200</v>
      </c>
      <c r="FO41" s="110">
        <v>0</v>
      </c>
      <c r="FP41" s="114">
        <v>33872</v>
      </c>
      <c r="FQ41" s="114">
        <v>58160</v>
      </c>
      <c r="FR41" s="114">
        <v>0</v>
      </c>
      <c r="FS41" s="114">
        <v>31424</v>
      </c>
      <c r="FT41" s="114">
        <v>0</v>
      </c>
      <c r="FU41" s="113">
        <v>123456</v>
      </c>
      <c r="FV41" s="116">
        <v>146656</v>
      </c>
      <c r="FW41" s="115">
        <v>0</v>
      </c>
      <c r="FX41" s="114">
        <v>23200</v>
      </c>
      <c r="FY41" s="112">
        <v>23200</v>
      </c>
      <c r="FZ41" s="111">
        <v>0</v>
      </c>
      <c r="GA41" s="114">
        <v>33872</v>
      </c>
      <c r="GB41" s="114">
        <v>58160</v>
      </c>
      <c r="GC41" s="114">
        <v>0</v>
      </c>
      <c r="GD41" s="114">
        <v>31424</v>
      </c>
      <c r="GE41" s="114">
        <v>0</v>
      </c>
      <c r="GF41" s="113">
        <v>123456</v>
      </c>
      <c r="GG41" s="316">
        <v>146656</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157644</v>
      </c>
      <c r="HI41" s="114">
        <v>169380</v>
      </c>
      <c r="HJ41" s="114">
        <v>194972</v>
      </c>
      <c r="HK41" s="114">
        <v>0</v>
      </c>
      <c r="HL41" s="114">
        <v>225844</v>
      </c>
      <c r="HM41" s="113">
        <v>747840</v>
      </c>
      <c r="HN41" s="109">
        <v>747840</v>
      </c>
      <c r="HO41" s="326"/>
      <c r="HP41" s="327"/>
      <c r="HQ41" s="328"/>
      <c r="HR41" s="329"/>
      <c r="HS41" s="327"/>
      <c r="HT41" s="327"/>
      <c r="HU41" s="327"/>
      <c r="HV41" s="327"/>
      <c r="HW41" s="327"/>
      <c r="HX41" s="330"/>
      <c r="HY41" s="331"/>
      <c r="HZ41" s="131">
        <v>0</v>
      </c>
      <c r="IA41" s="132">
        <v>0</v>
      </c>
      <c r="IB41" s="133">
        <v>0</v>
      </c>
      <c r="IC41" s="146">
        <v>0</v>
      </c>
      <c r="ID41" s="132">
        <v>135948</v>
      </c>
      <c r="IE41" s="147">
        <v>521218</v>
      </c>
      <c r="IF41" s="133">
        <v>83540</v>
      </c>
      <c r="IG41" s="132">
        <v>0</v>
      </c>
      <c r="IH41" s="133">
        <v>0</v>
      </c>
      <c r="II41" s="148">
        <v>740706</v>
      </c>
      <c r="IJ41" s="139">
        <v>740706</v>
      </c>
      <c r="IK41" s="232">
        <v>0</v>
      </c>
      <c r="IL41" s="236">
        <v>0</v>
      </c>
      <c r="IM41" s="237">
        <v>0</v>
      </c>
      <c r="IN41" s="140"/>
      <c r="IO41" s="119">
        <v>0</v>
      </c>
      <c r="IP41" s="119">
        <v>0</v>
      </c>
      <c r="IQ41" s="119">
        <v>0</v>
      </c>
      <c r="IR41" s="119">
        <v>0</v>
      </c>
      <c r="IS41" s="119">
        <v>0</v>
      </c>
      <c r="IT41" s="141">
        <v>0</v>
      </c>
      <c r="IU41" s="318">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35948</v>
      </c>
      <c r="JL41" s="119">
        <v>33138</v>
      </c>
      <c r="JM41" s="119">
        <v>83540</v>
      </c>
      <c r="JN41" s="119">
        <v>0</v>
      </c>
      <c r="JO41" s="119">
        <v>0</v>
      </c>
      <c r="JP41" s="120">
        <v>252626</v>
      </c>
      <c r="JQ41" s="318">
        <v>252626</v>
      </c>
      <c r="JR41" s="142">
        <v>0</v>
      </c>
      <c r="JS41" s="119">
        <v>0</v>
      </c>
      <c r="JT41" s="141">
        <v>0</v>
      </c>
      <c r="JU41" s="118">
        <v>0</v>
      </c>
      <c r="JV41" s="119">
        <v>0</v>
      </c>
      <c r="JW41" s="119">
        <v>0</v>
      </c>
      <c r="JX41" s="119">
        <v>0</v>
      </c>
      <c r="JY41" s="119">
        <v>0</v>
      </c>
      <c r="JZ41" s="119">
        <v>0</v>
      </c>
      <c r="KA41" s="120">
        <v>0</v>
      </c>
      <c r="KB41" s="318">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488080</v>
      </c>
      <c r="KT41" s="119">
        <v>0</v>
      </c>
      <c r="KU41" s="119">
        <v>0</v>
      </c>
      <c r="KV41" s="119">
        <v>0</v>
      </c>
      <c r="KW41" s="120">
        <v>488080</v>
      </c>
      <c r="KX41" s="318">
        <v>488080</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18">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0</v>
      </c>
      <c r="MK41" s="119">
        <v>475008</v>
      </c>
      <c r="ML41" s="119">
        <v>434500</v>
      </c>
      <c r="MM41" s="119">
        <v>512919</v>
      </c>
      <c r="MN41" s="119">
        <v>565936</v>
      </c>
      <c r="MO41" s="120">
        <v>1988363</v>
      </c>
      <c r="MP41" s="143">
        <v>1988363</v>
      </c>
      <c r="MQ41" s="142">
        <v>0</v>
      </c>
      <c r="MR41" s="119">
        <v>0</v>
      </c>
      <c r="MS41" s="120">
        <v>0</v>
      </c>
      <c r="MT41" s="145"/>
      <c r="MU41" s="119">
        <v>0</v>
      </c>
      <c r="MV41" s="119">
        <v>0</v>
      </c>
      <c r="MW41" s="119">
        <v>0</v>
      </c>
      <c r="MX41" s="119">
        <v>512919</v>
      </c>
      <c r="MY41" s="119">
        <v>565936</v>
      </c>
      <c r="MZ41" s="120">
        <v>1078855</v>
      </c>
      <c r="NA41" s="143">
        <v>1078855</v>
      </c>
      <c r="NB41" s="142">
        <v>0</v>
      </c>
      <c r="NC41" s="119">
        <v>0</v>
      </c>
      <c r="ND41" s="120">
        <v>0</v>
      </c>
      <c r="NE41" s="145"/>
      <c r="NF41" s="119">
        <v>0</v>
      </c>
      <c r="NG41" s="119">
        <v>475008</v>
      </c>
      <c r="NH41" s="119">
        <v>434500</v>
      </c>
      <c r="NI41" s="119">
        <v>0</v>
      </c>
      <c r="NJ41" s="119">
        <v>0</v>
      </c>
      <c r="NK41" s="120">
        <v>909508</v>
      </c>
      <c r="NL41" s="318">
        <v>909508</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81427</v>
      </c>
      <c r="OK41" s="141">
        <v>81427</v>
      </c>
      <c r="OL41" s="118">
        <v>0</v>
      </c>
      <c r="OM41" s="119">
        <v>707851</v>
      </c>
      <c r="ON41" s="119">
        <v>1496205</v>
      </c>
      <c r="OO41" s="119">
        <v>914753</v>
      </c>
      <c r="OP41" s="119">
        <v>826575</v>
      </c>
      <c r="OQ41" s="119">
        <v>1476824</v>
      </c>
      <c r="OR41" s="120">
        <v>5422208</v>
      </c>
      <c r="OS41" s="143">
        <v>5503635</v>
      </c>
    </row>
    <row r="42" spans="2:409" ht="21" customHeight="1" thickBot="1" x14ac:dyDescent="0.25">
      <c r="B42" s="127" t="s">
        <v>37</v>
      </c>
      <c r="C42" s="117">
        <v>0</v>
      </c>
      <c r="D42" s="178">
        <v>37972</v>
      </c>
      <c r="E42" s="179">
        <v>37972</v>
      </c>
      <c r="F42" s="180">
        <v>0</v>
      </c>
      <c r="G42" s="178">
        <v>0</v>
      </c>
      <c r="H42" s="178">
        <v>105587</v>
      </c>
      <c r="I42" s="178">
        <v>0</v>
      </c>
      <c r="J42" s="178">
        <v>227864</v>
      </c>
      <c r="K42" s="178">
        <v>0</v>
      </c>
      <c r="L42" s="180">
        <v>333451</v>
      </c>
      <c r="M42" s="181">
        <v>371423</v>
      </c>
      <c r="N42" s="117">
        <v>0</v>
      </c>
      <c r="O42" s="178">
        <v>0</v>
      </c>
      <c r="P42" s="179">
        <v>0</v>
      </c>
      <c r="Q42" s="117">
        <v>0</v>
      </c>
      <c r="R42" s="178">
        <v>0</v>
      </c>
      <c r="S42" s="178">
        <v>0</v>
      </c>
      <c r="T42" s="178">
        <v>0</v>
      </c>
      <c r="U42" s="178">
        <v>12976</v>
      </c>
      <c r="V42" s="178">
        <v>0</v>
      </c>
      <c r="W42" s="179">
        <v>12976</v>
      </c>
      <c r="X42" s="181">
        <v>12976</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12976</v>
      </c>
      <c r="BY42" s="178">
        <v>0</v>
      </c>
      <c r="BZ42" s="179">
        <v>12976</v>
      </c>
      <c r="CA42" s="181">
        <v>12976</v>
      </c>
      <c r="CB42" s="117">
        <v>0</v>
      </c>
      <c r="CC42" s="178">
        <v>36772</v>
      </c>
      <c r="CD42" s="179">
        <v>36772</v>
      </c>
      <c r="CE42" s="117">
        <v>0</v>
      </c>
      <c r="CF42" s="178">
        <v>0</v>
      </c>
      <c r="CG42" s="178">
        <v>86579</v>
      </c>
      <c r="CH42" s="178">
        <v>0</v>
      </c>
      <c r="CI42" s="178">
        <v>0</v>
      </c>
      <c r="CJ42" s="178">
        <v>0</v>
      </c>
      <c r="CK42" s="179">
        <v>86579</v>
      </c>
      <c r="CL42" s="181">
        <v>123351</v>
      </c>
      <c r="CM42" s="117">
        <v>0</v>
      </c>
      <c r="CN42" s="178">
        <v>0</v>
      </c>
      <c r="CO42" s="179">
        <v>0</v>
      </c>
      <c r="CP42" s="182">
        <v>0</v>
      </c>
      <c r="CQ42" s="178">
        <v>0</v>
      </c>
      <c r="CR42" s="178">
        <v>86579</v>
      </c>
      <c r="CS42" s="178">
        <v>0</v>
      </c>
      <c r="CT42" s="178">
        <v>0</v>
      </c>
      <c r="CU42" s="178">
        <v>0</v>
      </c>
      <c r="CV42" s="179">
        <v>86579</v>
      </c>
      <c r="CW42" s="181">
        <v>86579</v>
      </c>
      <c r="CX42" s="117">
        <v>0</v>
      </c>
      <c r="CY42" s="178">
        <v>36772</v>
      </c>
      <c r="CZ42" s="179">
        <v>36772</v>
      </c>
      <c r="DA42" s="117">
        <v>0</v>
      </c>
      <c r="DB42" s="178">
        <v>0</v>
      </c>
      <c r="DC42" s="178">
        <v>0</v>
      </c>
      <c r="DD42" s="178">
        <v>0</v>
      </c>
      <c r="DE42" s="178">
        <v>0</v>
      </c>
      <c r="DF42" s="178">
        <v>0</v>
      </c>
      <c r="DG42" s="179">
        <v>0</v>
      </c>
      <c r="DH42" s="181">
        <v>36772</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6"/>
      <c r="FE42" s="178">
        <v>0</v>
      </c>
      <c r="FF42" s="178">
        <v>0</v>
      </c>
      <c r="FG42" s="178">
        <v>0</v>
      </c>
      <c r="FH42" s="178">
        <v>0</v>
      </c>
      <c r="FI42" s="178">
        <v>0</v>
      </c>
      <c r="FJ42" s="179">
        <v>0</v>
      </c>
      <c r="FK42" s="181">
        <v>0</v>
      </c>
      <c r="FL42" s="117">
        <v>0</v>
      </c>
      <c r="FM42" s="178">
        <v>1200</v>
      </c>
      <c r="FN42" s="179">
        <v>1200</v>
      </c>
      <c r="FO42" s="117">
        <v>0</v>
      </c>
      <c r="FP42" s="178">
        <v>0</v>
      </c>
      <c r="FQ42" s="178">
        <v>19008</v>
      </c>
      <c r="FR42" s="178">
        <v>0</v>
      </c>
      <c r="FS42" s="178">
        <v>0</v>
      </c>
      <c r="FT42" s="178">
        <v>0</v>
      </c>
      <c r="FU42" s="179">
        <v>19008</v>
      </c>
      <c r="FV42" s="181">
        <v>20208</v>
      </c>
      <c r="FW42" s="184">
        <v>0</v>
      </c>
      <c r="FX42" s="178">
        <v>1200</v>
      </c>
      <c r="FY42" s="183">
        <v>1200</v>
      </c>
      <c r="FZ42" s="182">
        <v>0</v>
      </c>
      <c r="GA42" s="178">
        <v>0</v>
      </c>
      <c r="GB42" s="178">
        <v>19008</v>
      </c>
      <c r="GC42" s="178">
        <v>0</v>
      </c>
      <c r="GD42" s="178">
        <v>0</v>
      </c>
      <c r="GE42" s="178">
        <v>0</v>
      </c>
      <c r="GF42" s="179">
        <v>19008</v>
      </c>
      <c r="GG42" s="317">
        <v>20208</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214888</v>
      </c>
      <c r="HL42" s="178">
        <v>0</v>
      </c>
      <c r="HM42" s="179">
        <v>214888</v>
      </c>
      <c r="HN42" s="180">
        <v>214888</v>
      </c>
      <c r="HO42" s="332"/>
      <c r="HP42" s="333"/>
      <c r="HQ42" s="334"/>
      <c r="HR42" s="335"/>
      <c r="HS42" s="333"/>
      <c r="HT42" s="333"/>
      <c r="HU42" s="333"/>
      <c r="HV42" s="333"/>
      <c r="HW42" s="333"/>
      <c r="HX42" s="336"/>
      <c r="HY42" s="337"/>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19">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19">
        <v>0</v>
      </c>
      <c r="JR42" s="163">
        <v>0</v>
      </c>
      <c r="JS42" s="161">
        <v>0</v>
      </c>
      <c r="JT42" s="162">
        <v>0</v>
      </c>
      <c r="JU42" s="164">
        <v>0</v>
      </c>
      <c r="JV42" s="161">
        <v>0</v>
      </c>
      <c r="JW42" s="161">
        <v>0</v>
      </c>
      <c r="JX42" s="161">
        <v>0</v>
      </c>
      <c r="JY42" s="161">
        <v>0</v>
      </c>
      <c r="JZ42" s="161">
        <v>0</v>
      </c>
      <c r="KA42" s="165">
        <v>0</v>
      </c>
      <c r="KB42" s="319">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19">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19">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26061</v>
      </c>
      <c r="MM42" s="161">
        <v>0</v>
      </c>
      <c r="MN42" s="161">
        <v>0</v>
      </c>
      <c r="MO42" s="165">
        <v>226061</v>
      </c>
      <c r="MP42" s="167">
        <v>226061</v>
      </c>
      <c r="MQ42" s="163">
        <v>0</v>
      </c>
      <c r="MR42" s="161">
        <v>0</v>
      </c>
      <c r="MS42" s="165">
        <v>0</v>
      </c>
      <c r="MT42" s="169"/>
      <c r="MU42" s="161">
        <v>0</v>
      </c>
      <c r="MV42" s="161">
        <v>0</v>
      </c>
      <c r="MW42" s="161">
        <v>226061</v>
      </c>
      <c r="MX42" s="161">
        <v>0</v>
      </c>
      <c r="MY42" s="161">
        <v>0</v>
      </c>
      <c r="MZ42" s="165">
        <v>226061</v>
      </c>
      <c r="NA42" s="167">
        <v>226061</v>
      </c>
      <c r="NB42" s="163">
        <v>0</v>
      </c>
      <c r="NC42" s="161">
        <v>0</v>
      </c>
      <c r="ND42" s="165">
        <v>0</v>
      </c>
      <c r="NE42" s="169"/>
      <c r="NF42" s="161">
        <v>0</v>
      </c>
      <c r="NG42" s="161">
        <v>0</v>
      </c>
      <c r="NH42" s="161">
        <v>0</v>
      </c>
      <c r="NI42" s="161">
        <v>0</v>
      </c>
      <c r="NJ42" s="161">
        <v>0</v>
      </c>
      <c r="NK42" s="165">
        <v>0</v>
      </c>
      <c r="NL42" s="319">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37972</v>
      </c>
      <c r="OK42" s="162">
        <v>37972</v>
      </c>
      <c r="OL42" s="164">
        <v>0</v>
      </c>
      <c r="OM42" s="161">
        <v>0</v>
      </c>
      <c r="ON42" s="161">
        <v>105587</v>
      </c>
      <c r="OO42" s="161">
        <v>226061</v>
      </c>
      <c r="OP42" s="161">
        <v>227864</v>
      </c>
      <c r="OQ42" s="161">
        <v>0</v>
      </c>
      <c r="OR42" s="165">
        <v>559512</v>
      </c>
      <c r="OS42" s="167">
        <v>597484</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10.6640625" style="44" customWidth="1"/>
    <col min="3" max="3" width="8.21875" style="44" customWidth="1"/>
    <col min="4" max="5" width="10" style="44" customWidth="1"/>
    <col min="6" max="6" width="7.777343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2" customWidth="1"/>
    <col min="83" max="83" width="7.6640625" style="322" customWidth="1"/>
    <col min="84" max="84" width="9.88671875" style="322" customWidth="1"/>
    <col min="85" max="85" width="10" style="322" customWidth="1"/>
    <col min="86" max="86" width="9.77734375" style="322" customWidth="1"/>
    <col min="87" max="87" width="9.21875" style="322" customWidth="1"/>
    <col min="88" max="88" width="8.77734375" style="322" customWidth="1"/>
    <col min="89" max="89" width="9.88671875" style="322" customWidth="1"/>
    <col min="90" max="90" width="9.77734375" style="322"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2" customWidth="1"/>
    <col min="116" max="116" width="7.21875" style="322" customWidth="1"/>
    <col min="117" max="121" width="8.21875" style="322" customWidth="1"/>
    <col min="122" max="122" width="10.109375" style="322" customWidth="1"/>
    <col min="123" max="123" width="9.77734375" style="322"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2" customWidth="1"/>
    <col min="171" max="171" width="6.6640625" style="322" customWidth="1"/>
    <col min="172" max="176" width="8.21875" style="322" customWidth="1"/>
    <col min="177" max="177" width="10.109375" style="322" customWidth="1"/>
    <col min="178" max="178" width="9.88671875" style="322"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2:409" ht="24" customHeight="1" x14ac:dyDescent="0.2">
      <c r="B1" s="20" t="s">
        <v>135</v>
      </c>
      <c r="E1" s="490">
        <f>第１表!F2</f>
        <v>5</v>
      </c>
      <c r="F1" s="246">
        <f>第１表!G2</f>
        <v>6</v>
      </c>
      <c r="G1" s="677">
        <f>IF(F1&lt;3,F1-2+12,F1-2)</f>
        <v>4</v>
      </c>
      <c r="H1" s="677"/>
      <c r="IB1" s="365"/>
      <c r="IC1" s="252"/>
      <c r="ID1" s="647"/>
      <c r="IE1" s="647"/>
    </row>
    <row r="2" spans="2:409" ht="24" customHeight="1" x14ac:dyDescent="0.2">
      <c r="B2" s="20" t="s">
        <v>146</v>
      </c>
      <c r="E2" s="249"/>
      <c r="F2" s="250"/>
      <c r="G2" s="352"/>
      <c r="H2" s="352"/>
      <c r="IB2" s="251"/>
      <c r="IC2" s="252"/>
      <c r="ID2" s="368"/>
      <c r="IE2" s="368"/>
    </row>
    <row r="3" spans="2:409" ht="24" customHeight="1" thickBot="1" x14ac:dyDescent="0.25">
      <c r="B3" s="20" t="s">
        <v>155</v>
      </c>
    </row>
    <row r="4" spans="2:409" ht="21" customHeight="1" thickBot="1" x14ac:dyDescent="0.25">
      <c r="B4" s="707" t="s">
        <v>42</v>
      </c>
      <c r="C4" s="710" t="s">
        <v>63</v>
      </c>
      <c r="D4" s="710"/>
      <c r="E4" s="710"/>
      <c r="F4" s="710"/>
      <c r="G4" s="710"/>
      <c r="H4" s="710"/>
      <c r="I4" s="710"/>
      <c r="J4" s="710"/>
      <c r="K4" s="710"/>
      <c r="L4" s="710"/>
      <c r="M4" s="710"/>
      <c r="N4" s="713"/>
      <c r="O4" s="713"/>
      <c r="P4" s="713"/>
      <c r="Q4" s="713"/>
      <c r="R4" s="713"/>
      <c r="S4" s="713"/>
      <c r="T4" s="713"/>
      <c r="U4" s="713"/>
      <c r="V4" s="713"/>
      <c r="W4" s="713"/>
      <c r="X4" s="713"/>
      <c r="Y4" s="713"/>
      <c r="Z4" s="713"/>
      <c r="AA4" s="713"/>
      <c r="AB4" s="713"/>
      <c r="AC4" s="713"/>
      <c r="AD4" s="713"/>
      <c r="AE4" s="713"/>
      <c r="AF4" s="713"/>
      <c r="AG4" s="713"/>
      <c r="AH4" s="713"/>
      <c r="AI4" s="713"/>
      <c r="AJ4" s="713"/>
      <c r="AK4" s="713"/>
      <c r="AL4" s="713"/>
      <c r="AM4" s="713"/>
      <c r="AN4" s="713"/>
      <c r="AO4" s="713"/>
      <c r="AP4" s="713"/>
      <c r="AQ4" s="713"/>
      <c r="AR4" s="713"/>
      <c r="AS4" s="713"/>
      <c r="AT4" s="713"/>
      <c r="AU4" s="713"/>
      <c r="AV4" s="713"/>
      <c r="AW4" s="713"/>
      <c r="AX4" s="713"/>
      <c r="AY4" s="713"/>
      <c r="AZ4" s="713"/>
      <c r="BA4" s="713"/>
      <c r="BB4" s="713"/>
      <c r="BC4" s="713"/>
      <c r="BD4" s="713"/>
      <c r="BE4" s="713"/>
      <c r="BF4" s="713"/>
      <c r="BG4" s="713"/>
      <c r="BH4" s="713"/>
      <c r="BI4" s="713"/>
      <c r="BJ4" s="713"/>
      <c r="BK4" s="713"/>
      <c r="BL4" s="713"/>
      <c r="BM4" s="713"/>
      <c r="BN4" s="713"/>
      <c r="BO4" s="713"/>
      <c r="BP4" s="713"/>
      <c r="BQ4" s="713"/>
      <c r="BR4" s="713"/>
      <c r="BS4" s="713"/>
      <c r="BT4" s="713"/>
      <c r="BU4" s="713"/>
      <c r="BV4" s="713"/>
      <c r="BW4" s="713"/>
      <c r="BX4" s="713"/>
      <c r="BY4" s="713"/>
      <c r="BZ4" s="713"/>
      <c r="CA4" s="713"/>
      <c r="CB4" s="713"/>
      <c r="CC4" s="713"/>
      <c r="CD4" s="713"/>
      <c r="CE4" s="713"/>
      <c r="CF4" s="713"/>
      <c r="CG4" s="713"/>
      <c r="CH4" s="713"/>
      <c r="CI4" s="713"/>
      <c r="CJ4" s="713"/>
      <c r="CK4" s="713"/>
      <c r="CL4" s="713"/>
      <c r="CM4" s="713"/>
      <c r="CN4" s="713"/>
      <c r="CO4" s="713"/>
      <c r="CP4" s="713"/>
      <c r="CQ4" s="713"/>
      <c r="CR4" s="713"/>
      <c r="CS4" s="713"/>
      <c r="CT4" s="713"/>
      <c r="CU4" s="713"/>
      <c r="CV4" s="713"/>
      <c r="CW4" s="713"/>
      <c r="CX4" s="713"/>
      <c r="CY4" s="713"/>
      <c r="CZ4" s="713"/>
      <c r="DA4" s="713"/>
      <c r="DB4" s="713"/>
      <c r="DC4" s="713"/>
      <c r="DD4" s="713"/>
      <c r="DE4" s="713"/>
      <c r="DF4" s="713"/>
      <c r="DG4" s="713"/>
      <c r="DH4" s="713"/>
      <c r="DI4" s="713"/>
      <c r="DJ4" s="713"/>
      <c r="DK4" s="713"/>
      <c r="DL4" s="713"/>
      <c r="DM4" s="713"/>
      <c r="DN4" s="713"/>
      <c r="DO4" s="713"/>
      <c r="DP4" s="713"/>
      <c r="DQ4" s="713"/>
      <c r="DR4" s="713"/>
      <c r="DS4" s="713"/>
      <c r="DT4" s="713"/>
      <c r="DU4" s="713"/>
      <c r="DV4" s="713"/>
      <c r="DW4" s="713"/>
      <c r="DX4" s="713"/>
      <c r="DY4" s="713"/>
      <c r="DZ4" s="713"/>
      <c r="EA4" s="713"/>
      <c r="EB4" s="713"/>
      <c r="EC4" s="713"/>
      <c r="ED4" s="713"/>
      <c r="EE4" s="713"/>
      <c r="EF4" s="713"/>
      <c r="EG4" s="713"/>
      <c r="EH4" s="713"/>
      <c r="EI4" s="713"/>
      <c r="EJ4" s="713"/>
      <c r="EK4" s="713"/>
      <c r="EL4" s="713"/>
      <c r="EM4" s="713"/>
      <c r="EN4" s="713"/>
      <c r="EO4" s="713"/>
      <c r="EP4" s="713"/>
      <c r="EQ4" s="713"/>
      <c r="ER4" s="713"/>
      <c r="ES4" s="713"/>
      <c r="ET4" s="713"/>
      <c r="EU4" s="713"/>
      <c r="EV4" s="713"/>
      <c r="EW4" s="713"/>
      <c r="EX4" s="713"/>
      <c r="EY4" s="713"/>
      <c r="EZ4" s="713"/>
      <c r="FA4" s="713"/>
      <c r="FB4" s="713"/>
      <c r="FC4" s="713"/>
      <c r="FD4" s="713"/>
      <c r="FE4" s="713"/>
      <c r="FF4" s="713"/>
      <c r="FG4" s="713"/>
      <c r="FH4" s="713"/>
      <c r="FI4" s="713"/>
      <c r="FJ4" s="713"/>
      <c r="FK4" s="713"/>
      <c r="FL4" s="713"/>
      <c r="FM4" s="713"/>
      <c r="FN4" s="713"/>
      <c r="FO4" s="713"/>
      <c r="FP4" s="713"/>
      <c r="FQ4" s="713"/>
      <c r="FR4" s="713"/>
      <c r="FS4" s="713"/>
      <c r="FT4" s="713"/>
      <c r="FU4" s="713"/>
      <c r="FV4" s="713"/>
      <c r="FW4" s="713"/>
      <c r="FX4" s="713"/>
      <c r="FY4" s="713"/>
      <c r="FZ4" s="713"/>
      <c r="GA4" s="713"/>
      <c r="GB4" s="713"/>
      <c r="GC4" s="713"/>
      <c r="GD4" s="713"/>
      <c r="GE4" s="713"/>
      <c r="GF4" s="713"/>
      <c r="GG4" s="713"/>
      <c r="GH4" s="713"/>
      <c r="GI4" s="713"/>
      <c r="GJ4" s="713"/>
      <c r="GK4" s="713"/>
      <c r="GL4" s="713"/>
      <c r="GM4" s="713"/>
      <c r="GN4" s="713"/>
      <c r="GO4" s="713"/>
      <c r="GP4" s="713"/>
      <c r="GQ4" s="713"/>
      <c r="GR4" s="713"/>
      <c r="GS4" s="713"/>
      <c r="GT4" s="713"/>
      <c r="GU4" s="713"/>
      <c r="GV4" s="713"/>
      <c r="GW4" s="713"/>
      <c r="GX4" s="713"/>
      <c r="GY4" s="713"/>
      <c r="GZ4" s="713"/>
      <c r="HA4" s="713"/>
      <c r="HB4" s="713"/>
      <c r="HC4" s="713"/>
      <c r="HD4" s="713"/>
      <c r="HE4" s="713"/>
      <c r="HF4" s="713"/>
      <c r="HG4" s="713"/>
      <c r="HH4" s="713"/>
      <c r="HI4" s="713"/>
      <c r="HJ4" s="713"/>
      <c r="HK4" s="713"/>
      <c r="HL4" s="713"/>
      <c r="HM4" s="713"/>
      <c r="HN4" s="713"/>
      <c r="HO4" s="713"/>
      <c r="HP4" s="713"/>
      <c r="HQ4" s="713"/>
      <c r="HR4" s="713"/>
      <c r="HS4" s="713"/>
      <c r="HT4" s="713"/>
      <c r="HU4" s="713"/>
      <c r="HV4" s="713"/>
      <c r="HW4" s="713"/>
      <c r="HX4" s="713"/>
      <c r="HY4" s="714"/>
      <c r="HZ4" s="608" t="s">
        <v>85</v>
      </c>
      <c r="IA4" s="609"/>
      <c r="IB4" s="609"/>
      <c r="IC4" s="609"/>
      <c r="ID4" s="609"/>
      <c r="IE4" s="609"/>
      <c r="IF4" s="609"/>
      <c r="IG4" s="609"/>
      <c r="IH4" s="609"/>
      <c r="II4" s="609"/>
      <c r="IJ4" s="609"/>
      <c r="IK4" s="609"/>
      <c r="IL4" s="609"/>
      <c r="IM4" s="609"/>
      <c r="IN4" s="609"/>
      <c r="IO4" s="609"/>
      <c r="IP4" s="609"/>
      <c r="IQ4" s="609"/>
      <c r="IR4" s="609"/>
      <c r="IS4" s="609"/>
      <c r="IT4" s="609"/>
      <c r="IU4" s="609"/>
      <c r="IV4" s="609"/>
      <c r="IW4" s="609"/>
      <c r="IX4" s="609"/>
      <c r="IY4" s="609"/>
      <c r="IZ4" s="609"/>
      <c r="JA4" s="609"/>
      <c r="JB4" s="609"/>
      <c r="JC4" s="609"/>
      <c r="JD4" s="609"/>
      <c r="JE4" s="609"/>
      <c r="JF4" s="609"/>
      <c r="JG4" s="609"/>
      <c r="JH4" s="609"/>
      <c r="JI4" s="609"/>
      <c r="JJ4" s="609"/>
      <c r="JK4" s="609"/>
      <c r="JL4" s="609"/>
      <c r="JM4" s="609"/>
      <c r="JN4" s="609"/>
      <c r="JO4" s="609"/>
      <c r="JP4" s="609"/>
      <c r="JQ4" s="609"/>
      <c r="JR4" s="609"/>
      <c r="JS4" s="609"/>
      <c r="JT4" s="609"/>
      <c r="JU4" s="609"/>
      <c r="JV4" s="609"/>
      <c r="JW4" s="609"/>
      <c r="JX4" s="609"/>
      <c r="JY4" s="609"/>
      <c r="JZ4" s="609"/>
      <c r="KA4" s="609"/>
      <c r="KB4" s="609"/>
      <c r="KC4" s="609"/>
      <c r="KD4" s="609"/>
      <c r="KE4" s="609"/>
      <c r="KF4" s="609"/>
      <c r="KG4" s="609"/>
      <c r="KH4" s="609"/>
      <c r="KI4" s="609"/>
      <c r="KJ4" s="609"/>
      <c r="KK4" s="609"/>
      <c r="KL4" s="609"/>
      <c r="KM4" s="609"/>
      <c r="KN4" s="609"/>
      <c r="KO4" s="609"/>
      <c r="KP4" s="609"/>
      <c r="KQ4" s="609"/>
      <c r="KR4" s="609"/>
      <c r="KS4" s="609"/>
      <c r="KT4" s="609"/>
      <c r="KU4" s="609"/>
      <c r="KV4" s="609"/>
      <c r="KW4" s="609"/>
      <c r="KX4" s="609"/>
      <c r="KY4" s="609"/>
      <c r="KZ4" s="609"/>
      <c r="LA4" s="609"/>
      <c r="LB4" s="609"/>
      <c r="LC4" s="609"/>
      <c r="LD4" s="609"/>
      <c r="LE4" s="609"/>
      <c r="LF4" s="609"/>
      <c r="LG4" s="609"/>
      <c r="LH4" s="609"/>
      <c r="LI4" s="609"/>
      <c r="LJ4" s="609"/>
      <c r="LK4" s="609"/>
      <c r="LL4" s="609"/>
      <c r="LM4" s="609"/>
      <c r="LN4" s="609"/>
      <c r="LO4" s="609"/>
      <c r="LP4" s="609"/>
      <c r="LQ4" s="609"/>
      <c r="LR4" s="609"/>
      <c r="LS4" s="609"/>
      <c r="LT4" s="609"/>
      <c r="LU4" s="609"/>
      <c r="LV4" s="609"/>
      <c r="LW4" s="609"/>
      <c r="LX4" s="609"/>
      <c r="LY4" s="609"/>
      <c r="LZ4" s="609"/>
      <c r="MA4" s="609"/>
      <c r="MB4" s="609"/>
      <c r="MC4" s="609"/>
      <c r="MD4" s="609"/>
      <c r="ME4" s="610"/>
      <c r="MF4" s="608" t="s">
        <v>86</v>
      </c>
      <c r="MG4" s="609"/>
      <c r="MH4" s="609"/>
      <c r="MI4" s="609"/>
      <c r="MJ4" s="609"/>
      <c r="MK4" s="609"/>
      <c r="ML4" s="609"/>
      <c r="MM4" s="609"/>
      <c r="MN4" s="609"/>
      <c r="MO4" s="609"/>
      <c r="MP4" s="609"/>
      <c r="MQ4" s="609"/>
      <c r="MR4" s="609"/>
      <c r="MS4" s="609"/>
      <c r="MT4" s="609"/>
      <c r="MU4" s="609"/>
      <c r="MV4" s="609"/>
      <c r="MW4" s="609"/>
      <c r="MX4" s="609"/>
      <c r="MY4" s="609"/>
      <c r="MZ4" s="609"/>
      <c r="NA4" s="609"/>
      <c r="NB4" s="609"/>
      <c r="NC4" s="609"/>
      <c r="ND4" s="609"/>
      <c r="NE4" s="609"/>
      <c r="NF4" s="609"/>
      <c r="NG4" s="609"/>
      <c r="NH4" s="609"/>
      <c r="NI4" s="609"/>
      <c r="NJ4" s="609"/>
      <c r="NK4" s="609"/>
      <c r="NL4" s="609"/>
      <c r="NM4" s="609"/>
      <c r="NN4" s="609"/>
      <c r="NO4" s="609"/>
      <c r="NP4" s="609"/>
      <c r="NQ4" s="609"/>
      <c r="NR4" s="609"/>
      <c r="NS4" s="609"/>
      <c r="NT4" s="609"/>
      <c r="NU4" s="609"/>
      <c r="NV4" s="609"/>
      <c r="NW4" s="609"/>
      <c r="NX4" s="609"/>
      <c r="NY4" s="609"/>
      <c r="NZ4" s="609"/>
      <c r="OA4" s="609"/>
      <c r="OB4" s="609"/>
      <c r="OC4" s="609"/>
      <c r="OD4" s="609"/>
      <c r="OE4" s="609"/>
      <c r="OF4" s="609"/>
      <c r="OG4" s="609"/>
      <c r="OH4" s="610"/>
      <c r="OI4" s="597" t="s">
        <v>60</v>
      </c>
      <c r="OJ4" s="502"/>
      <c r="OK4" s="502"/>
      <c r="OL4" s="502"/>
      <c r="OM4" s="502"/>
      <c r="ON4" s="502"/>
      <c r="OO4" s="502"/>
      <c r="OP4" s="502"/>
      <c r="OQ4" s="502"/>
      <c r="OR4" s="502"/>
      <c r="OS4" s="503"/>
    </row>
    <row r="5" spans="2:409" ht="21" customHeight="1" thickBot="1" x14ac:dyDescent="0.25">
      <c r="B5" s="708"/>
      <c r="C5" s="711"/>
      <c r="D5" s="711"/>
      <c r="E5" s="711"/>
      <c r="F5" s="711"/>
      <c r="G5" s="711"/>
      <c r="H5" s="711"/>
      <c r="I5" s="711"/>
      <c r="J5" s="711"/>
      <c r="K5" s="711"/>
      <c r="L5" s="711"/>
      <c r="M5" s="711"/>
      <c r="N5" s="715" t="s">
        <v>64</v>
      </c>
      <c r="O5" s="716"/>
      <c r="P5" s="716"/>
      <c r="Q5" s="716"/>
      <c r="R5" s="716"/>
      <c r="S5" s="716"/>
      <c r="T5" s="716"/>
      <c r="U5" s="716"/>
      <c r="V5" s="716"/>
      <c r="W5" s="716"/>
      <c r="X5" s="716"/>
      <c r="Y5" s="716"/>
      <c r="Z5" s="716"/>
      <c r="AA5" s="716"/>
      <c r="AB5" s="716"/>
      <c r="AC5" s="716"/>
      <c r="AD5" s="716"/>
      <c r="AE5" s="716"/>
      <c r="AF5" s="716"/>
      <c r="AG5" s="716"/>
      <c r="AH5" s="716"/>
      <c r="AI5" s="716"/>
      <c r="AJ5" s="716"/>
      <c r="AK5" s="716"/>
      <c r="AL5" s="716"/>
      <c r="AM5" s="716"/>
      <c r="AN5" s="716"/>
      <c r="AO5" s="716"/>
      <c r="AP5" s="716"/>
      <c r="AQ5" s="716"/>
      <c r="AR5" s="716"/>
      <c r="AS5" s="716"/>
      <c r="AT5" s="716"/>
      <c r="AU5" s="716"/>
      <c r="AV5" s="716"/>
      <c r="AW5" s="716"/>
      <c r="AX5" s="716"/>
      <c r="AY5" s="716"/>
      <c r="AZ5" s="716"/>
      <c r="BA5" s="716"/>
      <c r="BB5" s="716"/>
      <c r="BC5" s="716"/>
      <c r="BD5" s="716"/>
      <c r="BE5" s="716"/>
      <c r="BF5" s="716"/>
      <c r="BG5" s="716"/>
      <c r="BH5" s="716"/>
      <c r="BI5" s="716"/>
      <c r="BJ5" s="716"/>
      <c r="BK5" s="716"/>
      <c r="BL5" s="716"/>
      <c r="BM5" s="716"/>
      <c r="BN5" s="716"/>
      <c r="BO5" s="716"/>
      <c r="BP5" s="716"/>
      <c r="BQ5" s="716"/>
      <c r="BR5" s="716"/>
      <c r="BS5" s="716"/>
      <c r="BT5" s="716"/>
      <c r="BU5" s="716"/>
      <c r="BV5" s="716"/>
      <c r="BW5" s="716"/>
      <c r="BX5" s="716"/>
      <c r="BY5" s="716"/>
      <c r="BZ5" s="716"/>
      <c r="CA5" s="717"/>
      <c r="CB5" s="715" t="s">
        <v>65</v>
      </c>
      <c r="CC5" s="716"/>
      <c r="CD5" s="716"/>
      <c r="CE5" s="716"/>
      <c r="CF5" s="716"/>
      <c r="CG5" s="716"/>
      <c r="CH5" s="716"/>
      <c r="CI5" s="716"/>
      <c r="CJ5" s="716"/>
      <c r="CK5" s="716"/>
      <c r="CL5" s="716"/>
      <c r="CM5" s="716"/>
      <c r="CN5" s="716"/>
      <c r="CO5" s="716"/>
      <c r="CP5" s="716"/>
      <c r="CQ5" s="716"/>
      <c r="CR5" s="716"/>
      <c r="CS5" s="716"/>
      <c r="CT5" s="716"/>
      <c r="CU5" s="716"/>
      <c r="CV5" s="716"/>
      <c r="CW5" s="716"/>
      <c r="CX5" s="716"/>
      <c r="CY5" s="716"/>
      <c r="CZ5" s="716"/>
      <c r="DA5" s="716"/>
      <c r="DB5" s="716"/>
      <c r="DC5" s="716"/>
      <c r="DD5" s="716"/>
      <c r="DE5" s="716"/>
      <c r="DF5" s="716"/>
      <c r="DG5" s="716"/>
      <c r="DH5" s="717"/>
      <c r="DI5" s="519" t="s">
        <v>66</v>
      </c>
      <c r="DJ5" s="520"/>
      <c r="DK5" s="520"/>
      <c r="DL5" s="520"/>
      <c r="DM5" s="520"/>
      <c r="DN5" s="520"/>
      <c r="DO5" s="520"/>
      <c r="DP5" s="520"/>
      <c r="DQ5" s="520"/>
      <c r="DR5" s="520"/>
      <c r="DS5" s="520"/>
      <c r="DT5" s="520"/>
      <c r="DU5" s="520"/>
      <c r="DV5" s="520"/>
      <c r="DW5" s="520"/>
      <c r="DX5" s="520"/>
      <c r="DY5" s="520"/>
      <c r="DZ5" s="520"/>
      <c r="EA5" s="520"/>
      <c r="EB5" s="520"/>
      <c r="EC5" s="520"/>
      <c r="ED5" s="520"/>
      <c r="EE5" s="520"/>
      <c r="EF5" s="520"/>
      <c r="EG5" s="520"/>
      <c r="EH5" s="520"/>
      <c r="EI5" s="520"/>
      <c r="EJ5" s="520"/>
      <c r="EK5" s="520"/>
      <c r="EL5" s="520"/>
      <c r="EM5" s="520"/>
      <c r="EN5" s="520"/>
      <c r="EO5" s="520"/>
      <c r="EP5" s="520"/>
      <c r="EQ5" s="520"/>
      <c r="ER5" s="520"/>
      <c r="ES5" s="520"/>
      <c r="ET5" s="520"/>
      <c r="EU5" s="520"/>
      <c r="EV5" s="520"/>
      <c r="EW5" s="520"/>
      <c r="EX5" s="520"/>
      <c r="EY5" s="520"/>
      <c r="EZ5" s="520"/>
      <c r="FA5" s="520"/>
      <c r="FB5" s="520"/>
      <c r="FC5" s="520"/>
      <c r="FD5" s="520"/>
      <c r="FE5" s="520"/>
      <c r="FF5" s="520"/>
      <c r="FG5" s="520"/>
      <c r="FH5" s="520"/>
      <c r="FI5" s="520"/>
      <c r="FJ5" s="520"/>
      <c r="FK5" s="521"/>
      <c r="FL5" s="715" t="s">
        <v>67</v>
      </c>
      <c r="FM5" s="716"/>
      <c r="FN5" s="716"/>
      <c r="FO5" s="716"/>
      <c r="FP5" s="716"/>
      <c r="FQ5" s="716"/>
      <c r="FR5" s="716"/>
      <c r="FS5" s="716"/>
      <c r="FT5" s="716"/>
      <c r="FU5" s="716"/>
      <c r="FV5" s="716"/>
      <c r="FW5" s="716"/>
      <c r="FX5" s="716"/>
      <c r="FY5" s="716"/>
      <c r="FZ5" s="716"/>
      <c r="GA5" s="716"/>
      <c r="GB5" s="716"/>
      <c r="GC5" s="716"/>
      <c r="GD5" s="716"/>
      <c r="GE5" s="716"/>
      <c r="GF5" s="716"/>
      <c r="GG5" s="716"/>
      <c r="GH5" s="716"/>
      <c r="GI5" s="716"/>
      <c r="GJ5" s="716"/>
      <c r="GK5" s="716"/>
      <c r="GL5" s="716"/>
      <c r="GM5" s="716"/>
      <c r="GN5" s="716"/>
      <c r="GO5" s="716"/>
      <c r="GP5" s="716"/>
      <c r="GQ5" s="716"/>
      <c r="GR5" s="716"/>
      <c r="GS5" s="716"/>
      <c r="GT5" s="716"/>
      <c r="GU5" s="716"/>
      <c r="GV5" s="716"/>
      <c r="GW5" s="716"/>
      <c r="GX5" s="716"/>
      <c r="GY5" s="716"/>
      <c r="GZ5" s="716"/>
      <c r="HA5" s="716"/>
      <c r="HB5" s="716"/>
      <c r="HC5" s="717"/>
      <c r="HD5" s="718" t="s">
        <v>68</v>
      </c>
      <c r="HE5" s="719"/>
      <c r="HF5" s="719"/>
      <c r="HG5" s="719"/>
      <c r="HH5" s="719"/>
      <c r="HI5" s="719"/>
      <c r="HJ5" s="719"/>
      <c r="HK5" s="719"/>
      <c r="HL5" s="719"/>
      <c r="HM5" s="719"/>
      <c r="HN5" s="720"/>
      <c r="HO5" s="718" t="s">
        <v>69</v>
      </c>
      <c r="HP5" s="719"/>
      <c r="HQ5" s="719"/>
      <c r="HR5" s="719"/>
      <c r="HS5" s="719"/>
      <c r="HT5" s="719"/>
      <c r="HU5" s="719"/>
      <c r="HV5" s="719"/>
      <c r="HW5" s="719"/>
      <c r="HX5" s="719"/>
      <c r="HY5" s="720"/>
      <c r="HZ5" s="659"/>
      <c r="IA5" s="660"/>
      <c r="IB5" s="660"/>
      <c r="IC5" s="660"/>
      <c r="ID5" s="660"/>
      <c r="IE5" s="660"/>
      <c r="IF5" s="660"/>
      <c r="IG5" s="660"/>
      <c r="IH5" s="660"/>
      <c r="II5" s="660"/>
      <c r="IJ5" s="661"/>
      <c r="IK5" s="597" t="s">
        <v>94</v>
      </c>
      <c r="IL5" s="502"/>
      <c r="IM5" s="502"/>
      <c r="IN5" s="502"/>
      <c r="IO5" s="502"/>
      <c r="IP5" s="502"/>
      <c r="IQ5" s="502"/>
      <c r="IR5" s="502"/>
      <c r="IS5" s="502"/>
      <c r="IT5" s="502"/>
      <c r="IU5" s="503"/>
      <c r="IV5" s="597" t="s">
        <v>88</v>
      </c>
      <c r="IW5" s="502"/>
      <c r="IX5" s="502"/>
      <c r="IY5" s="502"/>
      <c r="IZ5" s="502"/>
      <c r="JA5" s="502"/>
      <c r="JB5" s="502"/>
      <c r="JC5" s="502"/>
      <c r="JD5" s="502"/>
      <c r="JE5" s="502"/>
      <c r="JF5" s="503"/>
      <c r="JG5" s="662" t="s">
        <v>143</v>
      </c>
      <c r="JH5" s="663"/>
      <c r="JI5" s="663"/>
      <c r="JJ5" s="663"/>
      <c r="JK5" s="663"/>
      <c r="JL5" s="663"/>
      <c r="JM5" s="663"/>
      <c r="JN5" s="663"/>
      <c r="JO5" s="663"/>
      <c r="JP5" s="663"/>
      <c r="JQ5" s="664"/>
      <c r="JR5" s="597" t="s">
        <v>90</v>
      </c>
      <c r="JS5" s="502"/>
      <c r="JT5" s="502"/>
      <c r="JU5" s="502"/>
      <c r="JV5" s="502"/>
      <c r="JW5" s="502"/>
      <c r="JX5" s="502"/>
      <c r="JY5" s="502"/>
      <c r="JZ5" s="502"/>
      <c r="KA5" s="502"/>
      <c r="KB5" s="503"/>
      <c r="KC5" s="597" t="s">
        <v>89</v>
      </c>
      <c r="KD5" s="502"/>
      <c r="KE5" s="502"/>
      <c r="KF5" s="502"/>
      <c r="KG5" s="502"/>
      <c r="KH5" s="502"/>
      <c r="KI5" s="502"/>
      <c r="KJ5" s="502"/>
      <c r="KK5" s="502"/>
      <c r="KL5" s="502"/>
      <c r="KM5" s="503"/>
      <c r="KN5" s="597" t="s">
        <v>91</v>
      </c>
      <c r="KO5" s="502"/>
      <c r="KP5" s="502"/>
      <c r="KQ5" s="502"/>
      <c r="KR5" s="502"/>
      <c r="KS5" s="502"/>
      <c r="KT5" s="502"/>
      <c r="KU5" s="502"/>
      <c r="KV5" s="502"/>
      <c r="KW5" s="502"/>
      <c r="KX5" s="503"/>
      <c r="KY5" s="597" t="s">
        <v>92</v>
      </c>
      <c r="KZ5" s="502"/>
      <c r="LA5" s="502"/>
      <c r="LB5" s="502"/>
      <c r="LC5" s="502"/>
      <c r="LD5" s="502"/>
      <c r="LE5" s="502"/>
      <c r="LF5" s="502"/>
      <c r="LG5" s="502"/>
      <c r="LH5" s="502"/>
      <c r="LI5" s="503"/>
      <c r="LJ5" s="668" t="s">
        <v>93</v>
      </c>
      <c r="LK5" s="669"/>
      <c r="LL5" s="669"/>
      <c r="LM5" s="669"/>
      <c r="LN5" s="669"/>
      <c r="LO5" s="669"/>
      <c r="LP5" s="669"/>
      <c r="LQ5" s="669"/>
      <c r="LR5" s="669"/>
      <c r="LS5" s="669"/>
      <c r="LT5" s="670"/>
      <c r="LU5" s="671" t="s">
        <v>144</v>
      </c>
      <c r="LV5" s="672"/>
      <c r="LW5" s="672"/>
      <c r="LX5" s="672"/>
      <c r="LY5" s="672"/>
      <c r="LZ5" s="672"/>
      <c r="MA5" s="672"/>
      <c r="MB5" s="672"/>
      <c r="MC5" s="672"/>
      <c r="MD5" s="672"/>
      <c r="ME5" s="673"/>
      <c r="MF5" s="659"/>
      <c r="MG5" s="660"/>
      <c r="MH5" s="660"/>
      <c r="MI5" s="660"/>
      <c r="MJ5" s="660"/>
      <c r="MK5" s="660"/>
      <c r="ML5" s="660"/>
      <c r="MM5" s="660"/>
      <c r="MN5" s="660"/>
      <c r="MO5" s="660"/>
      <c r="MP5" s="661"/>
      <c r="MQ5" s="597" t="s">
        <v>57</v>
      </c>
      <c r="MR5" s="502"/>
      <c r="MS5" s="502"/>
      <c r="MT5" s="502"/>
      <c r="MU5" s="502"/>
      <c r="MV5" s="502"/>
      <c r="MW5" s="502"/>
      <c r="MX5" s="502"/>
      <c r="MY5" s="502"/>
      <c r="MZ5" s="502"/>
      <c r="NA5" s="503"/>
      <c r="NB5" s="597" t="s">
        <v>58</v>
      </c>
      <c r="NC5" s="502"/>
      <c r="ND5" s="502"/>
      <c r="NE5" s="502"/>
      <c r="NF5" s="502"/>
      <c r="NG5" s="502"/>
      <c r="NH5" s="502"/>
      <c r="NI5" s="502"/>
      <c r="NJ5" s="502"/>
      <c r="NK5" s="502"/>
      <c r="NL5" s="503"/>
      <c r="NM5" s="597" t="s">
        <v>59</v>
      </c>
      <c r="NN5" s="502"/>
      <c r="NO5" s="502"/>
      <c r="NP5" s="502"/>
      <c r="NQ5" s="502"/>
      <c r="NR5" s="502"/>
      <c r="NS5" s="502"/>
      <c r="NT5" s="502"/>
      <c r="NU5" s="502"/>
      <c r="NV5" s="502"/>
      <c r="NW5" s="503"/>
      <c r="NX5" s="649" t="s">
        <v>150</v>
      </c>
      <c r="NY5" s="650"/>
      <c r="NZ5" s="650"/>
      <c r="OA5" s="650"/>
      <c r="OB5" s="650"/>
      <c r="OC5" s="650"/>
      <c r="OD5" s="650"/>
      <c r="OE5" s="650"/>
      <c r="OF5" s="650"/>
      <c r="OG5" s="650"/>
      <c r="OH5" s="651"/>
      <c r="OI5" s="656"/>
      <c r="OJ5" s="657"/>
      <c r="OK5" s="657"/>
      <c r="OL5" s="657"/>
      <c r="OM5" s="657"/>
      <c r="ON5" s="657"/>
      <c r="OO5" s="657"/>
      <c r="OP5" s="657"/>
      <c r="OQ5" s="657"/>
      <c r="OR5" s="657"/>
      <c r="OS5" s="658"/>
    </row>
    <row r="6" spans="2:409" ht="21" customHeight="1" thickBot="1" x14ac:dyDescent="0.25">
      <c r="B6" s="708"/>
      <c r="C6" s="712"/>
      <c r="D6" s="712"/>
      <c r="E6" s="712"/>
      <c r="F6" s="712"/>
      <c r="G6" s="712"/>
      <c r="H6" s="712"/>
      <c r="I6" s="712"/>
      <c r="J6" s="712"/>
      <c r="K6" s="712"/>
      <c r="L6" s="712"/>
      <c r="M6" s="712"/>
      <c r="N6" s="511"/>
      <c r="O6" s="512"/>
      <c r="P6" s="512"/>
      <c r="Q6" s="512"/>
      <c r="R6" s="512"/>
      <c r="S6" s="512"/>
      <c r="T6" s="512"/>
      <c r="U6" s="512"/>
      <c r="V6" s="512"/>
      <c r="W6" s="512"/>
      <c r="X6" s="513"/>
      <c r="Y6" s="700" t="s">
        <v>70</v>
      </c>
      <c r="Z6" s="515"/>
      <c r="AA6" s="515"/>
      <c r="AB6" s="515"/>
      <c r="AC6" s="515"/>
      <c r="AD6" s="515"/>
      <c r="AE6" s="515"/>
      <c r="AF6" s="515"/>
      <c r="AG6" s="515"/>
      <c r="AH6" s="515"/>
      <c r="AI6" s="516"/>
      <c r="AJ6" s="695" t="s">
        <v>71</v>
      </c>
      <c r="AK6" s="696"/>
      <c r="AL6" s="696"/>
      <c r="AM6" s="696"/>
      <c r="AN6" s="696"/>
      <c r="AO6" s="696"/>
      <c r="AP6" s="696"/>
      <c r="AQ6" s="696"/>
      <c r="AR6" s="696"/>
      <c r="AS6" s="696"/>
      <c r="AT6" s="697"/>
      <c r="AU6" s="695" t="s">
        <v>72</v>
      </c>
      <c r="AV6" s="696"/>
      <c r="AW6" s="696"/>
      <c r="AX6" s="696"/>
      <c r="AY6" s="696"/>
      <c r="AZ6" s="696"/>
      <c r="BA6" s="696"/>
      <c r="BB6" s="696"/>
      <c r="BC6" s="696"/>
      <c r="BD6" s="696"/>
      <c r="BE6" s="697"/>
      <c r="BF6" s="695" t="s">
        <v>73</v>
      </c>
      <c r="BG6" s="696"/>
      <c r="BH6" s="696"/>
      <c r="BI6" s="696"/>
      <c r="BJ6" s="696"/>
      <c r="BK6" s="696"/>
      <c r="BL6" s="696"/>
      <c r="BM6" s="696"/>
      <c r="BN6" s="696"/>
      <c r="BO6" s="696"/>
      <c r="BP6" s="697"/>
      <c r="BQ6" s="695" t="s">
        <v>74</v>
      </c>
      <c r="BR6" s="696"/>
      <c r="BS6" s="696"/>
      <c r="BT6" s="696"/>
      <c r="BU6" s="696"/>
      <c r="BV6" s="696"/>
      <c r="BW6" s="696"/>
      <c r="BX6" s="696"/>
      <c r="BY6" s="696"/>
      <c r="BZ6" s="696"/>
      <c r="CA6" s="697"/>
      <c r="CB6" s="698"/>
      <c r="CC6" s="699"/>
      <c r="CD6" s="699"/>
      <c r="CE6" s="699"/>
      <c r="CF6" s="699"/>
      <c r="CG6" s="699"/>
      <c r="CH6" s="699"/>
      <c r="CI6" s="699"/>
      <c r="CJ6" s="699"/>
      <c r="CK6" s="699"/>
      <c r="CL6" s="724"/>
      <c r="CM6" s="695" t="s">
        <v>75</v>
      </c>
      <c r="CN6" s="696"/>
      <c r="CO6" s="696"/>
      <c r="CP6" s="696"/>
      <c r="CQ6" s="696"/>
      <c r="CR6" s="696"/>
      <c r="CS6" s="696"/>
      <c r="CT6" s="696"/>
      <c r="CU6" s="696"/>
      <c r="CV6" s="696"/>
      <c r="CW6" s="697"/>
      <c r="CX6" s="695" t="s">
        <v>76</v>
      </c>
      <c r="CY6" s="696"/>
      <c r="CZ6" s="696"/>
      <c r="DA6" s="696"/>
      <c r="DB6" s="696"/>
      <c r="DC6" s="696"/>
      <c r="DD6" s="696"/>
      <c r="DE6" s="696"/>
      <c r="DF6" s="696"/>
      <c r="DG6" s="696"/>
      <c r="DH6" s="697"/>
      <c r="DI6" s="698"/>
      <c r="DJ6" s="699"/>
      <c r="DK6" s="699"/>
      <c r="DL6" s="699"/>
      <c r="DM6" s="699"/>
      <c r="DN6" s="699"/>
      <c r="DO6" s="699"/>
      <c r="DP6" s="699"/>
      <c r="DQ6" s="699"/>
      <c r="DR6" s="699"/>
      <c r="DS6" s="699"/>
      <c r="DT6" s="695" t="s">
        <v>77</v>
      </c>
      <c r="DU6" s="696"/>
      <c r="DV6" s="696"/>
      <c r="DW6" s="696"/>
      <c r="DX6" s="696"/>
      <c r="DY6" s="696"/>
      <c r="DZ6" s="696"/>
      <c r="EA6" s="696"/>
      <c r="EB6" s="696"/>
      <c r="EC6" s="696"/>
      <c r="ED6" s="697"/>
      <c r="EE6" s="695" t="s">
        <v>78</v>
      </c>
      <c r="EF6" s="696"/>
      <c r="EG6" s="696"/>
      <c r="EH6" s="696"/>
      <c r="EI6" s="696"/>
      <c r="EJ6" s="696"/>
      <c r="EK6" s="696"/>
      <c r="EL6" s="696"/>
      <c r="EM6" s="696"/>
      <c r="EN6" s="696"/>
      <c r="EO6" s="697"/>
      <c r="EP6" s="695" t="s">
        <v>79</v>
      </c>
      <c r="EQ6" s="696"/>
      <c r="ER6" s="696"/>
      <c r="ES6" s="696"/>
      <c r="ET6" s="696"/>
      <c r="EU6" s="696"/>
      <c r="EV6" s="696"/>
      <c r="EW6" s="696"/>
      <c r="EX6" s="696"/>
      <c r="EY6" s="696"/>
      <c r="EZ6" s="697"/>
      <c r="FA6" s="617" t="s">
        <v>151</v>
      </c>
      <c r="FB6" s="696"/>
      <c r="FC6" s="696"/>
      <c r="FD6" s="696"/>
      <c r="FE6" s="696"/>
      <c r="FF6" s="696"/>
      <c r="FG6" s="696"/>
      <c r="FH6" s="696"/>
      <c r="FI6" s="696"/>
      <c r="FJ6" s="696"/>
      <c r="FK6" s="697"/>
      <c r="FL6" s="698"/>
      <c r="FM6" s="699"/>
      <c r="FN6" s="699"/>
      <c r="FO6" s="699"/>
      <c r="FP6" s="699"/>
      <c r="FQ6" s="699"/>
      <c r="FR6" s="699"/>
      <c r="FS6" s="699"/>
      <c r="FT6" s="699"/>
      <c r="FU6" s="699"/>
      <c r="FV6" s="699"/>
      <c r="FW6" s="695" t="s">
        <v>80</v>
      </c>
      <c r="FX6" s="696"/>
      <c r="FY6" s="696"/>
      <c r="FZ6" s="696"/>
      <c r="GA6" s="696"/>
      <c r="GB6" s="696"/>
      <c r="GC6" s="696"/>
      <c r="GD6" s="696"/>
      <c r="GE6" s="696"/>
      <c r="GF6" s="696"/>
      <c r="GG6" s="697"/>
      <c r="GH6" s="700" t="s">
        <v>81</v>
      </c>
      <c r="GI6" s="515"/>
      <c r="GJ6" s="515"/>
      <c r="GK6" s="515"/>
      <c r="GL6" s="515"/>
      <c r="GM6" s="515"/>
      <c r="GN6" s="515"/>
      <c r="GO6" s="515"/>
      <c r="GP6" s="515"/>
      <c r="GQ6" s="515"/>
      <c r="GR6" s="516"/>
      <c r="GS6" s="700" t="s">
        <v>82</v>
      </c>
      <c r="GT6" s="515"/>
      <c r="GU6" s="515"/>
      <c r="GV6" s="515"/>
      <c r="GW6" s="515"/>
      <c r="GX6" s="515"/>
      <c r="GY6" s="515"/>
      <c r="GZ6" s="515"/>
      <c r="HA6" s="515"/>
      <c r="HB6" s="515"/>
      <c r="HC6" s="516"/>
      <c r="HD6" s="721"/>
      <c r="HE6" s="722"/>
      <c r="HF6" s="722"/>
      <c r="HG6" s="722"/>
      <c r="HH6" s="722"/>
      <c r="HI6" s="722"/>
      <c r="HJ6" s="722"/>
      <c r="HK6" s="722"/>
      <c r="HL6" s="722"/>
      <c r="HM6" s="722"/>
      <c r="HN6" s="723"/>
      <c r="HO6" s="721"/>
      <c r="HP6" s="722"/>
      <c r="HQ6" s="722"/>
      <c r="HR6" s="722"/>
      <c r="HS6" s="722"/>
      <c r="HT6" s="722"/>
      <c r="HU6" s="722"/>
      <c r="HV6" s="722"/>
      <c r="HW6" s="722"/>
      <c r="HX6" s="722"/>
      <c r="HY6" s="723"/>
      <c r="HZ6" s="611"/>
      <c r="IA6" s="612"/>
      <c r="IB6" s="612"/>
      <c r="IC6" s="612"/>
      <c r="ID6" s="612"/>
      <c r="IE6" s="612"/>
      <c r="IF6" s="612"/>
      <c r="IG6" s="612"/>
      <c r="IH6" s="612"/>
      <c r="II6" s="612"/>
      <c r="IJ6" s="613"/>
      <c r="IK6" s="598"/>
      <c r="IL6" s="591"/>
      <c r="IM6" s="591"/>
      <c r="IN6" s="591"/>
      <c r="IO6" s="591"/>
      <c r="IP6" s="591"/>
      <c r="IQ6" s="591"/>
      <c r="IR6" s="591"/>
      <c r="IS6" s="591"/>
      <c r="IT6" s="591"/>
      <c r="IU6" s="599"/>
      <c r="IV6" s="598"/>
      <c r="IW6" s="591"/>
      <c r="IX6" s="591"/>
      <c r="IY6" s="591"/>
      <c r="IZ6" s="591"/>
      <c r="JA6" s="591"/>
      <c r="JB6" s="591"/>
      <c r="JC6" s="591"/>
      <c r="JD6" s="591"/>
      <c r="JE6" s="591"/>
      <c r="JF6" s="599"/>
      <c r="JG6" s="665"/>
      <c r="JH6" s="666"/>
      <c r="JI6" s="666"/>
      <c r="JJ6" s="666"/>
      <c r="JK6" s="666"/>
      <c r="JL6" s="666"/>
      <c r="JM6" s="666"/>
      <c r="JN6" s="666"/>
      <c r="JO6" s="666"/>
      <c r="JP6" s="666"/>
      <c r="JQ6" s="667"/>
      <c r="JR6" s="598"/>
      <c r="JS6" s="591"/>
      <c r="JT6" s="591"/>
      <c r="JU6" s="591"/>
      <c r="JV6" s="591"/>
      <c r="JW6" s="591"/>
      <c r="JX6" s="591"/>
      <c r="JY6" s="591"/>
      <c r="JZ6" s="591"/>
      <c r="KA6" s="591"/>
      <c r="KB6" s="599"/>
      <c r="KC6" s="598"/>
      <c r="KD6" s="591"/>
      <c r="KE6" s="591"/>
      <c r="KF6" s="591"/>
      <c r="KG6" s="591"/>
      <c r="KH6" s="591"/>
      <c r="KI6" s="591"/>
      <c r="KJ6" s="591"/>
      <c r="KK6" s="591"/>
      <c r="KL6" s="591"/>
      <c r="KM6" s="599"/>
      <c r="KN6" s="598"/>
      <c r="KO6" s="591"/>
      <c r="KP6" s="591"/>
      <c r="KQ6" s="591"/>
      <c r="KR6" s="591"/>
      <c r="KS6" s="591"/>
      <c r="KT6" s="591"/>
      <c r="KU6" s="591"/>
      <c r="KV6" s="591"/>
      <c r="KW6" s="591"/>
      <c r="KX6" s="599"/>
      <c r="KY6" s="598"/>
      <c r="KZ6" s="591"/>
      <c r="LA6" s="591"/>
      <c r="LB6" s="591"/>
      <c r="LC6" s="591"/>
      <c r="LD6" s="591"/>
      <c r="LE6" s="591"/>
      <c r="LF6" s="591"/>
      <c r="LG6" s="591"/>
      <c r="LH6" s="591"/>
      <c r="LI6" s="599"/>
      <c r="LJ6" s="611"/>
      <c r="LK6" s="612"/>
      <c r="LL6" s="612"/>
      <c r="LM6" s="612"/>
      <c r="LN6" s="612"/>
      <c r="LO6" s="612"/>
      <c r="LP6" s="612"/>
      <c r="LQ6" s="612"/>
      <c r="LR6" s="612"/>
      <c r="LS6" s="612"/>
      <c r="LT6" s="613"/>
      <c r="LU6" s="674"/>
      <c r="LV6" s="675"/>
      <c r="LW6" s="675"/>
      <c r="LX6" s="675"/>
      <c r="LY6" s="675"/>
      <c r="LZ6" s="675"/>
      <c r="MA6" s="675"/>
      <c r="MB6" s="675"/>
      <c r="MC6" s="675"/>
      <c r="MD6" s="675"/>
      <c r="ME6" s="676"/>
      <c r="MF6" s="611"/>
      <c r="MG6" s="612"/>
      <c r="MH6" s="612"/>
      <c r="MI6" s="612"/>
      <c r="MJ6" s="612"/>
      <c r="MK6" s="612"/>
      <c r="ML6" s="612"/>
      <c r="MM6" s="612"/>
      <c r="MN6" s="612"/>
      <c r="MO6" s="612"/>
      <c r="MP6" s="613"/>
      <c r="MQ6" s="598"/>
      <c r="MR6" s="591"/>
      <c r="MS6" s="591"/>
      <c r="MT6" s="591"/>
      <c r="MU6" s="591"/>
      <c r="MV6" s="591"/>
      <c r="MW6" s="591"/>
      <c r="MX6" s="591"/>
      <c r="MY6" s="591"/>
      <c r="MZ6" s="591"/>
      <c r="NA6" s="599"/>
      <c r="NB6" s="598"/>
      <c r="NC6" s="591"/>
      <c r="ND6" s="591"/>
      <c r="NE6" s="591"/>
      <c r="NF6" s="591"/>
      <c r="NG6" s="591"/>
      <c r="NH6" s="591"/>
      <c r="NI6" s="591"/>
      <c r="NJ6" s="591"/>
      <c r="NK6" s="591"/>
      <c r="NL6" s="599"/>
      <c r="NM6" s="598"/>
      <c r="NN6" s="591"/>
      <c r="NO6" s="591"/>
      <c r="NP6" s="591"/>
      <c r="NQ6" s="591"/>
      <c r="NR6" s="591"/>
      <c r="NS6" s="591"/>
      <c r="NT6" s="591"/>
      <c r="NU6" s="591"/>
      <c r="NV6" s="591"/>
      <c r="NW6" s="599"/>
      <c r="NX6" s="652"/>
      <c r="NY6" s="653"/>
      <c r="NZ6" s="653"/>
      <c r="OA6" s="653"/>
      <c r="OB6" s="653"/>
      <c r="OC6" s="653"/>
      <c r="OD6" s="653"/>
      <c r="OE6" s="653"/>
      <c r="OF6" s="653"/>
      <c r="OG6" s="653"/>
      <c r="OH6" s="654"/>
      <c r="OI6" s="598"/>
      <c r="OJ6" s="591"/>
      <c r="OK6" s="591"/>
      <c r="OL6" s="591"/>
      <c r="OM6" s="591"/>
      <c r="ON6" s="591"/>
      <c r="OO6" s="591"/>
      <c r="OP6" s="591"/>
      <c r="OQ6" s="591"/>
      <c r="OR6" s="591"/>
      <c r="OS6" s="599"/>
    </row>
    <row r="7" spans="2:409" ht="21" customHeight="1" x14ac:dyDescent="0.2">
      <c r="B7" s="708"/>
      <c r="C7" s="693" t="s">
        <v>61</v>
      </c>
      <c r="D7" s="693"/>
      <c r="E7" s="693"/>
      <c r="F7" s="705" t="s">
        <v>62</v>
      </c>
      <c r="G7" s="693"/>
      <c r="H7" s="693"/>
      <c r="I7" s="693"/>
      <c r="J7" s="693"/>
      <c r="K7" s="693"/>
      <c r="L7" s="693"/>
      <c r="M7" s="705" t="s">
        <v>52</v>
      </c>
      <c r="N7" s="704" t="s">
        <v>61</v>
      </c>
      <c r="O7" s="693"/>
      <c r="P7" s="693"/>
      <c r="Q7" s="705" t="s">
        <v>62</v>
      </c>
      <c r="R7" s="693"/>
      <c r="S7" s="693"/>
      <c r="T7" s="693"/>
      <c r="U7" s="693"/>
      <c r="V7" s="693"/>
      <c r="W7" s="706"/>
      <c r="X7" s="701" t="s">
        <v>52</v>
      </c>
      <c r="Y7" s="511" t="s">
        <v>61</v>
      </c>
      <c r="Z7" s="512"/>
      <c r="AA7" s="687"/>
      <c r="AB7" s="686" t="s">
        <v>62</v>
      </c>
      <c r="AC7" s="512"/>
      <c r="AD7" s="512"/>
      <c r="AE7" s="512"/>
      <c r="AF7" s="512"/>
      <c r="AG7" s="512"/>
      <c r="AH7" s="687"/>
      <c r="AI7" s="513" t="s">
        <v>52</v>
      </c>
      <c r="AJ7" s="681" t="s">
        <v>61</v>
      </c>
      <c r="AK7" s="682"/>
      <c r="AL7" s="683"/>
      <c r="AM7" s="684" t="s">
        <v>62</v>
      </c>
      <c r="AN7" s="682"/>
      <c r="AO7" s="682"/>
      <c r="AP7" s="682"/>
      <c r="AQ7" s="682"/>
      <c r="AR7" s="682"/>
      <c r="AS7" s="685"/>
      <c r="AT7" s="513" t="s">
        <v>52</v>
      </c>
      <c r="AU7" s="681" t="s">
        <v>61</v>
      </c>
      <c r="AV7" s="682"/>
      <c r="AW7" s="683"/>
      <c r="AX7" s="684" t="s">
        <v>62</v>
      </c>
      <c r="AY7" s="682"/>
      <c r="AZ7" s="682"/>
      <c r="BA7" s="682"/>
      <c r="BB7" s="682"/>
      <c r="BC7" s="682"/>
      <c r="BD7" s="685"/>
      <c r="BE7" s="513" t="s">
        <v>52</v>
      </c>
      <c r="BF7" s="681" t="s">
        <v>61</v>
      </c>
      <c r="BG7" s="682"/>
      <c r="BH7" s="683"/>
      <c r="BI7" s="684" t="s">
        <v>62</v>
      </c>
      <c r="BJ7" s="682"/>
      <c r="BK7" s="682"/>
      <c r="BL7" s="682"/>
      <c r="BM7" s="682"/>
      <c r="BN7" s="682"/>
      <c r="BO7" s="685"/>
      <c r="BP7" s="513" t="s">
        <v>52</v>
      </c>
      <c r="BQ7" s="681" t="s">
        <v>61</v>
      </c>
      <c r="BR7" s="682"/>
      <c r="BS7" s="683"/>
      <c r="BT7" s="684" t="s">
        <v>62</v>
      </c>
      <c r="BU7" s="682"/>
      <c r="BV7" s="682"/>
      <c r="BW7" s="682"/>
      <c r="BX7" s="682"/>
      <c r="BY7" s="682"/>
      <c r="BZ7" s="685"/>
      <c r="CA7" s="513" t="s">
        <v>52</v>
      </c>
      <c r="CB7" s="688" t="s">
        <v>61</v>
      </c>
      <c r="CC7" s="689"/>
      <c r="CD7" s="690"/>
      <c r="CE7" s="691" t="s">
        <v>62</v>
      </c>
      <c r="CF7" s="689"/>
      <c r="CG7" s="689"/>
      <c r="CH7" s="689"/>
      <c r="CI7" s="689"/>
      <c r="CJ7" s="689"/>
      <c r="CK7" s="692"/>
      <c r="CL7" s="701" t="s">
        <v>52</v>
      </c>
      <c r="CM7" s="681" t="s">
        <v>61</v>
      </c>
      <c r="CN7" s="682"/>
      <c r="CO7" s="685"/>
      <c r="CP7" s="684" t="s">
        <v>62</v>
      </c>
      <c r="CQ7" s="682"/>
      <c r="CR7" s="682"/>
      <c r="CS7" s="682"/>
      <c r="CT7" s="682"/>
      <c r="CU7" s="682"/>
      <c r="CV7" s="685"/>
      <c r="CW7" s="703" t="s">
        <v>52</v>
      </c>
      <c r="CX7" s="681" t="s">
        <v>61</v>
      </c>
      <c r="CY7" s="682"/>
      <c r="CZ7" s="685"/>
      <c r="DA7" s="684" t="s">
        <v>62</v>
      </c>
      <c r="DB7" s="682"/>
      <c r="DC7" s="682"/>
      <c r="DD7" s="682"/>
      <c r="DE7" s="682"/>
      <c r="DF7" s="682"/>
      <c r="DG7" s="685"/>
      <c r="DH7" s="703" t="s">
        <v>52</v>
      </c>
      <c r="DI7" s="688" t="s">
        <v>61</v>
      </c>
      <c r="DJ7" s="689"/>
      <c r="DK7" s="692"/>
      <c r="DL7" s="691" t="s">
        <v>62</v>
      </c>
      <c r="DM7" s="689"/>
      <c r="DN7" s="689"/>
      <c r="DO7" s="689"/>
      <c r="DP7" s="689"/>
      <c r="DQ7" s="689"/>
      <c r="DR7" s="692"/>
      <c r="DS7" s="701" t="s">
        <v>52</v>
      </c>
      <c r="DT7" s="681" t="s">
        <v>61</v>
      </c>
      <c r="DU7" s="682"/>
      <c r="DV7" s="683"/>
      <c r="DW7" s="684" t="s">
        <v>62</v>
      </c>
      <c r="DX7" s="682"/>
      <c r="DY7" s="682"/>
      <c r="DZ7" s="682"/>
      <c r="EA7" s="682"/>
      <c r="EB7" s="682"/>
      <c r="EC7" s="685"/>
      <c r="ED7" s="513" t="s">
        <v>52</v>
      </c>
      <c r="EE7" s="681" t="s">
        <v>61</v>
      </c>
      <c r="EF7" s="682"/>
      <c r="EG7" s="683"/>
      <c r="EH7" s="684" t="s">
        <v>62</v>
      </c>
      <c r="EI7" s="682"/>
      <c r="EJ7" s="682"/>
      <c r="EK7" s="682"/>
      <c r="EL7" s="682"/>
      <c r="EM7" s="682"/>
      <c r="EN7" s="685"/>
      <c r="EO7" s="513" t="s">
        <v>52</v>
      </c>
      <c r="EP7" s="681" t="s">
        <v>61</v>
      </c>
      <c r="EQ7" s="682"/>
      <c r="ER7" s="683"/>
      <c r="ES7" s="684" t="s">
        <v>62</v>
      </c>
      <c r="ET7" s="682"/>
      <c r="EU7" s="682"/>
      <c r="EV7" s="682"/>
      <c r="EW7" s="682"/>
      <c r="EX7" s="682"/>
      <c r="EY7" s="685"/>
      <c r="EZ7" s="513" t="s">
        <v>52</v>
      </c>
      <c r="FA7" s="681" t="s">
        <v>61</v>
      </c>
      <c r="FB7" s="682"/>
      <c r="FC7" s="683"/>
      <c r="FD7" s="684" t="s">
        <v>62</v>
      </c>
      <c r="FE7" s="682"/>
      <c r="FF7" s="682"/>
      <c r="FG7" s="682"/>
      <c r="FH7" s="682"/>
      <c r="FI7" s="682"/>
      <c r="FJ7" s="685"/>
      <c r="FK7" s="513" t="s">
        <v>52</v>
      </c>
      <c r="FL7" s="688" t="s">
        <v>61</v>
      </c>
      <c r="FM7" s="689"/>
      <c r="FN7" s="690"/>
      <c r="FO7" s="691" t="s">
        <v>62</v>
      </c>
      <c r="FP7" s="689"/>
      <c r="FQ7" s="689"/>
      <c r="FR7" s="689"/>
      <c r="FS7" s="689"/>
      <c r="FT7" s="689"/>
      <c r="FU7" s="692"/>
      <c r="FV7" s="693" t="s">
        <v>52</v>
      </c>
      <c r="FW7" s="681" t="s">
        <v>61</v>
      </c>
      <c r="FX7" s="682"/>
      <c r="FY7" s="683"/>
      <c r="FZ7" s="684" t="s">
        <v>62</v>
      </c>
      <c r="GA7" s="682"/>
      <c r="GB7" s="682"/>
      <c r="GC7" s="682"/>
      <c r="GD7" s="682"/>
      <c r="GE7" s="682"/>
      <c r="GF7" s="685"/>
      <c r="GG7" s="513" t="s">
        <v>52</v>
      </c>
      <c r="GH7" s="511" t="s">
        <v>61</v>
      </c>
      <c r="GI7" s="512"/>
      <c r="GJ7" s="512"/>
      <c r="GK7" s="686" t="s">
        <v>62</v>
      </c>
      <c r="GL7" s="512"/>
      <c r="GM7" s="512"/>
      <c r="GN7" s="512"/>
      <c r="GO7" s="512"/>
      <c r="GP7" s="512"/>
      <c r="GQ7" s="687"/>
      <c r="GR7" s="679" t="s">
        <v>52</v>
      </c>
      <c r="GS7" s="511" t="s">
        <v>61</v>
      </c>
      <c r="GT7" s="512"/>
      <c r="GU7" s="687"/>
      <c r="GV7" s="686" t="s">
        <v>62</v>
      </c>
      <c r="GW7" s="512"/>
      <c r="GX7" s="512"/>
      <c r="GY7" s="512"/>
      <c r="GZ7" s="512"/>
      <c r="HA7" s="512"/>
      <c r="HB7" s="687"/>
      <c r="HC7" s="679" t="s">
        <v>52</v>
      </c>
      <c r="HD7" s="681" t="s">
        <v>61</v>
      </c>
      <c r="HE7" s="682"/>
      <c r="HF7" s="683"/>
      <c r="HG7" s="684" t="s">
        <v>62</v>
      </c>
      <c r="HH7" s="682"/>
      <c r="HI7" s="682"/>
      <c r="HJ7" s="682"/>
      <c r="HK7" s="682"/>
      <c r="HL7" s="682"/>
      <c r="HM7" s="685"/>
      <c r="HN7" s="513" t="s">
        <v>52</v>
      </c>
      <c r="HO7" s="681" t="s">
        <v>61</v>
      </c>
      <c r="HP7" s="682"/>
      <c r="HQ7" s="683"/>
      <c r="HR7" s="684" t="s">
        <v>62</v>
      </c>
      <c r="HS7" s="682"/>
      <c r="HT7" s="682"/>
      <c r="HU7" s="682"/>
      <c r="HV7" s="682"/>
      <c r="HW7" s="682"/>
      <c r="HX7" s="685"/>
      <c r="HY7" s="513" t="s">
        <v>52</v>
      </c>
      <c r="HZ7" s="579" t="s">
        <v>61</v>
      </c>
      <c r="IA7" s="580"/>
      <c r="IB7" s="581"/>
      <c r="IC7" s="640" t="s">
        <v>62</v>
      </c>
      <c r="ID7" s="580"/>
      <c r="IE7" s="580"/>
      <c r="IF7" s="580"/>
      <c r="IG7" s="580"/>
      <c r="IH7" s="580"/>
      <c r="II7" s="641"/>
      <c r="IJ7" s="583" t="s">
        <v>52</v>
      </c>
      <c r="IK7" s="587" t="s">
        <v>61</v>
      </c>
      <c r="IL7" s="588"/>
      <c r="IM7" s="589"/>
      <c r="IN7" s="622" t="s">
        <v>62</v>
      </c>
      <c r="IO7" s="588"/>
      <c r="IP7" s="588"/>
      <c r="IQ7" s="588"/>
      <c r="IR7" s="588"/>
      <c r="IS7" s="588"/>
      <c r="IT7" s="623"/>
      <c r="IU7" s="599" t="s">
        <v>52</v>
      </c>
      <c r="IV7" s="587" t="s">
        <v>61</v>
      </c>
      <c r="IW7" s="588"/>
      <c r="IX7" s="623"/>
      <c r="IY7" s="622" t="s">
        <v>62</v>
      </c>
      <c r="IZ7" s="588"/>
      <c r="JA7" s="588"/>
      <c r="JB7" s="588"/>
      <c r="JC7" s="588"/>
      <c r="JD7" s="588"/>
      <c r="JE7" s="623"/>
      <c r="JF7" s="599" t="s">
        <v>52</v>
      </c>
      <c r="JG7" s="587" t="s">
        <v>61</v>
      </c>
      <c r="JH7" s="588"/>
      <c r="JI7" s="589"/>
      <c r="JJ7" s="622" t="s">
        <v>62</v>
      </c>
      <c r="JK7" s="588"/>
      <c r="JL7" s="588"/>
      <c r="JM7" s="588"/>
      <c r="JN7" s="588"/>
      <c r="JO7" s="588"/>
      <c r="JP7" s="623"/>
      <c r="JQ7" s="646" t="s">
        <v>52</v>
      </c>
      <c r="JR7" s="587" t="s">
        <v>61</v>
      </c>
      <c r="JS7" s="588"/>
      <c r="JT7" s="589"/>
      <c r="JU7" s="622" t="s">
        <v>62</v>
      </c>
      <c r="JV7" s="588"/>
      <c r="JW7" s="588"/>
      <c r="JX7" s="588"/>
      <c r="JY7" s="588"/>
      <c r="JZ7" s="588"/>
      <c r="KA7" s="623"/>
      <c r="KB7" s="646" t="s">
        <v>52</v>
      </c>
      <c r="KC7" s="587" t="s">
        <v>61</v>
      </c>
      <c r="KD7" s="588"/>
      <c r="KE7" s="589"/>
      <c r="KF7" s="622" t="s">
        <v>62</v>
      </c>
      <c r="KG7" s="588"/>
      <c r="KH7" s="588"/>
      <c r="KI7" s="588"/>
      <c r="KJ7" s="588"/>
      <c r="KK7" s="588"/>
      <c r="KL7" s="623"/>
      <c r="KM7" s="646" t="s">
        <v>52</v>
      </c>
      <c r="KN7" s="587" t="s">
        <v>61</v>
      </c>
      <c r="KO7" s="588"/>
      <c r="KP7" s="589"/>
      <c r="KQ7" s="622" t="s">
        <v>62</v>
      </c>
      <c r="KR7" s="588"/>
      <c r="KS7" s="588"/>
      <c r="KT7" s="588"/>
      <c r="KU7" s="588"/>
      <c r="KV7" s="588"/>
      <c r="KW7" s="623"/>
      <c r="KX7" s="646" t="s">
        <v>52</v>
      </c>
      <c r="KY7" s="587" t="s">
        <v>61</v>
      </c>
      <c r="KZ7" s="588"/>
      <c r="LA7" s="589"/>
      <c r="LB7" s="622" t="s">
        <v>62</v>
      </c>
      <c r="LC7" s="588"/>
      <c r="LD7" s="588"/>
      <c r="LE7" s="588"/>
      <c r="LF7" s="588"/>
      <c r="LG7" s="588"/>
      <c r="LH7" s="623"/>
      <c r="LI7" s="646" t="s">
        <v>52</v>
      </c>
      <c r="LJ7" s="587" t="s">
        <v>61</v>
      </c>
      <c r="LK7" s="588"/>
      <c r="LL7" s="589"/>
      <c r="LM7" s="622" t="s">
        <v>62</v>
      </c>
      <c r="LN7" s="588"/>
      <c r="LO7" s="588"/>
      <c r="LP7" s="588"/>
      <c r="LQ7" s="588"/>
      <c r="LR7" s="588"/>
      <c r="LS7" s="623"/>
      <c r="LT7" s="646" t="s">
        <v>52</v>
      </c>
      <c r="LU7" s="587" t="s">
        <v>61</v>
      </c>
      <c r="LV7" s="588"/>
      <c r="LW7" s="589"/>
      <c r="LX7" s="622" t="s">
        <v>62</v>
      </c>
      <c r="LY7" s="588"/>
      <c r="LZ7" s="588"/>
      <c r="MA7" s="588"/>
      <c r="MB7" s="588"/>
      <c r="MC7" s="588"/>
      <c r="MD7" s="623"/>
      <c r="ME7" s="646" t="s">
        <v>52</v>
      </c>
      <c r="MF7" s="579" t="s">
        <v>61</v>
      </c>
      <c r="MG7" s="580"/>
      <c r="MH7" s="581"/>
      <c r="MI7" s="640" t="s">
        <v>62</v>
      </c>
      <c r="MJ7" s="580"/>
      <c r="MK7" s="580"/>
      <c r="ML7" s="580"/>
      <c r="MM7" s="580"/>
      <c r="MN7" s="580"/>
      <c r="MO7" s="641"/>
      <c r="MP7" s="624" t="s">
        <v>52</v>
      </c>
      <c r="MQ7" s="587" t="s">
        <v>61</v>
      </c>
      <c r="MR7" s="588"/>
      <c r="MS7" s="589"/>
      <c r="MT7" s="622" t="s">
        <v>62</v>
      </c>
      <c r="MU7" s="588"/>
      <c r="MV7" s="588"/>
      <c r="MW7" s="588"/>
      <c r="MX7" s="588"/>
      <c r="MY7" s="588"/>
      <c r="MZ7" s="623"/>
      <c r="NA7" s="646" t="s">
        <v>52</v>
      </c>
      <c r="NB7" s="587" t="s">
        <v>61</v>
      </c>
      <c r="NC7" s="588"/>
      <c r="ND7" s="589"/>
      <c r="NE7" s="622" t="s">
        <v>62</v>
      </c>
      <c r="NF7" s="588"/>
      <c r="NG7" s="588"/>
      <c r="NH7" s="588"/>
      <c r="NI7" s="588"/>
      <c r="NJ7" s="588"/>
      <c r="NK7" s="623"/>
      <c r="NL7" s="646" t="s">
        <v>52</v>
      </c>
      <c r="NM7" s="587" t="s">
        <v>61</v>
      </c>
      <c r="NN7" s="588"/>
      <c r="NO7" s="589"/>
      <c r="NP7" s="622" t="s">
        <v>62</v>
      </c>
      <c r="NQ7" s="588"/>
      <c r="NR7" s="588"/>
      <c r="NS7" s="588"/>
      <c r="NT7" s="588"/>
      <c r="NU7" s="588"/>
      <c r="NV7" s="623"/>
      <c r="NW7" s="646" t="s">
        <v>52</v>
      </c>
      <c r="NX7" s="587" t="s">
        <v>61</v>
      </c>
      <c r="NY7" s="588"/>
      <c r="NZ7" s="589"/>
      <c r="OA7" s="622" t="s">
        <v>62</v>
      </c>
      <c r="OB7" s="588"/>
      <c r="OC7" s="588"/>
      <c r="OD7" s="588"/>
      <c r="OE7" s="588"/>
      <c r="OF7" s="588"/>
      <c r="OG7" s="623"/>
      <c r="OH7" s="646" t="s">
        <v>52</v>
      </c>
      <c r="OI7" s="579" t="s">
        <v>61</v>
      </c>
      <c r="OJ7" s="580"/>
      <c r="OK7" s="581"/>
      <c r="OL7" s="640" t="s">
        <v>62</v>
      </c>
      <c r="OM7" s="580"/>
      <c r="ON7" s="580"/>
      <c r="OO7" s="580"/>
      <c r="OP7" s="580"/>
      <c r="OQ7" s="580"/>
      <c r="OR7" s="641"/>
      <c r="OS7" s="624" t="s">
        <v>52</v>
      </c>
    </row>
    <row r="8" spans="2:409" ht="30" customHeight="1" thickBot="1" x14ac:dyDescent="0.25">
      <c r="B8" s="709"/>
      <c r="C8" s="323" t="s">
        <v>43</v>
      </c>
      <c r="D8" s="47" t="s">
        <v>44</v>
      </c>
      <c r="E8" s="324" t="s">
        <v>45</v>
      </c>
      <c r="F8" s="52" t="s">
        <v>83</v>
      </c>
      <c r="G8" s="47" t="s">
        <v>47</v>
      </c>
      <c r="H8" s="47" t="s">
        <v>48</v>
      </c>
      <c r="I8" s="47" t="s">
        <v>49</v>
      </c>
      <c r="J8" s="47" t="s">
        <v>50</v>
      </c>
      <c r="K8" s="47" t="s">
        <v>51</v>
      </c>
      <c r="L8" s="48" t="s">
        <v>45</v>
      </c>
      <c r="M8" s="725"/>
      <c r="N8" s="51" t="s">
        <v>43</v>
      </c>
      <c r="O8" s="47" t="s">
        <v>44</v>
      </c>
      <c r="P8" s="48" t="s">
        <v>45</v>
      </c>
      <c r="Q8" s="52" t="s">
        <v>83</v>
      </c>
      <c r="R8" s="47" t="s">
        <v>47</v>
      </c>
      <c r="S8" s="47" t="s">
        <v>48</v>
      </c>
      <c r="T8" s="47" t="s">
        <v>49</v>
      </c>
      <c r="U8" s="47" t="s">
        <v>50</v>
      </c>
      <c r="V8" s="47" t="s">
        <v>51</v>
      </c>
      <c r="W8" s="48" t="s">
        <v>45</v>
      </c>
      <c r="X8" s="702"/>
      <c r="Y8" s="51" t="s">
        <v>43</v>
      </c>
      <c r="Z8" s="47" t="s">
        <v>44</v>
      </c>
      <c r="AA8" s="48" t="s">
        <v>45</v>
      </c>
      <c r="AB8" s="52" t="s">
        <v>83</v>
      </c>
      <c r="AC8" s="47" t="s">
        <v>47</v>
      </c>
      <c r="AD8" s="47" t="s">
        <v>48</v>
      </c>
      <c r="AE8" s="47" t="s">
        <v>49</v>
      </c>
      <c r="AF8" s="47" t="s">
        <v>50</v>
      </c>
      <c r="AG8" s="47" t="s">
        <v>51</v>
      </c>
      <c r="AH8" s="48" t="s">
        <v>45</v>
      </c>
      <c r="AI8" s="678"/>
      <c r="AJ8" s="51" t="s">
        <v>43</v>
      </c>
      <c r="AK8" s="47" t="s">
        <v>44</v>
      </c>
      <c r="AL8" s="324" t="s">
        <v>45</v>
      </c>
      <c r="AM8" s="52" t="s">
        <v>83</v>
      </c>
      <c r="AN8" s="47" t="s">
        <v>47</v>
      </c>
      <c r="AO8" s="47" t="s">
        <v>48</v>
      </c>
      <c r="AP8" s="47" t="s">
        <v>49</v>
      </c>
      <c r="AQ8" s="47" t="s">
        <v>50</v>
      </c>
      <c r="AR8" s="47" t="s">
        <v>51</v>
      </c>
      <c r="AS8" s="48" t="s">
        <v>45</v>
      </c>
      <c r="AT8" s="678"/>
      <c r="AU8" s="51" t="s">
        <v>43</v>
      </c>
      <c r="AV8" s="47" t="s">
        <v>44</v>
      </c>
      <c r="AW8" s="324" t="s">
        <v>45</v>
      </c>
      <c r="AX8" s="52" t="s">
        <v>83</v>
      </c>
      <c r="AY8" s="47" t="s">
        <v>47</v>
      </c>
      <c r="AZ8" s="47" t="s">
        <v>48</v>
      </c>
      <c r="BA8" s="47" t="s">
        <v>49</v>
      </c>
      <c r="BB8" s="47" t="s">
        <v>50</v>
      </c>
      <c r="BC8" s="47" t="s">
        <v>51</v>
      </c>
      <c r="BD8" s="48" t="s">
        <v>45</v>
      </c>
      <c r="BE8" s="678"/>
      <c r="BF8" s="325" t="s">
        <v>43</v>
      </c>
      <c r="BG8" s="47" t="s">
        <v>44</v>
      </c>
      <c r="BH8" s="324" t="s">
        <v>45</v>
      </c>
      <c r="BI8" s="52" t="s">
        <v>83</v>
      </c>
      <c r="BJ8" s="47" t="s">
        <v>47</v>
      </c>
      <c r="BK8" s="47" t="s">
        <v>48</v>
      </c>
      <c r="BL8" s="47" t="s">
        <v>49</v>
      </c>
      <c r="BM8" s="47" t="s">
        <v>50</v>
      </c>
      <c r="BN8" s="47" t="s">
        <v>51</v>
      </c>
      <c r="BO8" s="48" t="s">
        <v>45</v>
      </c>
      <c r="BP8" s="678"/>
      <c r="BQ8" s="51" t="s">
        <v>43</v>
      </c>
      <c r="BR8" s="47" t="s">
        <v>44</v>
      </c>
      <c r="BS8" s="324" t="s">
        <v>45</v>
      </c>
      <c r="BT8" s="52" t="s">
        <v>83</v>
      </c>
      <c r="BU8" s="47" t="s">
        <v>47</v>
      </c>
      <c r="BV8" s="47" t="s">
        <v>48</v>
      </c>
      <c r="BW8" s="47" t="s">
        <v>49</v>
      </c>
      <c r="BX8" s="47" t="s">
        <v>50</v>
      </c>
      <c r="BY8" s="47" t="s">
        <v>51</v>
      </c>
      <c r="BZ8" s="48" t="s">
        <v>45</v>
      </c>
      <c r="CA8" s="678"/>
      <c r="CB8" s="51" t="s">
        <v>43</v>
      </c>
      <c r="CC8" s="47" t="s">
        <v>44</v>
      </c>
      <c r="CD8" s="324" t="s">
        <v>45</v>
      </c>
      <c r="CE8" s="52" t="s">
        <v>83</v>
      </c>
      <c r="CF8" s="47" t="s">
        <v>47</v>
      </c>
      <c r="CG8" s="47" t="s">
        <v>48</v>
      </c>
      <c r="CH8" s="47" t="s">
        <v>49</v>
      </c>
      <c r="CI8" s="47" t="s">
        <v>50</v>
      </c>
      <c r="CJ8" s="47" t="s">
        <v>51</v>
      </c>
      <c r="CK8" s="48" t="s">
        <v>45</v>
      </c>
      <c r="CL8" s="702"/>
      <c r="CM8" s="51" t="s">
        <v>43</v>
      </c>
      <c r="CN8" s="47" t="s">
        <v>44</v>
      </c>
      <c r="CO8" s="48" t="s">
        <v>45</v>
      </c>
      <c r="CP8" s="52" t="s">
        <v>83</v>
      </c>
      <c r="CQ8" s="47" t="s">
        <v>47</v>
      </c>
      <c r="CR8" s="47" t="s">
        <v>48</v>
      </c>
      <c r="CS8" s="47" t="s">
        <v>49</v>
      </c>
      <c r="CT8" s="47" t="s">
        <v>50</v>
      </c>
      <c r="CU8" s="47" t="s">
        <v>51</v>
      </c>
      <c r="CV8" s="48" t="s">
        <v>45</v>
      </c>
      <c r="CW8" s="702"/>
      <c r="CX8" s="51" t="s">
        <v>43</v>
      </c>
      <c r="CY8" s="47" t="s">
        <v>44</v>
      </c>
      <c r="CZ8" s="48" t="s">
        <v>45</v>
      </c>
      <c r="DA8" s="52" t="s">
        <v>83</v>
      </c>
      <c r="DB8" s="47" t="s">
        <v>47</v>
      </c>
      <c r="DC8" s="47" t="s">
        <v>48</v>
      </c>
      <c r="DD8" s="47" t="s">
        <v>49</v>
      </c>
      <c r="DE8" s="47" t="s">
        <v>50</v>
      </c>
      <c r="DF8" s="47" t="s">
        <v>51</v>
      </c>
      <c r="DG8" s="48" t="s">
        <v>45</v>
      </c>
      <c r="DH8" s="702"/>
      <c r="DI8" s="51" t="s">
        <v>43</v>
      </c>
      <c r="DJ8" s="47" t="s">
        <v>44</v>
      </c>
      <c r="DK8" s="48" t="s">
        <v>45</v>
      </c>
      <c r="DL8" s="52" t="s">
        <v>83</v>
      </c>
      <c r="DM8" s="47" t="s">
        <v>47</v>
      </c>
      <c r="DN8" s="47" t="s">
        <v>48</v>
      </c>
      <c r="DO8" s="47" t="s">
        <v>49</v>
      </c>
      <c r="DP8" s="47" t="s">
        <v>50</v>
      </c>
      <c r="DQ8" s="47" t="s">
        <v>51</v>
      </c>
      <c r="DR8" s="48" t="s">
        <v>45</v>
      </c>
      <c r="DS8" s="702"/>
      <c r="DT8" s="51" t="s">
        <v>43</v>
      </c>
      <c r="DU8" s="47" t="s">
        <v>44</v>
      </c>
      <c r="DV8" s="324" t="s">
        <v>45</v>
      </c>
      <c r="DW8" s="52" t="s">
        <v>83</v>
      </c>
      <c r="DX8" s="47" t="s">
        <v>47</v>
      </c>
      <c r="DY8" s="47" t="s">
        <v>48</v>
      </c>
      <c r="DZ8" s="47" t="s">
        <v>49</v>
      </c>
      <c r="EA8" s="47" t="s">
        <v>50</v>
      </c>
      <c r="EB8" s="47" t="s">
        <v>51</v>
      </c>
      <c r="EC8" s="48" t="s">
        <v>45</v>
      </c>
      <c r="ED8" s="678"/>
      <c r="EE8" s="51" t="s">
        <v>43</v>
      </c>
      <c r="EF8" s="47" t="s">
        <v>44</v>
      </c>
      <c r="EG8" s="324" t="s">
        <v>45</v>
      </c>
      <c r="EH8" s="52" t="s">
        <v>83</v>
      </c>
      <c r="EI8" s="47" t="s">
        <v>47</v>
      </c>
      <c r="EJ8" s="47" t="s">
        <v>48</v>
      </c>
      <c r="EK8" s="47" t="s">
        <v>49</v>
      </c>
      <c r="EL8" s="47" t="s">
        <v>50</v>
      </c>
      <c r="EM8" s="47" t="s">
        <v>51</v>
      </c>
      <c r="EN8" s="48" t="s">
        <v>45</v>
      </c>
      <c r="EO8" s="678"/>
      <c r="EP8" s="51" t="s">
        <v>43</v>
      </c>
      <c r="EQ8" s="47" t="s">
        <v>44</v>
      </c>
      <c r="ER8" s="324" t="s">
        <v>45</v>
      </c>
      <c r="ES8" s="52" t="s">
        <v>83</v>
      </c>
      <c r="ET8" s="47" t="s">
        <v>47</v>
      </c>
      <c r="EU8" s="47" t="s">
        <v>48</v>
      </c>
      <c r="EV8" s="47" t="s">
        <v>49</v>
      </c>
      <c r="EW8" s="47" t="s">
        <v>50</v>
      </c>
      <c r="EX8" s="47" t="s">
        <v>51</v>
      </c>
      <c r="EY8" s="48" t="s">
        <v>45</v>
      </c>
      <c r="EZ8" s="678"/>
      <c r="FA8" s="51" t="s">
        <v>43</v>
      </c>
      <c r="FB8" s="47" t="s">
        <v>44</v>
      </c>
      <c r="FC8" s="324" t="s">
        <v>45</v>
      </c>
      <c r="FD8" s="52" t="s">
        <v>83</v>
      </c>
      <c r="FE8" s="47" t="s">
        <v>47</v>
      </c>
      <c r="FF8" s="47" t="s">
        <v>48</v>
      </c>
      <c r="FG8" s="47" t="s">
        <v>49</v>
      </c>
      <c r="FH8" s="47" t="s">
        <v>50</v>
      </c>
      <c r="FI8" s="47" t="s">
        <v>51</v>
      </c>
      <c r="FJ8" s="48" t="s">
        <v>45</v>
      </c>
      <c r="FK8" s="678"/>
      <c r="FL8" s="51" t="s">
        <v>43</v>
      </c>
      <c r="FM8" s="47" t="s">
        <v>44</v>
      </c>
      <c r="FN8" s="324" t="s">
        <v>45</v>
      </c>
      <c r="FO8" s="52" t="s">
        <v>83</v>
      </c>
      <c r="FP8" s="47" t="s">
        <v>47</v>
      </c>
      <c r="FQ8" s="47" t="s">
        <v>48</v>
      </c>
      <c r="FR8" s="47" t="s">
        <v>49</v>
      </c>
      <c r="FS8" s="47" t="s">
        <v>50</v>
      </c>
      <c r="FT8" s="47" t="s">
        <v>51</v>
      </c>
      <c r="FU8" s="48" t="s">
        <v>45</v>
      </c>
      <c r="FV8" s="694"/>
      <c r="FW8" s="51" t="s">
        <v>43</v>
      </c>
      <c r="FX8" s="47" t="s">
        <v>44</v>
      </c>
      <c r="FY8" s="324" t="s">
        <v>45</v>
      </c>
      <c r="FZ8" s="52" t="s">
        <v>83</v>
      </c>
      <c r="GA8" s="47" t="s">
        <v>47</v>
      </c>
      <c r="GB8" s="47" t="s">
        <v>48</v>
      </c>
      <c r="GC8" s="47" t="s">
        <v>49</v>
      </c>
      <c r="GD8" s="47" t="s">
        <v>50</v>
      </c>
      <c r="GE8" s="47" t="s">
        <v>51</v>
      </c>
      <c r="GF8" s="48" t="s">
        <v>45</v>
      </c>
      <c r="GG8" s="678"/>
      <c r="GH8" s="51" t="s">
        <v>43</v>
      </c>
      <c r="GI8" s="47" t="s">
        <v>44</v>
      </c>
      <c r="GJ8" s="324" t="s">
        <v>45</v>
      </c>
      <c r="GK8" s="52" t="s">
        <v>83</v>
      </c>
      <c r="GL8" s="47" t="s">
        <v>47</v>
      </c>
      <c r="GM8" s="47" t="s">
        <v>48</v>
      </c>
      <c r="GN8" s="47" t="s">
        <v>49</v>
      </c>
      <c r="GO8" s="47" t="s">
        <v>50</v>
      </c>
      <c r="GP8" s="47" t="s">
        <v>51</v>
      </c>
      <c r="GQ8" s="48" t="s">
        <v>45</v>
      </c>
      <c r="GR8" s="680"/>
      <c r="GS8" s="51" t="s">
        <v>43</v>
      </c>
      <c r="GT8" s="47" t="s">
        <v>44</v>
      </c>
      <c r="GU8" s="324" t="s">
        <v>45</v>
      </c>
      <c r="GV8" s="52" t="s">
        <v>83</v>
      </c>
      <c r="GW8" s="47" t="s">
        <v>47</v>
      </c>
      <c r="GX8" s="47" t="s">
        <v>48</v>
      </c>
      <c r="GY8" s="47" t="s">
        <v>49</v>
      </c>
      <c r="GZ8" s="47" t="s">
        <v>50</v>
      </c>
      <c r="HA8" s="47" t="s">
        <v>51</v>
      </c>
      <c r="HB8" s="48" t="s">
        <v>45</v>
      </c>
      <c r="HC8" s="680"/>
      <c r="HD8" s="51" t="s">
        <v>43</v>
      </c>
      <c r="HE8" s="47" t="s">
        <v>44</v>
      </c>
      <c r="HF8" s="324" t="s">
        <v>45</v>
      </c>
      <c r="HG8" s="52" t="s">
        <v>83</v>
      </c>
      <c r="HH8" s="47" t="s">
        <v>47</v>
      </c>
      <c r="HI8" s="47" t="s">
        <v>48</v>
      </c>
      <c r="HJ8" s="47" t="s">
        <v>49</v>
      </c>
      <c r="HK8" s="47" t="s">
        <v>50</v>
      </c>
      <c r="HL8" s="47" t="s">
        <v>51</v>
      </c>
      <c r="HM8" s="48" t="s">
        <v>45</v>
      </c>
      <c r="HN8" s="678"/>
      <c r="HO8" s="51" t="s">
        <v>43</v>
      </c>
      <c r="HP8" s="47" t="s">
        <v>44</v>
      </c>
      <c r="HQ8" s="324" t="s">
        <v>45</v>
      </c>
      <c r="HR8" s="52" t="s">
        <v>83</v>
      </c>
      <c r="HS8" s="47" t="s">
        <v>47</v>
      </c>
      <c r="HT8" s="47" t="s">
        <v>48</v>
      </c>
      <c r="HU8" s="47" t="s">
        <v>49</v>
      </c>
      <c r="HV8" s="47" t="s">
        <v>50</v>
      </c>
      <c r="HW8" s="47" t="s">
        <v>51</v>
      </c>
      <c r="HX8" s="48" t="s">
        <v>45</v>
      </c>
      <c r="HY8" s="678"/>
      <c r="HZ8" s="366" t="s">
        <v>43</v>
      </c>
      <c r="IA8" s="367" t="s">
        <v>44</v>
      </c>
      <c r="IB8" s="41" t="s">
        <v>45</v>
      </c>
      <c r="IC8" s="42" t="s">
        <v>83</v>
      </c>
      <c r="ID8" s="367" t="s">
        <v>47</v>
      </c>
      <c r="IE8" s="367" t="s">
        <v>48</v>
      </c>
      <c r="IF8" s="367" t="s">
        <v>49</v>
      </c>
      <c r="IG8" s="367" t="s">
        <v>50</v>
      </c>
      <c r="IH8" s="367" t="s">
        <v>51</v>
      </c>
      <c r="II8" s="17" t="s">
        <v>45</v>
      </c>
      <c r="IJ8" s="645"/>
      <c r="IK8" s="366" t="s">
        <v>43</v>
      </c>
      <c r="IL8" s="367" t="s">
        <v>44</v>
      </c>
      <c r="IM8" s="41" t="s">
        <v>45</v>
      </c>
      <c r="IN8" s="42" t="s">
        <v>83</v>
      </c>
      <c r="IO8" s="59" t="s">
        <v>47</v>
      </c>
      <c r="IP8" s="59" t="s">
        <v>48</v>
      </c>
      <c r="IQ8" s="59" t="s">
        <v>49</v>
      </c>
      <c r="IR8" s="59" t="s">
        <v>50</v>
      </c>
      <c r="IS8" s="59" t="s">
        <v>51</v>
      </c>
      <c r="IT8" s="64" t="s">
        <v>45</v>
      </c>
      <c r="IU8" s="655"/>
      <c r="IV8" s="61" t="s">
        <v>43</v>
      </c>
      <c r="IW8" s="59" t="s">
        <v>44</v>
      </c>
      <c r="IX8" s="64" t="s">
        <v>45</v>
      </c>
      <c r="IY8" s="33" t="s">
        <v>83</v>
      </c>
      <c r="IZ8" s="59" t="s">
        <v>47</v>
      </c>
      <c r="JA8" s="59" t="s">
        <v>48</v>
      </c>
      <c r="JB8" s="59" t="s">
        <v>49</v>
      </c>
      <c r="JC8" s="59" t="s">
        <v>50</v>
      </c>
      <c r="JD8" s="59" t="s">
        <v>51</v>
      </c>
      <c r="JE8" s="64" t="s">
        <v>45</v>
      </c>
      <c r="JF8" s="655"/>
      <c r="JG8" s="61" t="s">
        <v>43</v>
      </c>
      <c r="JH8" s="59" t="s">
        <v>44</v>
      </c>
      <c r="JI8" s="60" t="s">
        <v>45</v>
      </c>
      <c r="JJ8" s="33" t="s">
        <v>83</v>
      </c>
      <c r="JK8" s="59" t="s">
        <v>47</v>
      </c>
      <c r="JL8" s="59" t="s">
        <v>48</v>
      </c>
      <c r="JM8" s="59" t="s">
        <v>49</v>
      </c>
      <c r="JN8" s="59" t="s">
        <v>50</v>
      </c>
      <c r="JO8" s="59" t="s">
        <v>51</v>
      </c>
      <c r="JP8" s="64" t="s">
        <v>45</v>
      </c>
      <c r="JQ8" s="648"/>
      <c r="JR8" s="61" t="s">
        <v>43</v>
      </c>
      <c r="JS8" s="59" t="s">
        <v>44</v>
      </c>
      <c r="JT8" s="60" t="s">
        <v>45</v>
      </c>
      <c r="JU8" s="33" t="s">
        <v>83</v>
      </c>
      <c r="JV8" s="59" t="s">
        <v>47</v>
      </c>
      <c r="JW8" s="59" t="s">
        <v>48</v>
      </c>
      <c r="JX8" s="59" t="s">
        <v>49</v>
      </c>
      <c r="JY8" s="59" t="s">
        <v>50</v>
      </c>
      <c r="JZ8" s="59" t="s">
        <v>51</v>
      </c>
      <c r="KA8" s="64" t="s">
        <v>45</v>
      </c>
      <c r="KB8" s="648"/>
      <c r="KC8" s="61" t="s">
        <v>43</v>
      </c>
      <c r="KD8" s="59" t="s">
        <v>44</v>
      </c>
      <c r="KE8" s="60" t="s">
        <v>45</v>
      </c>
      <c r="KF8" s="33" t="s">
        <v>83</v>
      </c>
      <c r="KG8" s="59" t="s">
        <v>47</v>
      </c>
      <c r="KH8" s="59" t="s">
        <v>48</v>
      </c>
      <c r="KI8" s="59" t="s">
        <v>49</v>
      </c>
      <c r="KJ8" s="59" t="s">
        <v>50</v>
      </c>
      <c r="KK8" s="59" t="s">
        <v>51</v>
      </c>
      <c r="KL8" s="64" t="s">
        <v>45</v>
      </c>
      <c r="KM8" s="648"/>
      <c r="KN8" s="61" t="s">
        <v>43</v>
      </c>
      <c r="KO8" s="59" t="s">
        <v>44</v>
      </c>
      <c r="KP8" s="60" t="s">
        <v>45</v>
      </c>
      <c r="KQ8" s="42" t="s">
        <v>83</v>
      </c>
      <c r="KR8" s="59" t="s">
        <v>47</v>
      </c>
      <c r="KS8" s="59" t="s">
        <v>48</v>
      </c>
      <c r="KT8" s="59" t="s">
        <v>49</v>
      </c>
      <c r="KU8" s="59" t="s">
        <v>50</v>
      </c>
      <c r="KV8" s="59" t="s">
        <v>51</v>
      </c>
      <c r="KW8" s="64" t="s">
        <v>45</v>
      </c>
      <c r="KX8" s="648"/>
      <c r="KY8" s="61" t="s">
        <v>43</v>
      </c>
      <c r="KZ8" s="59" t="s">
        <v>44</v>
      </c>
      <c r="LA8" s="60" t="s">
        <v>45</v>
      </c>
      <c r="LB8" s="42" t="s">
        <v>83</v>
      </c>
      <c r="LC8" s="59" t="s">
        <v>47</v>
      </c>
      <c r="LD8" s="59" t="s">
        <v>48</v>
      </c>
      <c r="LE8" s="59" t="s">
        <v>49</v>
      </c>
      <c r="LF8" s="59" t="s">
        <v>50</v>
      </c>
      <c r="LG8" s="59" t="s">
        <v>51</v>
      </c>
      <c r="LH8" s="64" t="s">
        <v>45</v>
      </c>
      <c r="LI8" s="648"/>
      <c r="LJ8" s="61" t="s">
        <v>43</v>
      </c>
      <c r="LK8" s="59" t="s">
        <v>44</v>
      </c>
      <c r="LL8" s="60" t="s">
        <v>45</v>
      </c>
      <c r="LM8" s="42" t="s">
        <v>83</v>
      </c>
      <c r="LN8" s="59" t="s">
        <v>47</v>
      </c>
      <c r="LO8" s="59" t="s">
        <v>48</v>
      </c>
      <c r="LP8" s="59" t="s">
        <v>49</v>
      </c>
      <c r="LQ8" s="59" t="s">
        <v>50</v>
      </c>
      <c r="LR8" s="59" t="s">
        <v>51</v>
      </c>
      <c r="LS8" s="64" t="s">
        <v>45</v>
      </c>
      <c r="LT8" s="648"/>
      <c r="LU8" s="61" t="s">
        <v>43</v>
      </c>
      <c r="LV8" s="59" t="s">
        <v>44</v>
      </c>
      <c r="LW8" s="60" t="s">
        <v>45</v>
      </c>
      <c r="LX8" s="42" t="s">
        <v>83</v>
      </c>
      <c r="LY8" s="59" t="s">
        <v>47</v>
      </c>
      <c r="LZ8" s="59" t="s">
        <v>48</v>
      </c>
      <c r="MA8" s="59" t="s">
        <v>49</v>
      </c>
      <c r="MB8" s="59" t="s">
        <v>50</v>
      </c>
      <c r="MC8" s="59" t="s">
        <v>51</v>
      </c>
      <c r="MD8" s="64" t="s">
        <v>45</v>
      </c>
      <c r="ME8" s="648"/>
      <c r="MF8" s="61" t="s">
        <v>43</v>
      </c>
      <c r="MG8" s="59" t="s">
        <v>44</v>
      </c>
      <c r="MH8" s="60" t="s">
        <v>45</v>
      </c>
      <c r="MI8" s="42" t="s">
        <v>83</v>
      </c>
      <c r="MJ8" s="59" t="s">
        <v>47</v>
      </c>
      <c r="MK8" s="59" t="s">
        <v>48</v>
      </c>
      <c r="ML8" s="59" t="s">
        <v>49</v>
      </c>
      <c r="MM8" s="59" t="s">
        <v>50</v>
      </c>
      <c r="MN8" s="59" t="s">
        <v>51</v>
      </c>
      <c r="MO8" s="64" t="s">
        <v>45</v>
      </c>
      <c r="MP8" s="648"/>
      <c r="MQ8" s="61" t="s">
        <v>43</v>
      </c>
      <c r="MR8" s="59" t="s">
        <v>44</v>
      </c>
      <c r="MS8" s="60" t="s">
        <v>45</v>
      </c>
      <c r="MT8" s="42" t="s">
        <v>83</v>
      </c>
      <c r="MU8" s="59" t="s">
        <v>47</v>
      </c>
      <c r="MV8" s="59" t="s">
        <v>48</v>
      </c>
      <c r="MW8" s="59" t="s">
        <v>49</v>
      </c>
      <c r="MX8" s="59" t="s">
        <v>50</v>
      </c>
      <c r="MY8" s="59" t="s">
        <v>51</v>
      </c>
      <c r="MZ8" s="64" t="s">
        <v>45</v>
      </c>
      <c r="NA8" s="648"/>
      <c r="NB8" s="61" t="s">
        <v>43</v>
      </c>
      <c r="NC8" s="59" t="s">
        <v>44</v>
      </c>
      <c r="ND8" s="60" t="s">
        <v>45</v>
      </c>
      <c r="NE8" s="42" t="s">
        <v>83</v>
      </c>
      <c r="NF8" s="59" t="s">
        <v>47</v>
      </c>
      <c r="NG8" s="59" t="s">
        <v>48</v>
      </c>
      <c r="NH8" s="59" t="s">
        <v>49</v>
      </c>
      <c r="NI8" s="59" t="s">
        <v>50</v>
      </c>
      <c r="NJ8" s="59" t="s">
        <v>51</v>
      </c>
      <c r="NK8" s="64" t="s">
        <v>45</v>
      </c>
      <c r="NL8" s="648"/>
      <c r="NM8" s="61" t="s">
        <v>43</v>
      </c>
      <c r="NN8" s="59" t="s">
        <v>44</v>
      </c>
      <c r="NO8" s="60" t="s">
        <v>45</v>
      </c>
      <c r="NP8" s="42" t="s">
        <v>83</v>
      </c>
      <c r="NQ8" s="59" t="s">
        <v>47</v>
      </c>
      <c r="NR8" s="59" t="s">
        <v>48</v>
      </c>
      <c r="NS8" s="59" t="s">
        <v>49</v>
      </c>
      <c r="NT8" s="59" t="s">
        <v>50</v>
      </c>
      <c r="NU8" s="59" t="s">
        <v>51</v>
      </c>
      <c r="NV8" s="64" t="s">
        <v>45</v>
      </c>
      <c r="NW8" s="648"/>
      <c r="NX8" s="61" t="s">
        <v>43</v>
      </c>
      <c r="NY8" s="59" t="s">
        <v>44</v>
      </c>
      <c r="NZ8" s="60" t="s">
        <v>45</v>
      </c>
      <c r="OA8" s="42" t="s">
        <v>83</v>
      </c>
      <c r="OB8" s="59" t="s">
        <v>47</v>
      </c>
      <c r="OC8" s="59" t="s">
        <v>48</v>
      </c>
      <c r="OD8" s="59" t="s">
        <v>49</v>
      </c>
      <c r="OE8" s="59" t="s">
        <v>50</v>
      </c>
      <c r="OF8" s="59" t="s">
        <v>51</v>
      </c>
      <c r="OG8" s="64" t="s">
        <v>45</v>
      </c>
      <c r="OH8" s="648"/>
      <c r="OI8" s="61" t="s">
        <v>43</v>
      </c>
      <c r="OJ8" s="59" t="s">
        <v>44</v>
      </c>
      <c r="OK8" s="60" t="s">
        <v>45</v>
      </c>
      <c r="OL8" s="33" t="s">
        <v>83</v>
      </c>
      <c r="OM8" s="59" t="s">
        <v>47</v>
      </c>
      <c r="ON8" s="59" t="s">
        <v>48</v>
      </c>
      <c r="OO8" s="59" t="s">
        <v>49</v>
      </c>
      <c r="OP8" s="59" t="s">
        <v>50</v>
      </c>
      <c r="OQ8" s="59" t="s">
        <v>51</v>
      </c>
      <c r="OR8" s="64" t="s">
        <v>45</v>
      </c>
      <c r="OS8" s="648"/>
    </row>
    <row r="9" spans="2:409" s="465" customFormat="1" ht="21" customHeight="1" x14ac:dyDescent="0.2">
      <c r="B9" s="459" t="s">
        <v>4</v>
      </c>
      <c r="C9" s="379">
        <v>25083720</v>
      </c>
      <c r="D9" s="380">
        <v>42886444</v>
      </c>
      <c r="E9" s="381">
        <v>67970164</v>
      </c>
      <c r="F9" s="382">
        <v>0</v>
      </c>
      <c r="G9" s="380">
        <v>252759701</v>
      </c>
      <c r="H9" s="380">
        <v>343060778</v>
      </c>
      <c r="I9" s="380">
        <v>290674698</v>
      </c>
      <c r="J9" s="380">
        <v>327700295</v>
      </c>
      <c r="K9" s="380">
        <v>224504916</v>
      </c>
      <c r="L9" s="383">
        <v>1438700388</v>
      </c>
      <c r="M9" s="384">
        <v>1506670552</v>
      </c>
      <c r="N9" s="379">
        <v>7707203</v>
      </c>
      <c r="O9" s="380">
        <v>15345407</v>
      </c>
      <c r="P9" s="385">
        <v>23052610</v>
      </c>
      <c r="Q9" s="379">
        <v>0</v>
      </c>
      <c r="R9" s="380">
        <v>80301826</v>
      </c>
      <c r="S9" s="380">
        <v>115999082</v>
      </c>
      <c r="T9" s="380">
        <v>96597139</v>
      </c>
      <c r="U9" s="380">
        <v>115925742</v>
      </c>
      <c r="V9" s="380">
        <v>107864653</v>
      </c>
      <c r="W9" s="385">
        <v>516688442</v>
      </c>
      <c r="X9" s="384">
        <v>539741052</v>
      </c>
      <c r="Y9" s="379">
        <v>0</v>
      </c>
      <c r="Z9" s="380">
        <v>0</v>
      </c>
      <c r="AA9" s="385">
        <v>0</v>
      </c>
      <c r="AB9" s="386">
        <v>0</v>
      </c>
      <c r="AC9" s="387">
        <v>32751838</v>
      </c>
      <c r="AD9" s="387">
        <v>47520709</v>
      </c>
      <c r="AE9" s="387">
        <v>46344712</v>
      </c>
      <c r="AF9" s="387">
        <v>59683168</v>
      </c>
      <c r="AG9" s="387">
        <v>58157176</v>
      </c>
      <c r="AH9" s="385">
        <v>244457603</v>
      </c>
      <c r="AI9" s="384">
        <v>244457603</v>
      </c>
      <c r="AJ9" s="388">
        <v>28753</v>
      </c>
      <c r="AK9" s="387">
        <v>28753</v>
      </c>
      <c r="AL9" s="385">
        <v>57506</v>
      </c>
      <c r="AM9" s="386">
        <v>0</v>
      </c>
      <c r="AN9" s="387">
        <v>461791</v>
      </c>
      <c r="AO9" s="383">
        <v>1209137</v>
      </c>
      <c r="AP9" s="387">
        <v>3219620</v>
      </c>
      <c r="AQ9" s="387">
        <v>7474066</v>
      </c>
      <c r="AR9" s="387">
        <v>13114307</v>
      </c>
      <c r="AS9" s="385">
        <v>25478921</v>
      </c>
      <c r="AT9" s="384">
        <v>25536427</v>
      </c>
      <c r="AU9" s="388">
        <v>4192908</v>
      </c>
      <c r="AV9" s="387">
        <v>10590173</v>
      </c>
      <c r="AW9" s="385">
        <v>14783081</v>
      </c>
      <c r="AX9" s="386">
        <v>0</v>
      </c>
      <c r="AY9" s="387">
        <v>29819652</v>
      </c>
      <c r="AZ9" s="387">
        <v>44841841</v>
      </c>
      <c r="BA9" s="387">
        <v>28471501</v>
      </c>
      <c r="BB9" s="387">
        <v>26943988</v>
      </c>
      <c r="BC9" s="387">
        <v>22433077</v>
      </c>
      <c r="BD9" s="385">
        <v>152510059</v>
      </c>
      <c r="BE9" s="389">
        <v>167293140</v>
      </c>
      <c r="BF9" s="388">
        <v>333834</v>
      </c>
      <c r="BG9" s="383">
        <v>1486762</v>
      </c>
      <c r="BH9" s="390">
        <v>1820596</v>
      </c>
      <c r="BI9" s="386">
        <v>0</v>
      </c>
      <c r="BJ9" s="387">
        <v>2692683</v>
      </c>
      <c r="BK9" s="387">
        <v>4639332</v>
      </c>
      <c r="BL9" s="387">
        <v>2775546</v>
      </c>
      <c r="BM9" s="387">
        <v>2843894</v>
      </c>
      <c r="BN9" s="387">
        <v>1393711</v>
      </c>
      <c r="BO9" s="385">
        <v>14345166</v>
      </c>
      <c r="BP9" s="384">
        <v>16165762</v>
      </c>
      <c r="BQ9" s="388">
        <v>3151708</v>
      </c>
      <c r="BR9" s="387">
        <v>3239719</v>
      </c>
      <c r="BS9" s="385">
        <v>6391427</v>
      </c>
      <c r="BT9" s="386">
        <v>0</v>
      </c>
      <c r="BU9" s="387">
        <v>14575862</v>
      </c>
      <c r="BV9" s="387">
        <v>17788063</v>
      </c>
      <c r="BW9" s="387">
        <v>15785760</v>
      </c>
      <c r="BX9" s="387">
        <v>18980626</v>
      </c>
      <c r="BY9" s="387">
        <v>12766382</v>
      </c>
      <c r="BZ9" s="385">
        <v>79896693</v>
      </c>
      <c r="CA9" s="384">
        <v>86288120</v>
      </c>
      <c r="CB9" s="388">
        <v>2041165</v>
      </c>
      <c r="CC9" s="387">
        <v>5376002</v>
      </c>
      <c r="CD9" s="385">
        <v>7417167</v>
      </c>
      <c r="CE9" s="386">
        <v>0</v>
      </c>
      <c r="CF9" s="387">
        <v>65335190</v>
      </c>
      <c r="CG9" s="387">
        <v>80696372</v>
      </c>
      <c r="CH9" s="391">
        <v>55693628</v>
      </c>
      <c r="CI9" s="387">
        <v>41141889</v>
      </c>
      <c r="CJ9" s="387">
        <v>17164200</v>
      </c>
      <c r="CK9" s="385">
        <v>260031279</v>
      </c>
      <c r="CL9" s="384">
        <v>267448446</v>
      </c>
      <c r="CM9" s="379">
        <v>0</v>
      </c>
      <c r="CN9" s="380">
        <v>0</v>
      </c>
      <c r="CO9" s="385">
        <v>0</v>
      </c>
      <c r="CP9" s="386">
        <v>0</v>
      </c>
      <c r="CQ9" s="387">
        <v>52895348</v>
      </c>
      <c r="CR9" s="387">
        <v>58445558</v>
      </c>
      <c r="CS9" s="387">
        <v>40080167</v>
      </c>
      <c r="CT9" s="387">
        <v>27121398</v>
      </c>
      <c r="CU9" s="387">
        <v>11235961</v>
      </c>
      <c r="CV9" s="392">
        <v>189778432</v>
      </c>
      <c r="CW9" s="384">
        <v>189778432</v>
      </c>
      <c r="CX9" s="388">
        <v>2041165</v>
      </c>
      <c r="CY9" s="387">
        <v>5376002</v>
      </c>
      <c r="CZ9" s="385">
        <v>7417167</v>
      </c>
      <c r="DA9" s="386">
        <v>0</v>
      </c>
      <c r="DB9" s="387">
        <v>12439842</v>
      </c>
      <c r="DC9" s="387">
        <v>22250814</v>
      </c>
      <c r="DD9" s="387">
        <v>15613461</v>
      </c>
      <c r="DE9" s="387">
        <v>14020491</v>
      </c>
      <c r="DF9" s="387">
        <v>5928239</v>
      </c>
      <c r="DG9" s="385">
        <v>70252847</v>
      </c>
      <c r="DH9" s="384">
        <v>77670014</v>
      </c>
      <c r="DI9" s="388">
        <v>107192</v>
      </c>
      <c r="DJ9" s="387">
        <v>374592</v>
      </c>
      <c r="DK9" s="390">
        <v>481784</v>
      </c>
      <c r="DL9" s="386">
        <v>0</v>
      </c>
      <c r="DM9" s="387">
        <v>6850212</v>
      </c>
      <c r="DN9" s="387">
        <v>15567531</v>
      </c>
      <c r="DO9" s="387">
        <v>23215461</v>
      </c>
      <c r="DP9" s="387">
        <v>21510387</v>
      </c>
      <c r="DQ9" s="387">
        <v>10879598</v>
      </c>
      <c r="DR9" s="393">
        <v>78023189</v>
      </c>
      <c r="DS9" s="384">
        <v>78504973</v>
      </c>
      <c r="DT9" s="388">
        <v>107192</v>
      </c>
      <c r="DU9" s="387">
        <v>309669</v>
      </c>
      <c r="DV9" s="385">
        <v>416861</v>
      </c>
      <c r="DW9" s="386">
        <v>0</v>
      </c>
      <c r="DX9" s="387">
        <v>5987219</v>
      </c>
      <c r="DY9" s="387">
        <v>12615439</v>
      </c>
      <c r="DZ9" s="387">
        <v>19619247</v>
      </c>
      <c r="EA9" s="387">
        <v>18393872</v>
      </c>
      <c r="EB9" s="387">
        <v>8652404</v>
      </c>
      <c r="EC9" s="385">
        <v>65268181</v>
      </c>
      <c r="ED9" s="384">
        <v>65685042</v>
      </c>
      <c r="EE9" s="388">
        <v>0</v>
      </c>
      <c r="EF9" s="383">
        <v>64923</v>
      </c>
      <c r="EG9" s="385">
        <v>64923</v>
      </c>
      <c r="EH9" s="389">
        <v>0</v>
      </c>
      <c r="EI9" s="387">
        <v>862993</v>
      </c>
      <c r="EJ9" s="387">
        <v>2952092</v>
      </c>
      <c r="EK9" s="387">
        <v>3596214</v>
      </c>
      <c r="EL9" s="387">
        <v>3116515</v>
      </c>
      <c r="EM9" s="391">
        <v>2227194</v>
      </c>
      <c r="EN9" s="383">
        <v>12755008</v>
      </c>
      <c r="EO9" s="384">
        <v>12819931</v>
      </c>
      <c r="EP9" s="388">
        <v>0</v>
      </c>
      <c r="EQ9" s="387">
        <v>0</v>
      </c>
      <c r="ER9" s="383">
        <v>0</v>
      </c>
      <c r="ES9" s="386">
        <v>0</v>
      </c>
      <c r="ET9" s="387">
        <v>0</v>
      </c>
      <c r="EU9" s="387">
        <v>0</v>
      </c>
      <c r="EV9" s="387">
        <v>0</v>
      </c>
      <c r="EW9" s="387">
        <v>0</v>
      </c>
      <c r="EX9" s="387">
        <v>0</v>
      </c>
      <c r="EY9" s="392">
        <v>0</v>
      </c>
      <c r="EZ9" s="384">
        <v>0</v>
      </c>
      <c r="FA9" s="388">
        <v>0</v>
      </c>
      <c r="FB9" s="387">
        <v>0</v>
      </c>
      <c r="FC9" s="383">
        <v>0</v>
      </c>
      <c r="FD9" s="394"/>
      <c r="FE9" s="387">
        <v>0</v>
      </c>
      <c r="FF9" s="387">
        <v>0</v>
      </c>
      <c r="FG9" s="387">
        <v>0</v>
      </c>
      <c r="FH9" s="387">
        <v>0</v>
      </c>
      <c r="FI9" s="387">
        <v>0</v>
      </c>
      <c r="FJ9" s="392">
        <v>0</v>
      </c>
      <c r="FK9" s="384">
        <v>0</v>
      </c>
      <c r="FL9" s="388">
        <v>5138910</v>
      </c>
      <c r="FM9" s="387">
        <v>9627257</v>
      </c>
      <c r="FN9" s="385">
        <v>14766167</v>
      </c>
      <c r="FO9" s="386">
        <v>0</v>
      </c>
      <c r="FP9" s="387">
        <v>12721113</v>
      </c>
      <c r="FQ9" s="387">
        <v>31139535</v>
      </c>
      <c r="FR9" s="387">
        <v>23258442</v>
      </c>
      <c r="FS9" s="387">
        <v>22208885</v>
      </c>
      <c r="FT9" s="387">
        <v>15743948</v>
      </c>
      <c r="FU9" s="385">
        <v>105071923</v>
      </c>
      <c r="FV9" s="384">
        <v>119838090</v>
      </c>
      <c r="FW9" s="388">
        <v>2388032</v>
      </c>
      <c r="FX9" s="387">
        <v>5895680</v>
      </c>
      <c r="FY9" s="383">
        <v>8283712</v>
      </c>
      <c r="FZ9" s="389">
        <v>0</v>
      </c>
      <c r="GA9" s="387">
        <v>9146061</v>
      </c>
      <c r="GB9" s="395">
        <v>26965034</v>
      </c>
      <c r="GC9" s="387">
        <v>20455137</v>
      </c>
      <c r="GD9" s="395">
        <v>20222653</v>
      </c>
      <c r="GE9" s="387">
        <v>14684075</v>
      </c>
      <c r="GF9" s="392">
        <v>91472960</v>
      </c>
      <c r="GG9" s="396">
        <v>99756672</v>
      </c>
      <c r="GH9" s="397">
        <v>198429</v>
      </c>
      <c r="GI9" s="387">
        <v>625905</v>
      </c>
      <c r="GJ9" s="395">
        <v>824334</v>
      </c>
      <c r="GK9" s="382">
        <v>0</v>
      </c>
      <c r="GL9" s="387">
        <v>763976</v>
      </c>
      <c r="GM9" s="383">
        <v>1111516</v>
      </c>
      <c r="GN9" s="387">
        <v>684832</v>
      </c>
      <c r="GO9" s="383">
        <v>794412</v>
      </c>
      <c r="GP9" s="387">
        <v>407428</v>
      </c>
      <c r="GQ9" s="393">
        <v>3762164</v>
      </c>
      <c r="GR9" s="384">
        <v>4586498</v>
      </c>
      <c r="GS9" s="383">
        <v>2552449</v>
      </c>
      <c r="GT9" s="387">
        <v>3105672</v>
      </c>
      <c r="GU9" s="385">
        <v>5658121</v>
      </c>
      <c r="GV9" s="383">
        <v>0</v>
      </c>
      <c r="GW9" s="387">
        <v>2811076</v>
      </c>
      <c r="GX9" s="383">
        <v>3062985</v>
      </c>
      <c r="GY9" s="387">
        <v>2118473</v>
      </c>
      <c r="GZ9" s="383">
        <v>1191820</v>
      </c>
      <c r="HA9" s="387">
        <v>652445</v>
      </c>
      <c r="HB9" s="383">
        <v>9836799</v>
      </c>
      <c r="HC9" s="384">
        <v>15494920</v>
      </c>
      <c r="HD9" s="383">
        <v>10089250</v>
      </c>
      <c r="HE9" s="387">
        <v>12163186</v>
      </c>
      <c r="HF9" s="383">
        <v>22252436</v>
      </c>
      <c r="HG9" s="389">
        <v>0</v>
      </c>
      <c r="HH9" s="387">
        <v>87551360</v>
      </c>
      <c r="HI9" s="395">
        <v>99658258</v>
      </c>
      <c r="HJ9" s="387">
        <v>91910028</v>
      </c>
      <c r="HK9" s="395">
        <v>126913392</v>
      </c>
      <c r="HL9" s="387">
        <v>72852517</v>
      </c>
      <c r="HM9" s="392">
        <v>478885555</v>
      </c>
      <c r="HN9" s="383">
        <v>501137991</v>
      </c>
      <c r="HO9" s="460"/>
      <c r="HP9" s="461"/>
      <c r="HQ9" s="462"/>
      <c r="HR9" s="463"/>
      <c r="HS9" s="461"/>
      <c r="HT9" s="463"/>
      <c r="HU9" s="461"/>
      <c r="HV9" s="463"/>
      <c r="HW9" s="461"/>
      <c r="HX9" s="463"/>
      <c r="HY9" s="464"/>
      <c r="HZ9" s="398">
        <v>483014</v>
      </c>
      <c r="IA9" s="399">
        <v>1692272</v>
      </c>
      <c r="IB9" s="400">
        <v>2175286</v>
      </c>
      <c r="IC9" s="401">
        <v>0</v>
      </c>
      <c r="ID9" s="399">
        <v>50088946</v>
      </c>
      <c r="IE9" s="402">
        <v>67724226</v>
      </c>
      <c r="IF9" s="403">
        <v>80196090</v>
      </c>
      <c r="IG9" s="399">
        <v>61245827</v>
      </c>
      <c r="IH9" s="403">
        <v>46942851</v>
      </c>
      <c r="II9" s="404">
        <v>306197940</v>
      </c>
      <c r="IJ9" s="405">
        <v>308373226</v>
      </c>
      <c r="IK9" s="406">
        <v>0</v>
      </c>
      <c r="IL9" s="407">
        <v>0</v>
      </c>
      <c r="IM9" s="408">
        <v>0</v>
      </c>
      <c r="IN9" s="409"/>
      <c r="IO9" s="410">
        <v>1551869</v>
      </c>
      <c r="IP9" s="410">
        <v>2275032</v>
      </c>
      <c r="IQ9" s="410">
        <v>4554473</v>
      </c>
      <c r="IR9" s="410">
        <v>5213378</v>
      </c>
      <c r="IS9" s="410">
        <v>5238282</v>
      </c>
      <c r="IT9" s="411">
        <v>18833034</v>
      </c>
      <c r="IU9" s="412">
        <v>18833034</v>
      </c>
      <c r="IV9" s="413">
        <v>0</v>
      </c>
      <c r="IW9" s="410">
        <v>0</v>
      </c>
      <c r="IX9" s="414">
        <v>0</v>
      </c>
      <c r="IY9" s="415"/>
      <c r="IZ9" s="410">
        <v>131612</v>
      </c>
      <c r="JA9" s="410">
        <v>399559</v>
      </c>
      <c r="JB9" s="410">
        <v>1002220</v>
      </c>
      <c r="JC9" s="410">
        <v>780134</v>
      </c>
      <c r="JD9" s="410">
        <v>1570987</v>
      </c>
      <c r="JE9" s="414">
        <v>3884512</v>
      </c>
      <c r="JF9" s="416">
        <v>3884512</v>
      </c>
      <c r="JG9" s="413">
        <v>0</v>
      </c>
      <c r="JH9" s="410">
        <v>0</v>
      </c>
      <c r="JI9" s="411">
        <v>0</v>
      </c>
      <c r="JJ9" s="417">
        <v>0</v>
      </c>
      <c r="JK9" s="410">
        <v>23903428</v>
      </c>
      <c r="JL9" s="410">
        <v>26480180</v>
      </c>
      <c r="JM9" s="410">
        <v>19606942</v>
      </c>
      <c r="JN9" s="410">
        <v>11294111</v>
      </c>
      <c r="JO9" s="410">
        <v>5124936</v>
      </c>
      <c r="JP9" s="414">
        <v>86409597</v>
      </c>
      <c r="JQ9" s="412">
        <v>86409597</v>
      </c>
      <c r="JR9" s="413">
        <v>16374</v>
      </c>
      <c r="JS9" s="410">
        <v>0</v>
      </c>
      <c r="JT9" s="411">
        <v>16374</v>
      </c>
      <c r="JU9" s="417">
        <v>0</v>
      </c>
      <c r="JV9" s="410">
        <v>3058115</v>
      </c>
      <c r="JW9" s="410">
        <v>5180942</v>
      </c>
      <c r="JX9" s="410">
        <v>7514057</v>
      </c>
      <c r="JY9" s="410">
        <v>3493461</v>
      </c>
      <c r="JZ9" s="410">
        <v>2516801</v>
      </c>
      <c r="KA9" s="414">
        <v>21763376</v>
      </c>
      <c r="KB9" s="412">
        <v>21779750</v>
      </c>
      <c r="KC9" s="418">
        <v>466640</v>
      </c>
      <c r="KD9" s="419">
        <v>1692272</v>
      </c>
      <c r="KE9" s="414">
        <v>2158912</v>
      </c>
      <c r="KF9" s="417">
        <v>0</v>
      </c>
      <c r="KG9" s="410">
        <v>7289914</v>
      </c>
      <c r="KH9" s="410">
        <v>7115499</v>
      </c>
      <c r="KI9" s="410">
        <v>11191605</v>
      </c>
      <c r="KJ9" s="410">
        <v>8034428</v>
      </c>
      <c r="KK9" s="410">
        <v>5656631</v>
      </c>
      <c r="KL9" s="414">
        <v>39288077</v>
      </c>
      <c r="KM9" s="420">
        <v>41446989</v>
      </c>
      <c r="KN9" s="406">
        <v>0</v>
      </c>
      <c r="KO9" s="407">
        <v>0</v>
      </c>
      <c r="KP9" s="408">
        <v>0</v>
      </c>
      <c r="KQ9" s="409"/>
      <c r="KR9" s="410">
        <v>11744382</v>
      </c>
      <c r="KS9" s="410">
        <v>22159674</v>
      </c>
      <c r="KT9" s="410">
        <v>28659431</v>
      </c>
      <c r="KU9" s="410">
        <v>22145974</v>
      </c>
      <c r="KV9" s="410">
        <v>15888554</v>
      </c>
      <c r="KW9" s="414">
        <v>100598015</v>
      </c>
      <c r="KX9" s="412">
        <v>100598015</v>
      </c>
      <c r="KY9" s="413">
        <v>0</v>
      </c>
      <c r="KZ9" s="410">
        <v>0</v>
      </c>
      <c r="LA9" s="414">
        <v>0</v>
      </c>
      <c r="LB9" s="421"/>
      <c r="LC9" s="410">
        <v>672915</v>
      </c>
      <c r="LD9" s="410">
        <v>728498</v>
      </c>
      <c r="LE9" s="410">
        <v>840550</v>
      </c>
      <c r="LF9" s="410">
        <v>1093406</v>
      </c>
      <c r="LG9" s="410">
        <v>1148390</v>
      </c>
      <c r="LH9" s="414">
        <v>4483759</v>
      </c>
      <c r="LI9" s="416">
        <v>4483759</v>
      </c>
      <c r="LJ9" s="413">
        <v>0</v>
      </c>
      <c r="LK9" s="410">
        <v>0</v>
      </c>
      <c r="LL9" s="414">
        <v>0</v>
      </c>
      <c r="LM9" s="421"/>
      <c r="LN9" s="410">
        <v>192131</v>
      </c>
      <c r="LO9" s="410">
        <v>388023</v>
      </c>
      <c r="LP9" s="410">
        <v>3128275</v>
      </c>
      <c r="LQ9" s="410">
        <v>3215055</v>
      </c>
      <c r="LR9" s="410">
        <v>1795467</v>
      </c>
      <c r="LS9" s="414">
        <v>8718951</v>
      </c>
      <c r="LT9" s="412">
        <v>8718951</v>
      </c>
      <c r="LU9" s="413">
        <v>0</v>
      </c>
      <c r="LV9" s="410">
        <v>0</v>
      </c>
      <c r="LW9" s="414">
        <v>0</v>
      </c>
      <c r="LX9" s="421"/>
      <c r="LY9" s="410">
        <v>1544580</v>
      </c>
      <c r="LZ9" s="410">
        <v>2996819</v>
      </c>
      <c r="MA9" s="410">
        <v>3698537</v>
      </c>
      <c r="MB9" s="410">
        <v>5975880</v>
      </c>
      <c r="MC9" s="410">
        <v>8002803</v>
      </c>
      <c r="MD9" s="414">
        <v>22218619</v>
      </c>
      <c r="ME9" s="416">
        <v>22218619</v>
      </c>
      <c r="MF9" s="413">
        <v>0</v>
      </c>
      <c r="MG9" s="410">
        <v>0</v>
      </c>
      <c r="MH9" s="414">
        <v>0</v>
      </c>
      <c r="MI9" s="421"/>
      <c r="MJ9" s="410">
        <v>9867328</v>
      </c>
      <c r="MK9" s="410">
        <v>33739403</v>
      </c>
      <c r="ML9" s="410">
        <v>97840650</v>
      </c>
      <c r="MM9" s="410">
        <v>161290954</v>
      </c>
      <c r="MN9" s="410">
        <v>120234730</v>
      </c>
      <c r="MO9" s="414">
        <v>422973065</v>
      </c>
      <c r="MP9" s="420">
        <v>422973065</v>
      </c>
      <c r="MQ9" s="413">
        <v>0</v>
      </c>
      <c r="MR9" s="410">
        <v>0</v>
      </c>
      <c r="MS9" s="414">
        <v>0</v>
      </c>
      <c r="MT9" s="421"/>
      <c r="MU9" s="410">
        <v>708962</v>
      </c>
      <c r="MV9" s="410">
        <v>6404553</v>
      </c>
      <c r="MW9" s="410">
        <v>53140236</v>
      </c>
      <c r="MX9" s="410">
        <v>92641518</v>
      </c>
      <c r="MY9" s="410">
        <v>73433884</v>
      </c>
      <c r="MZ9" s="414">
        <v>226329153</v>
      </c>
      <c r="NA9" s="420">
        <v>226329153</v>
      </c>
      <c r="NB9" s="413">
        <v>0</v>
      </c>
      <c r="NC9" s="410">
        <v>0</v>
      </c>
      <c r="ND9" s="414">
        <v>0</v>
      </c>
      <c r="NE9" s="421">
        <v>0</v>
      </c>
      <c r="NF9" s="410">
        <v>9158366</v>
      </c>
      <c r="NG9" s="410">
        <v>27107290</v>
      </c>
      <c r="NH9" s="410">
        <v>44171672</v>
      </c>
      <c r="NI9" s="410">
        <v>63208949</v>
      </c>
      <c r="NJ9" s="410">
        <v>36863186</v>
      </c>
      <c r="NK9" s="414">
        <v>180509463</v>
      </c>
      <c r="NL9" s="412">
        <v>180509463</v>
      </c>
      <c r="NM9" s="413">
        <v>0</v>
      </c>
      <c r="NN9" s="410">
        <v>0</v>
      </c>
      <c r="NO9" s="414">
        <v>0</v>
      </c>
      <c r="NP9" s="421"/>
      <c r="NQ9" s="410">
        <v>0</v>
      </c>
      <c r="NR9" s="410">
        <v>0</v>
      </c>
      <c r="NS9" s="410">
        <v>0</v>
      </c>
      <c r="NT9" s="410">
        <v>2174037</v>
      </c>
      <c r="NU9" s="410">
        <v>3448287</v>
      </c>
      <c r="NV9" s="414">
        <v>5622324</v>
      </c>
      <c r="NW9" s="416">
        <v>5622324</v>
      </c>
      <c r="NX9" s="413">
        <v>0</v>
      </c>
      <c r="NY9" s="410">
        <v>0</v>
      </c>
      <c r="NZ9" s="414">
        <v>0</v>
      </c>
      <c r="OA9" s="421"/>
      <c r="OB9" s="410">
        <v>0</v>
      </c>
      <c r="OC9" s="410">
        <v>227560</v>
      </c>
      <c r="OD9" s="410">
        <v>528742</v>
      </c>
      <c r="OE9" s="410">
        <v>3266450</v>
      </c>
      <c r="OF9" s="410">
        <v>6489373</v>
      </c>
      <c r="OG9" s="414">
        <v>10512125</v>
      </c>
      <c r="OH9" s="416">
        <v>10512125</v>
      </c>
      <c r="OI9" s="413">
        <v>25566734</v>
      </c>
      <c r="OJ9" s="410">
        <v>44578716</v>
      </c>
      <c r="OK9" s="411">
        <v>70145450</v>
      </c>
      <c r="OL9" s="417">
        <v>0</v>
      </c>
      <c r="OM9" s="410">
        <v>312715975</v>
      </c>
      <c r="ON9" s="410">
        <v>444524407</v>
      </c>
      <c r="OO9" s="410">
        <v>468711438</v>
      </c>
      <c r="OP9" s="410">
        <v>550237076</v>
      </c>
      <c r="OQ9" s="410">
        <v>391682497</v>
      </c>
      <c r="OR9" s="414">
        <v>2167871393</v>
      </c>
      <c r="OS9" s="420">
        <v>2238016843</v>
      </c>
    </row>
    <row r="10" spans="2:409" s="465" customFormat="1" ht="21" customHeight="1" x14ac:dyDescent="0.2">
      <c r="B10" s="466" t="s">
        <v>5</v>
      </c>
      <c r="C10" s="424">
        <v>11107625</v>
      </c>
      <c r="D10" s="425">
        <v>22227525</v>
      </c>
      <c r="E10" s="426">
        <v>33335150</v>
      </c>
      <c r="F10" s="427">
        <v>0</v>
      </c>
      <c r="G10" s="425">
        <v>95810662</v>
      </c>
      <c r="H10" s="425">
        <v>171882236</v>
      </c>
      <c r="I10" s="425">
        <v>131359082</v>
      </c>
      <c r="J10" s="425">
        <v>147358559</v>
      </c>
      <c r="K10" s="425">
        <v>95919609</v>
      </c>
      <c r="L10" s="427">
        <v>642330148</v>
      </c>
      <c r="M10" s="428">
        <v>675665298</v>
      </c>
      <c r="N10" s="424">
        <v>3931346</v>
      </c>
      <c r="O10" s="425">
        <v>8448713</v>
      </c>
      <c r="P10" s="426">
        <v>12380059</v>
      </c>
      <c r="Q10" s="424">
        <v>0</v>
      </c>
      <c r="R10" s="425">
        <v>29805807</v>
      </c>
      <c r="S10" s="425">
        <v>62872964</v>
      </c>
      <c r="T10" s="425">
        <v>41561751</v>
      </c>
      <c r="U10" s="425">
        <v>51113517</v>
      </c>
      <c r="V10" s="425">
        <v>45149101</v>
      </c>
      <c r="W10" s="426">
        <v>230503140</v>
      </c>
      <c r="X10" s="428">
        <v>242883199</v>
      </c>
      <c r="Y10" s="424">
        <v>0</v>
      </c>
      <c r="Z10" s="425">
        <v>0</v>
      </c>
      <c r="AA10" s="426">
        <v>0</v>
      </c>
      <c r="AB10" s="424">
        <v>0</v>
      </c>
      <c r="AC10" s="425">
        <v>12092321</v>
      </c>
      <c r="AD10" s="425">
        <v>25183783</v>
      </c>
      <c r="AE10" s="425">
        <v>17705120</v>
      </c>
      <c r="AF10" s="425">
        <v>25162534</v>
      </c>
      <c r="AG10" s="425">
        <v>23128292</v>
      </c>
      <c r="AH10" s="426">
        <v>103272050</v>
      </c>
      <c r="AI10" s="428">
        <v>103272050</v>
      </c>
      <c r="AJ10" s="424">
        <v>28753</v>
      </c>
      <c r="AK10" s="425">
        <v>28753</v>
      </c>
      <c r="AL10" s="426">
        <v>57506</v>
      </c>
      <c r="AM10" s="424">
        <v>0</v>
      </c>
      <c r="AN10" s="425">
        <v>42523</v>
      </c>
      <c r="AO10" s="425">
        <v>461475</v>
      </c>
      <c r="AP10" s="425">
        <v>1821458</v>
      </c>
      <c r="AQ10" s="425">
        <v>3052808</v>
      </c>
      <c r="AR10" s="425">
        <v>5615133</v>
      </c>
      <c r="AS10" s="426">
        <v>10993397</v>
      </c>
      <c r="AT10" s="428">
        <v>11050903</v>
      </c>
      <c r="AU10" s="424">
        <v>2359343</v>
      </c>
      <c r="AV10" s="425">
        <v>5469812</v>
      </c>
      <c r="AW10" s="426">
        <v>7829155</v>
      </c>
      <c r="AX10" s="424">
        <v>0</v>
      </c>
      <c r="AY10" s="425">
        <v>11109093</v>
      </c>
      <c r="AZ10" s="425">
        <v>25798543</v>
      </c>
      <c r="BA10" s="425">
        <v>13767974</v>
      </c>
      <c r="BB10" s="425">
        <v>12414536</v>
      </c>
      <c r="BC10" s="425">
        <v>10442650</v>
      </c>
      <c r="BD10" s="426">
        <v>73532796</v>
      </c>
      <c r="BE10" s="428">
        <v>81361951</v>
      </c>
      <c r="BF10" s="424">
        <v>161156</v>
      </c>
      <c r="BG10" s="425">
        <v>1111416</v>
      </c>
      <c r="BH10" s="429">
        <v>1272572</v>
      </c>
      <c r="BI10" s="430">
        <v>0</v>
      </c>
      <c r="BJ10" s="425">
        <v>785638</v>
      </c>
      <c r="BK10" s="425">
        <v>2319356</v>
      </c>
      <c r="BL10" s="425">
        <v>1031918</v>
      </c>
      <c r="BM10" s="425">
        <v>1585323</v>
      </c>
      <c r="BN10" s="425">
        <v>609819</v>
      </c>
      <c r="BO10" s="426">
        <v>6332054</v>
      </c>
      <c r="BP10" s="428">
        <v>7604626</v>
      </c>
      <c r="BQ10" s="424">
        <v>1382094</v>
      </c>
      <c r="BR10" s="425">
        <v>1838732</v>
      </c>
      <c r="BS10" s="426">
        <v>3220826</v>
      </c>
      <c r="BT10" s="424">
        <v>0</v>
      </c>
      <c r="BU10" s="425">
        <v>5776232</v>
      </c>
      <c r="BV10" s="425">
        <v>9109807</v>
      </c>
      <c r="BW10" s="425">
        <v>7235281</v>
      </c>
      <c r="BX10" s="425">
        <v>8898316</v>
      </c>
      <c r="BY10" s="425">
        <v>5353207</v>
      </c>
      <c r="BZ10" s="426">
        <v>36372843</v>
      </c>
      <c r="CA10" s="428">
        <v>39593669</v>
      </c>
      <c r="CB10" s="424">
        <v>1021323</v>
      </c>
      <c r="CC10" s="425">
        <v>2633776</v>
      </c>
      <c r="CD10" s="426">
        <v>3655099</v>
      </c>
      <c r="CE10" s="424">
        <v>0</v>
      </c>
      <c r="CF10" s="425">
        <v>22031220</v>
      </c>
      <c r="CG10" s="425">
        <v>33819090</v>
      </c>
      <c r="CH10" s="425">
        <v>24047650</v>
      </c>
      <c r="CI10" s="425">
        <v>16812010</v>
      </c>
      <c r="CJ10" s="425">
        <v>7165315</v>
      </c>
      <c r="CK10" s="426">
        <v>103875285</v>
      </c>
      <c r="CL10" s="428">
        <v>107530384</v>
      </c>
      <c r="CM10" s="424">
        <v>0</v>
      </c>
      <c r="CN10" s="425">
        <v>0</v>
      </c>
      <c r="CO10" s="426">
        <v>0</v>
      </c>
      <c r="CP10" s="430">
        <v>0</v>
      </c>
      <c r="CQ10" s="425">
        <v>17910219</v>
      </c>
      <c r="CR10" s="425">
        <v>22940239</v>
      </c>
      <c r="CS10" s="425">
        <v>16436723</v>
      </c>
      <c r="CT10" s="425">
        <v>10870723</v>
      </c>
      <c r="CU10" s="425">
        <v>3768163</v>
      </c>
      <c r="CV10" s="426">
        <v>71926067</v>
      </c>
      <c r="CW10" s="428">
        <v>71926067</v>
      </c>
      <c r="CX10" s="424">
        <v>1021323</v>
      </c>
      <c r="CY10" s="425">
        <v>2633776</v>
      </c>
      <c r="CZ10" s="426">
        <v>3655099</v>
      </c>
      <c r="DA10" s="424">
        <v>0</v>
      </c>
      <c r="DB10" s="425">
        <v>4121001</v>
      </c>
      <c r="DC10" s="425">
        <v>10878851</v>
      </c>
      <c r="DD10" s="425">
        <v>7610927</v>
      </c>
      <c r="DE10" s="425">
        <v>5941287</v>
      </c>
      <c r="DF10" s="425">
        <v>3397152</v>
      </c>
      <c r="DG10" s="426">
        <v>31949218</v>
      </c>
      <c r="DH10" s="428">
        <v>35604317</v>
      </c>
      <c r="DI10" s="424">
        <v>37325</v>
      </c>
      <c r="DJ10" s="425">
        <v>164310</v>
      </c>
      <c r="DK10" s="429">
        <v>201635</v>
      </c>
      <c r="DL10" s="430">
        <v>0</v>
      </c>
      <c r="DM10" s="425">
        <v>2769292</v>
      </c>
      <c r="DN10" s="425">
        <v>7213670</v>
      </c>
      <c r="DO10" s="425">
        <v>11045259</v>
      </c>
      <c r="DP10" s="425">
        <v>8221556</v>
      </c>
      <c r="DQ10" s="425">
        <v>4492425</v>
      </c>
      <c r="DR10" s="426">
        <v>33742202</v>
      </c>
      <c r="DS10" s="428">
        <v>33943837</v>
      </c>
      <c r="DT10" s="424">
        <v>37325</v>
      </c>
      <c r="DU10" s="425">
        <v>99387</v>
      </c>
      <c r="DV10" s="426">
        <v>136712</v>
      </c>
      <c r="DW10" s="424">
        <v>0</v>
      </c>
      <c r="DX10" s="425">
        <v>2428428</v>
      </c>
      <c r="DY10" s="425">
        <v>5114045</v>
      </c>
      <c r="DZ10" s="425">
        <v>8837996</v>
      </c>
      <c r="EA10" s="425">
        <v>6364306</v>
      </c>
      <c r="EB10" s="425">
        <v>3394809</v>
      </c>
      <c r="EC10" s="426">
        <v>26139584</v>
      </c>
      <c r="ED10" s="428">
        <v>26276296</v>
      </c>
      <c r="EE10" s="424">
        <v>0</v>
      </c>
      <c r="EF10" s="429">
        <v>64923</v>
      </c>
      <c r="EG10" s="426">
        <v>64923</v>
      </c>
      <c r="EH10" s="424">
        <v>0</v>
      </c>
      <c r="EI10" s="425">
        <v>340864</v>
      </c>
      <c r="EJ10" s="425">
        <v>2099625</v>
      </c>
      <c r="EK10" s="425">
        <v>2207263</v>
      </c>
      <c r="EL10" s="425">
        <v>1857250</v>
      </c>
      <c r="EM10" s="425">
        <v>1097616</v>
      </c>
      <c r="EN10" s="429">
        <v>7602618</v>
      </c>
      <c r="EO10" s="428">
        <v>7667541</v>
      </c>
      <c r="EP10" s="424">
        <v>0</v>
      </c>
      <c r="EQ10" s="425">
        <v>0</v>
      </c>
      <c r="ER10" s="429">
        <v>0</v>
      </c>
      <c r="ES10" s="430">
        <v>0</v>
      </c>
      <c r="ET10" s="425">
        <v>0</v>
      </c>
      <c r="EU10" s="425">
        <v>0</v>
      </c>
      <c r="EV10" s="425">
        <v>0</v>
      </c>
      <c r="EW10" s="425">
        <v>0</v>
      </c>
      <c r="EX10" s="425">
        <v>0</v>
      </c>
      <c r="EY10" s="426">
        <v>0</v>
      </c>
      <c r="EZ10" s="428">
        <v>0</v>
      </c>
      <c r="FA10" s="424">
        <v>0</v>
      </c>
      <c r="FB10" s="425">
        <v>0</v>
      </c>
      <c r="FC10" s="429">
        <v>0</v>
      </c>
      <c r="FD10" s="431"/>
      <c r="FE10" s="425">
        <v>0</v>
      </c>
      <c r="FF10" s="425">
        <v>0</v>
      </c>
      <c r="FG10" s="425">
        <v>0</v>
      </c>
      <c r="FH10" s="425">
        <v>0</v>
      </c>
      <c r="FI10" s="425">
        <v>0</v>
      </c>
      <c r="FJ10" s="426">
        <v>0</v>
      </c>
      <c r="FK10" s="428">
        <v>0</v>
      </c>
      <c r="FL10" s="424">
        <v>1793722</v>
      </c>
      <c r="FM10" s="425">
        <v>4544639</v>
      </c>
      <c r="FN10" s="426">
        <v>6338361</v>
      </c>
      <c r="FO10" s="424">
        <v>0</v>
      </c>
      <c r="FP10" s="425">
        <v>3767395</v>
      </c>
      <c r="FQ10" s="425">
        <v>14869933</v>
      </c>
      <c r="FR10" s="425">
        <v>9480476</v>
      </c>
      <c r="FS10" s="425">
        <v>9316151</v>
      </c>
      <c r="FT10" s="425">
        <v>6580138</v>
      </c>
      <c r="FU10" s="426">
        <v>44014093</v>
      </c>
      <c r="FV10" s="428">
        <v>50352454</v>
      </c>
      <c r="FW10" s="432">
        <v>820547</v>
      </c>
      <c r="FX10" s="425">
        <v>2645979</v>
      </c>
      <c r="FY10" s="429">
        <v>3466526</v>
      </c>
      <c r="FZ10" s="430">
        <v>0</v>
      </c>
      <c r="GA10" s="425">
        <v>2681185</v>
      </c>
      <c r="GB10" s="425">
        <v>12792700</v>
      </c>
      <c r="GC10" s="425">
        <v>8307995</v>
      </c>
      <c r="GD10" s="425">
        <v>8482183</v>
      </c>
      <c r="GE10" s="425">
        <v>6046110</v>
      </c>
      <c r="GF10" s="426">
        <v>38310173</v>
      </c>
      <c r="GG10" s="433">
        <v>41776699</v>
      </c>
      <c r="GH10" s="432">
        <v>64575</v>
      </c>
      <c r="GI10" s="425">
        <v>364211</v>
      </c>
      <c r="GJ10" s="429">
        <v>428786</v>
      </c>
      <c r="GK10" s="430">
        <v>0</v>
      </c>
      <c r="GL10" s="425">
        <v>231650</v>
      </c>
      <c r="GM10" s="425">
        <v>457746</v>
      </c>
      <c r="GN10" s="425">
        <v>260423</v>
      </c>
      <c r="GO10" s="425">
        <v>292238</v>
      </c>
      <c r="GP10" s="425">
        <v>152978</v>
      </c>
      <c r="GQ10" s="426">
        <v>1395035</v>
      </c>
      <c r="GR10" s="428">
        <v>1823821</v>
      </c>
      <c r="GS10" s="424">
        <v>908600</v>
      </c>
      <c r="GT10" s="425">
        <v>1534449</v>
      </c>
      <c r="GU10" s="426">
        <v>2443049</v>
      </c>
      <c r="GV10" s="424">
        <v>0</v>
      </c>
      <c r="GW10" s="425">
        <v>854560</v>
      </c>
      <c r="GX10" s="425">
        <v>1619487</v>
      </c>
      <c r="GY10" s="425">
        <v>912058</v>
      </c>
      <c r="GZ10" s="425">
        <v>541730</v>
      </c>
      <c r="HA10" s="425">
        <v>381050</v>
      </c>
      <c r="HB10" s="429">
        <v>4308885</v>
      </c>
      <c r="HC10" s="428">
        <v>6751934</v>
      </c>
      <c r="HD10" s="424">
        <v>4323909</v>
      </c>
      <c r="HE10" s="425">
        <v>6436087</v>
      </c>
      <c r="HF10" s="429">
        <v>10759996</v>
      </c>
      <c r="HG10" s="430">
        <v>0</v>
      </c>
      <c r="HH10" s="425">
        <v>37436948</v>
      </c>
      <c r="HI10" s="425">
        <v>53106579</v>
      </c>
      <c r="HJ10" s="425">
        <v>45223946</v>
      </c>
      <c r="HK10" s="425">
        <v>61895325</v>
      </c>
      <c r="HL10" s="425">
        <v>32532630</v>
      </c>
      <c r="HM10" s="426">
        <v>230195428</v>
      </c>
      <c r="HN10" s="427">
        <v>240955424</v>
      </c>
      <c r="HO10" s="467"/>
      <c r="HP10" s="468"/>
      <c r="HQ10" s="469"/>
      <c r="HR10" s="470"/>
      <c r="HS10" s="468"/>
      <c r="HT10" s="468"/>
      <c r="HU10" s="468"/>
      <c r="HV10" s="468"/>
      <c r="HW10" s="468"/>
      <c r="HX10" s="471"/>
      <c r="HY10" s="472"/>
      <c r="HZ10" s="434">
        <v>290346</v>
      </c>
      <c r="IA10" s="435">
        <v>1016794</v>
      </c>
      <c r="IB10" s="436">
        <v>1307140</v>
      </c>
      <c r="IC10" s="437">
        <v>0</v>
      </c>
      <c r="ID10" s="438">
        <v>19828464</v>
      </c>
      <c r="IE10" s="439">
        <v>31041785</v>
      </c>
      <c r="IF10" s="440">
        <v>32858413</v>
      </c>
      <c r="IG10" s="438">
        <v>24621522</v>
      </c>
      <c r="IH10" s="440">
        <v>19951350</v>
      </c>
      <c r="II10" s="441">
        <v>128301534</v>
      </c>
      <c r="IJ10" s="442">
        <v>129608674</v>
      </c>
      <c r="IK10" s="443">
        <v>0</v>
      </c>
      <c r="IL10" s="444">
        <v>0</v>
      </c>
      <c r="IM10" s="445">
        <v>0</v>
      </c>
      <c r="IN10" s="446"/>
      <c r="IO10" s="447">
        <v>557593</v>
      </c>
      <c r="IP10" s="447">
        <v>1073232</v>
      </c>
      <c r="IQ10" s="447">
        <v>1796406</v>
      </c>
      <c r="IR10" s="447">
        <v>2065166</v>
      </c>
      <c r="IS10" s="447">
        <v>2086470</v>
      </c>
      <c r="IT10" s="448">
        <v>7578867</v>
      </c>
      <c r="IU10" s="449">
        <v>7578867</v>
      </c>
      <c r="IV10" s="450">
        <v>0</v>
      </c>
      <c r="IW10" s="447">
        <v>0</v>
      </c>
      <c r="IX10" s="451">
        <v>0</v>
      </c>
      <c r="IY10" s="452"/>
      <c r="IZ10" s="447">
        <v>79963</v>
      </c>
      <c r="JA10" s="447">
        <v>329275</v>
      </c>
      <c r="JB10" s="447">
        <v>900207</v>
      </c>
      <c r="JC10" s="447">
        <v>590411</v>
      </c>
      <c r="JD10" s="447">
        <v>1370553</v>
      </c>
      <c r="JE10" s="451">
        <v>3270409</v>
      </c>
      <c r="JF10" s="453">
        <v>3270409</v>
      </c>
      <c r="JG10" s="450">
        <v>0</v>
      </c>
      <c r="JH10" s="447">
        <v>0</v>
      </c>
      <c r="JI10" s="448">
        <v>0</v>
      </c>
      <c r="JJ10" s="454">
        <v>0</v>
      </c>
      <c r="JK10" s="447">
        <v>8682857</v>
      </c>
      <c r="JL10" s="447">
        <v>13385122</v>
      </c>
      <c r="JM10" s="447">
        <v>9859830</v>
      </c>
      <c r="JN10" s="447">
        <v>5522376</v>
      </c>
      <c r="JO10" s="447">
        <v>2700996</v>
      </c>
      <c r="JP10" s="451">
        <v>40151181</v>
      </c>
      <c r="JQ10" s="449">
        <v>40151181</v>
      </c>
      <c r="JR10" s="450">
        <v>16374</v>
      </c>
      <c r="JS10" s="447">
        <v>0</v>
      </c>
      <c r="JT10" s="448">
        <v>16374</v>
      </c>
      <c r="JU10" s="454">
        <v>0</v>
      </c>
      <c r="JV10" s="447">
        <v>1593491</v>
      </c>
      <c r="JW10" s="447">
        <v>3057527</v>
      </c>
      <c r="JX10" s="447">
        <v>3619419</v>
      </c>
      <c r="JY10" s="447">
        <v>2355344</v>
      </c>
      <c r="JZ10" s="447">
        <v>1595046</v>
      </c>
      <c r="KA10" s="451">
        <v>12220827</v>
      </c>
      <c r="KB10" s="449">
        <v>12237201</v>
      </c>
      <c r="KC10" s="455">
        <v>273972</v>
      </c>
      <c r="KD10" s="456">
        <v>1016794</v>
      </c>
      <c r="KE10" s="451">
        <v>1290766</v>
      </c>
      <c r="KF10" s="454">
        <v>0</v>
      </c>
      <c r="KG10" s="447">
        <v>3246978</v>
      </c>
      <c r="KH10" s="447">
        <v>3051000</v>
      </c>
      <c r="KI10" s="447">
        <v>4511168</v>
      </c>
      <c r="KJ10" s="447">
        <v>4746588</v>
      </c>
      <c r="KK10" s="447">
        <v>3063723</v>
      </c>
      <c r="KL10" s="451">
        <v>18619457</v>
      </c>
      <c r="KM10" s="457">
        <v>19910223</v>
      </c>
      <c r="KN10" s="443">
        <v>0</v>
      </c>
      <c r="KO10" s="444">
        <v>0</v>
      </c>
      <c r="KP10" s="445">
        <v>0</v>
      </c>
      <c r="KQ10" s="446"/>
      <c r="KR10" s="447">
        <v>5268856</v>
      </c>
      <c r="KS10" s="447">
        <v>8864647</v>
      </c>
      <c r="KT10" s="447">
        <v>10616851</v>
      </c>
      <c r="KU10" s="447">
        <v>7724801</v>
      </c>
      <c r="KV10" s="447">
        <v>5759706</v>
      </c>
      <c r="KW10" s="451">
        <v>38234861</v>
      </c>
      <c r="KX10" s="449">
        <v>38234861</v>
      </c>
      <c r="KY10" s="450">
        <v>0</v>
      </c>
      <c r="KZ10" s="447">
        <v>0</v>
      </c>
      <c r="LA10" s="451">
        <v>0</v>
      </c>
      <c r="LB10" s="458"/>
      <c r="LC10" s="447">
        <v>0</v>
      </c>
      <c r="LD10" s="447">
        <v>0</v>
      </c>
      <c r="LE10" s="447">
        <v>0</v>
      </c>
      <c r="LF10" s="447">
        <v>0</v>
      </c>
      <c r="LG10" s="447">
        <v>0</v>
      </c>
      <c r="LH10" s="451">
        <v>0</v>
      </c>
      <c r="LI10" s="453">
        <v>0</v>
      </c>
      <c r="LJ10" s="450">
        <v>0</v>
      </c>
      <c r="LK10" s="447">
        <v>0</v>
      </c>
      <c r="LL10" s="451">
        <v>0</v>
      </c>
      <c r="LM10" s="458"/>
      <c r="LN10" s="447">
        <v>0</v>
      </c>
      <c r="LO10" s="447">
        <v>211837</v>
      </c>
      <c r="LP10" s="447">
        <v>230274</v>
      </c>
      <c r="LQ10" s="447">
        <v>239204</v>
      </c>
      <c r="LR10" s="447">
        <v>0</v>
      </c>
      <c r="LS10" s="451">
        <v>681315</v>
      </c>
      <c r="LT10" s="449">
        <v>681315</v>
      </c>
      <c r="LU10" s="450">
        <v>0</v>
      </c>
      <c r="LV10" s="447">
        <v>0</v>
      </c>
      <c r="LW10" s="451">
        <v>0</v>
      </c>
      <c r="LX10" s="458"/>
      <c r="LY10" s="447">
        <v>398726</v>
      </c>
      <c r="LZ10" s="447">
        <v>1069145</v>
      </c>
      <c r="MA10" s="447">
        <v>1324258</v>
      </c>
      <c r="MB10" s="447">
        <v>1377632</v>
      </c>
      <c r="MC10" s="447">
        <v>3374856</v>
      </c>
      <c r="MD10" s="451">
        <v>7544617</v>
      </c>
      <c r="ME10" s="453">
        <v>7544617</v>
      </c>
      <c r="MF10" s="450">
        <v>0</v>
      </c>
      <c r="MG10" s="447">
        <v>0</v>
      </c>
      <c r="MH10" s="451">
        <v>0</v>
      </c>
      <c r="MI10" s="458"/>
      <c r="MJ10" s="447">
        <v>4257900</v>
      </c>
      <c r="MK10" s="447">
        <v>19198867</v>
      </c>
      <c r="ML10" s="447">
        <v>48861233</v>
      </c>
      <c r="MM10" s="447">
        <v>75575180</v>
      </c>
      <c r="MN10" s="447">
        <v>55201190</v>
      </c>
      <c r="MO10" s="451">
        <v>203094370</v>
      </c>
      <c r="MP10" s="457">
        <v>203094370</v>
      </c>
      <c r="MQ10" s="450">
        <v>0</v>
      </c>
      <c r="MR10" s="447">
        <v>0</v>
      </c>
      <c r="MS10" s="451">
        <v>0</v>
      </c>
      <c r="MT10" s="458"/>
      <c r="MU10" s="447">
        <v>348604</v>
      </c>
      <c r="MV10" s="447">
        <v>5239863</v>
      </c>
      <c r="MW10" s="447">
        <v>27949524</v>
      </c>
      <c r="MX10" s="447">
        <v>41656069</v>
      </c>
      <c r="MY10" s="447">
        <v>31948184</v>
      </c>
      <c r="MZ10" s="451">
        <v>107142244</v>
      </c>
      <c r="NA10" s="457">
        <v>107142244</v>
      </c>
      <c r="NB10" s="450">
        <v>0</v>
      </c>
      <c r="NC10" s="447">
        <v>0</v>
      </c>
      <c r="ND10" s="451">
        <v>0</v>
      </c>
      <c r="NE10" s="458">
        <v>0</v>
      </c>
      <c r="NF10" s="447">
        <v>3909296</v>
      </c>
      <c r="NG10" s="447">
        <v>13959004</v>
      </c>
      <c r="NH10" s="447">
        <v>20911709</v>
      </c>
      <c r="NI10" s="447">
        <v>31804803</v>
      </c>
      <c r="NJ10" s="447">
        <v>19318817</v>
      </c>
      <c r="NK10" s="451">
        <v>89903629</v>
      </c>
      <c r="NL10" s="449">
        <v>89903629</v>
      </c>
      <c r="NM10" s="450">
        <v>0</v>
      </c>
      <c r="NN10" s="447">
        <v>0</v>
      </c>
      <c r="NO10" s="451">
        <v>0</v>
      </c>
      <c r="NP10" s="458"/>
      <c r="NQ10" s="447">
        <v>0</v>
      </c>
      <c r="NR10" s="447">
        <v>0</v>
      </c>
      <c r="NS10" s="447">
        <v>0</v>
      </c>
      <c r="NT10" s="447">
        <v>559794</v>
      </c>
      <c r="NU10" s="447">
        <v>1204811</v>
      </c>
      <c r="NV10" s="451">
        <v>1764605</v>
      </c>
      <c r="NW10" s="453">
        <v>1764605</v>
      </c>
      <c r="NX10" s="450">
        <v>0</v>
      </c>
      <c r="NY10" s="447">
        <v>0</v>
      </c>
      <c r="NZ10" s="451">
        <v>0</v>
      </c>
      <c r="OA10" s="458"/>
      <c r="OB10" s="447">
        <v>0</v>
      </c>
      <c r="OC10" s="447">
        <v>0</v>
      </c>
      <c r="OD10" s="447">
        <v>0</v>
      </c>
      <c r="OE10" s="447">
        <v>1554514</v>
      </c>
      <c r="OF10" s="447">
        <v>2729378</v>
      </c>
      <c r="OG10" s="451">
        <v>4283892</v>
      </c>
      <c r="OH10" s="453">
        <v>4283892</v>
      </c>
      <c r="OI10" s="450">
        <v>11397971</v>
      </c>
      <c r="OJ10" s="447">
        <v>23244319</v>
      </c>
      <c r="OK10" s="448">
        <v>34642290</v>
      </c>
      <c r="OL10" s="454">
        <v>0</v>
      </c>
      <c r="OM10" s="447">
        <v>119897026</v>
      </c>
      <c r="ON10" s="447">
        <v>222122888</v>
      </c>
      <c r="OO10" s="447">
        <v>213078728</v>
      </c>
      <c r="OP10" s="447">
        <v>247555261</v>
      </c>
      <c r="OQ10" s="447">
        <v>171072149</v>
      </c>
      <c r="OR10" s="451">
        <v>973726052</v>
      </c>
      <c r="OS10" s="457">
        <v>1008368342</v>
      </c>
    </row>
    <row r="11" spans="2:409" ht="21" customHeight="1" x14ac:dyDescent="0.2">
      <c r="B11" s="126" t="s">
        <v>6</v>
      </c>
      <c r="C11" s="110">
        <v>3782239</v>
      </c>
      <c r="D11" s="114">
        <v>5867832</v>
      </c>
      <c r="E11" s="113">
        <v>9650071</v>
      </c>
      <c r="F11" s="109">
        <v>0</v>
      </c>
      <c r="G11" s="114">
        <v>48971725</v>
      </c>
      <c r="H11" s="114">
        <v>49438820</v>
      </c>
      <c r="I11" s="114">
        <v>46431673</v>
      </c>
      <c r="J11" s="114">
        <v>55528206</v>
      </c>
      <c r="K11" s="114">
        <v>38265551</v>
      </c>
      <c r="L11" s="109">
        <v>238635975</v>
      </c>
      <c r="M11" s="116">
        <v>248286046</v>
      </c>
      <c r="N11" s="110">
        <v>1136338</v>
      </c>
      <c r="O11" s="114">
        <v>2401813</v>
      </c>
      <c r="P11" s="113">
        <v>3538151</v>
      </c>
      <c r="Q11" s="110">
        <v>0</v>
      </c>
      <c r="R11" s="114">
        <v>17089060</v>
      </c>
      <c r="S11" s="114">
        <v>16825870</v>
      </c>
      <c r="T11" s="114">
        <v>16760242</v>
      </c>
      <c r="U11" s="114">
        <v>21547464</v>
      </c>
      <c r="V11" s="114">
        <v>17473116</v>
      </c>
      <c r="W11" s="113">
        <v>89695752</v>
      </c>
      <c r="X11" s="116">
        <v>93233903</v>
      </c>
      <c r="Y11" s="110">
        <v>0</v>
      </c>
      <c r="Z11" s="114">
        <v>0</v>
      </c>
      <c r="AA11" s="113">
        <v>0</v>
      </c>
      <c r="AB11" s="110">
        <v>0</v>
      </c>
      <c r="AC11" s="114">
        <v>6501566</v>
      </c>
      <c r="AD11" s="114">
        <v>6655976</v>
      </c>
      <c r="AE11" s="114">
        <v>7652741</v>
      </c>
      <c r="AF11" s="114">
        <v>10903344</v>
      </c>
      <c r="AG11" s="114">
        <v>9696325</v>
      </c>
      <c r="AH11" s="113">
        <v>41409952</v>
      </c>
      <c r="AI11" s="116">
        <v>41409952</v>
      </c>
      <c r="AJ11" s="110">
        <v>0</v>
      </c>
      <c r="AK11" s="114">
        <v>0</v>
      </c>
      <c r="AL11" s="113">
        <v>0</v>
      </c>
      <c r="AM11" s="110">
        <v>0</v>
      </c>
      <c r="AN11" s="114">
        <v>129042</v>
      </c>
      <c r="AO11" s="114">
        <v>330114</v>
      </c>
      <c r="AP11" s="114">
        <v>402932</v>
      </c>
      <c r="AQ11" s="114">
        <v>1438976</v>
      </c>
      <c r="AR11" s="114">
        <v>1921427</v>
      </c>
      <c r="AS11" s="113">
        <v>4222491</v>
      </c>
      <c r="AT11" s="116">
        <v>4222491</v>
      </c>
      <c r="AU11" s="110">
        <v>560811</v>
      </c>
      <c r="AV11" s="114">
        <v>1889553</v>
      </c>
      <c r="AW11" s="113">
        <v>2450364</v>
      </c>
      <c r="AX11" s="110">
        <v>0</v>
      </c>
      <c r="AY11" s="114">
        <v>7020038</v>
      </c>
      <c r="AZ11" s="114">
        <v>6523965</v>
      </c>
      <c r="BA11" s="114">
        <v>5412390</v>
      </c>
      <c r="BB11" s="114">
        <v>5499580</v>
      </c>
      <c r="BC11" s="114">
        <v>3128437</v>
      </c>
      <c r="BD11" s="113">
        <v>27584410</v>
      </c>
      <c r="BE11" s="116">
        <v>30034774</v>
      </c>
      <c r="BF11" s="110">
        <v>59487</v>
      </c>
      <c r="BG11" s="114">
        <v>0</v>
      </c>
      <c r="BH11" s="112">
        <v>59487</v>
      </c>
      <c r="BI11" s="111">
        <v>0</v>
      </c>
      <c r="BJ11" s="114">
        <v>310464</v>
      </c>
      <c r="BK11" s="114">
        <v>505833</v>
      </c>
      <c r="BL11" s="114">
        <v>597361</v>
      </c>
      <c r="BM11" s="114">
        <v>456759</v>
      </c>
      <c r="BN11" s="114">
        <v>265160</v>
      </c>
      <c r="BO11" s="113">
        <v>2135577</v>
      </c>
      <c r="BP11" s="116">
        <v>2195064</v>
      </c>
      <c r="BQ11" s="110">
        <v>516040</v>
      </c>
      <c r="BR11" s="114">
        <v>512260</v>
      </c>
      <c r="BS11" s="113">
        <v>1028300</v>
      </c>
      <c r="BT11" s="110">
        <v>0</v>
      </c>
      <c r="BU11" s="114">
        <v>3127950</v>
      </c>
      <c r="BV11" s="114">
        <v>2809982</v>
      </c>
      <c r="BW11" s="114">
        <v>2694818</v>
      </c>
      <c r="BX11" s="114">
        <v>3248805</v>
      </c>
      <c r="BY11" s="114">
        <v>2461767</v>
      </c>
      <c r="BZ11" s="113">
        <v>14343322</v>
      </c>
      <c r="CA11" s="116">
        <v>15371622</v>
      </c>
      <c r="CB11" s="110">
        <v>192196</v>
      </c>
      <c r="CC11" s="114">
        <v>490139</v>
      </c>
      <c r="CD11" s="113">
        <v>682335</v>
      </c>
      <c r="CE11" s="110">
        <v>0</v>
      </c>
      <c r="CF11" s="114">
        <v>12624836</v>
      </c>
      <c r="CG11" s="114">
        <v>11852452</v>
      </c>
      <c r="CH11" s="114">
        <v>7352967</v>
      </c>
      <c r="CI11" s="114">
        <v>6768490</v>
      </c>
      <c r="CJ11" s="114">
        <v>2838620</v>
      </c>
      <c r="CK11" s="113">
        <v>41437365</v>
      </c>
      <c r="CL11" s="116">
        <v>42119700</v>
      </c>
      <c r="CM11" s="110">
        <v>0</v>
      </c>
      <c r="CN11" s="114">
        <v>0</v>
      </c>
      <c r="CO11" s="113">
        <v>0</v>
      </c>
      <c r="CP11" s="111">
        <v>0</v>
      </c>
      <c r="CQ11" s="114">
        <v>10553414</v>
      </c>
      <c r="CR11" s="114">
        <v>8850684</v>
      </c>
      <c r="CS11" s="114">
        <v>5190079</v>
      </c>
      <c r="CT11" s="114">
        <v>3978879</v>
      </c>
      <c r="CU11" s="114">
        <v>2114535</v>
      </c>
      <c r="CV11" s="113">
        <v>30687591</v>
      </c>
      <c r="CW11" s="116">
        <v>30687591</v>
      </c>
      <c r="CX11" s="110">
        <v>192196</v>
      </c>
      <c r="CY11" s="114">
        <v>490139</v>
      </c>
      <c r="CZ11" s="113">
        <v>682335</v>
      </c>
      <c r="DA11" s="110">
        <v>0</v>
      </c>
      <c r="DB11" s="114">
        <v>2071422</v>
      </c>
      <c r="DC11" s="114">
        <v>3001768</v>
      </c>
      <c r="DD11" s="114">
        <v>2162888</v>
      </c>
      <c r="DE11" s="114">
        <v>2789611</v>
      </c>
      <c r="DF11" s="114">
        <v>724085</v>
      </c>
      <c r="DG11" s="113">
        <v>10749774</v>
      </c>
      <c r="DH11" s="116">
        <v>11432109</v>
      </c>
      <c r="DI11" s="110">
        <v>26526</v>
      </c>
      <c r="DJ11" s="114">
        <v>0</v>
      </c>
      <c r="DK11" s="112">
        <v>26526</v>
      </c>
      <c r="DL11" s="111">
        <v>0</v>
      </c>
      <c r="DM11" s="114">
        <v>919277</v>
      </c>
      <c r="DN11" s="114">
        <v>1789042</v>
      </c>
      <c r="DO11" s="114">
        <v>3304442</v>
      </c>
      <c r="DP11" s="114">
        <v>3601271</v>
      </c>
      <c r="DQ11" s="114">
        <v>1705449</v>
      </c>
      <c r="DR11" s="113">
        <v>11319481</v>
      </c>
      <c r="DS11" s="116">
        <v>11346007</v>
      </c>
      <c r="DT11" s="110">
        <v>26526</v>
      </c>
      <c r="DU11" s="114">
        <v>0</v>
      </c>
      <c r="DV11" s="113">
        <v>26526</v>
      </c>
      <c r="DW11" s="110">
        <v>0</v>
      </c>
      <c r="DX11" s="114">
        <v>681321</v>
      </c>
      <c r="DY11" s="114">
        <v>1409728</v>
      </c>
      <c r="DZ11" s="114">
        <v>2822660</v>
      </c>
      <c r="EA11" s="114">
        <v>3056149</v>
      </c>
      <c r="EB11" s="114">
        <v>1112877</v>
      </c>
      <c r="EC11" s="113">
        <v>9082735</v>
      </c>
      <c r="ED11" s="116">
        <v>9109261</v>
      </c>
      <c r="EE11" s="110">
        <v>0</v>
      </c>
      <c r="EF11" s="112">
        <v>0</v>
      </c>
      <c r="EG11" s="113">
        <v>0</v>
      </c>
      <c r="EH11" s="110">
        <v>0</v>
      </c>
      <c r="EI11" s="114">
        <v>237956</v>
      </c>
      <c r="EJ11" s="114">
        <v>379314</v>
      </c>
      <c r="EK11" s="114">
        <v>481782</v>
      </c>
      <c r="EL11" s="114">
        <v>545122</v>
      </c>
      <c r="EM11" s="114">
        <v>592572</v>
      </c>
      <c r="EN11" s="112">
        <v>2236746</v>
      </c>
      <c r="EO11" s="116">
        <v>2236746</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5"/>
      <c r="FE11" s="114">
        <v>0</v>
      </c>
      <c r="FF11" s="114">
        <v>0</v>
      </c>
      <c r="FG11" s="114">
        <v>0</v>
      </c>
      <c r="FH11" s="114">
        <v>0</v>
      </c>
      <c r="FI11" s="114">
        <v>0</v>
      </c>
      <c r="FJ11" s="113">
        <v>0</v>
      </c>
      <c r="FK11" s="116">
        <v>0</v>
      </c>
      <c r="FL11" s="110">
        <v>694547</v>
      </c>
      <c r="FM11" s="114">
        <v>1280149</v>
      </c>
      <c r="FN11" s="113">
        <v>1974696</v>
      </c>
      <c r="FO11" s="110">
        <v>0</v>
      </c>
      <c r="FP11" s="114">
        <v>2685459</v>
      </c>
      <c r="FQ11" s="114">
        <v>4255305</v>
      </c>
      <c r="FR11" s="114">
        <v>4539181</v>
      </c>
      <c r="FS11" s="114">
        <v>3968223</v>
      </c>
      <c r="FT11" s="114">
        <v>2214142</v>
      </c>
      <c r="FU11" s="113">
        <v>17662310</v>
      </c>
      <c r="FV11" s="116">
        <v>19637006</v>
      </c>
      <c r="FW11" s="115">
        <v>388514</v>
      </c>
      <c r="FX11" s="114">
        <v>948668</v>
      </c>
      <c r="FY11" s="112">
        <v>1337182</v>
      </c>
      <c r="FZ11" s="111">
        <v>0</v>
      </c>
      <c r="GA11" s="114">
        <v>2178533</v>
      </c>
      <c r="GB11" s="114">
        <v>3886582</v>
      </c>
      <c r="GC11" s="114">
        <v>3806138</v>
      </c>
      <c r="GD11" s="114">
        <v>3548006</v>
      </c>
      <c r="GE11" s="114">
        <v>2175642</v>
      </c>
      <c r="GF11" s="113">
        <v>15594901</v>
      </c>
      <c r="GG11" s="316">
        <v>16932083</v>
      </c>
      <c r="GH11" s="115">
        <v>0</v>
      </c>
      <c r="GI11" s="114">
        <v>71571</v>
      </c>
      <c r="GJ11" s="112">
        <v>71571</v>
      </c>
      <c r="GK11" s="111">
        <v>0</v>
      </c>
      <c r="GL11" s="114">
        <v>109571</v>
      </c>
      <c r="GM11" s="114">
        <v>225713</v>
      </c>
      <c r="GN11" s="114">
        <v>174338</v>
      </c>
      <c r="GO11" s="114">
        <v>235627</v>
      </c>
      <c r="GP11" s="114">
        <v>23100</v>
      </c>
      <c r="GQ11" s="113">
        <v>768349</v>
      </c>
      <c r="GR11" s="116">
        <v>839920</v>
      </c>
      <c r="GS11" s="110">
        <v>306033</v>
      </c>
      <c r="GT11" s="114">
        <v>259910</v>
      </c>
      <c r="GU11" s="113">
        <v>565943</v>
      </c>
      <c r="GV11" s="110">
        <v>0</v>
      </c>
      <c r="GW11" s="114">
        <v>397355</v>
      </c>
      <c r="GX11" s="114">
        <v>143010</v>
      </c>
      <c r="GY11" s="114">
        <v>558705</v>
      </c>
      <c r="GZ11" s="114">
        <v>184590</v>
      </c>
      <c r="HA11" s="114">
        <v>15400</v>
      </c>
      <c r="HB11" s="112">
        <v>1299060</v>
      </c>
      <c r="HC11" s="116">
        <v>1865003</v>
      </c>
      <c r="HD11" s="110">
        <v>1732632</v>
      </c>
      <c r="HE11" s="114">
        <v>1695731</v>
      </c>
      <c r="HF11" s="112">
        <v>3428363</v>
      </c>
      <c r="HG11" s="111">
        <v>0</v>
      </c>
      <c r="HH11" s="114">
        <v>15653093</v>
      </c>
      <c r="HI11" s="114">
        <v>14716151</v>
      </c>
      <c r="HJ11" s="114">
        <v>14474841</v>
      </c>
      <c r="HK11" s="114">
        <v>19642758</v>
      </c>
      <c r="HL11" s="114">
        <v>14034224</v>
      </c>
      <c r="HM11" s="113">
        <v>78521067</v>
      </c>
      <c r="HN11" s="109">
        <v>81949430</v>
      </c>
      <c r="HO11" s="326"/>
      <c r="HP11" s="327"/>
      <c r="HQ11" s="328"/>
      <c r="HR11" s="329"/>
      <c r="HS11" s="327"/>
      <c r="HT11" s="327"/>
      <c r="HU11" s="327"/>
      <c r="HV11" s="327"/>
      <c r="HW11" s="327"/>
      <c r="HX11" s="330"/>
      <c r="HY11" s="331"/>
      <c r="HZ11" s="131">
        <v>71307</v>
      </c>
      <c r="IA11" s="132">
        <v>263359</v>
      </c>
      <c r="IB11" s="133">
        <v>334666</v>
      </c>
      <c r="IC11" s="146">
        <v>0</v>
      </c>
      <c r="ID11" s="132">
        <v>11269487</v>
      </c>
      <c r="IE11" s="147">
        <v>11833134</v>
      </c>
      <c r="IF11" s="133">
        <v>17151048</v>
      </c>
      <c r="IG11" s="132">
        <v>12485628</v>
      </c>
      <c r="IH11" s="133">
        <v>9154615</v>
      </c>
      <c r="II11" s="148">
        <v>61893912</v>
      </c>
      <c r="IJ11" s="139">
        <v>62228578</v>
      </c>
      <c r="IK11" s="232">
        <v>0</v>
      </c>
      <c r="IL11" s="236">
        <v>0</v>
      </c>
      <c r="IM11" s="237">
        <v>0</v>
      </c>
      <c r="IN11" s="140"/>
      <c r="IO11" s="119">
        <v>614117</v>
      </c>
      <c r="IP11" s="119">
        <v>566569</v>
      </c>
      <c r="IQ11" s="119">
        <v>1364851</v>
      </c>
      <c r="IR11" s="119">
        <v>1014213</v>
      </c>
      <c r="IS11" s="119">
        <v>1460943</v>
      </c>
      <c r="IT11" s="141">
        <v>5020693</v>
      </c>
      <c r="IU11" s="318">
        <v>5020693</v>
      </c>
      <c r="IV11" s="142">
        <v>0</v>
      </c>
      <c r="IW11" s="119">
        <v>0</v>
      </c>
      <c r="IX11" s="120">
        <v>0</v>
      </c>
      <c r="IY11" s="144"/>
      <c r="IZ11" s="119">
        <v>36917</v>
      </c>
      <c r="JA11" s="119">
        <v>46197</v>
      </c>
      <c r="JB11" s="119">
        <v>92658</v>
      </c>
      <c r="JC11" s="119">
        <v>166463</v>
      </c>
      <c r="JD11" s="119">
        <v>186087</v>
      </c>
      <c r="JE11" s="120">
        <v>528322</v>
      </c>
      <c r="JF11" s="121">
        <v>528322</v>
      </c>
      <c r="JG11" s="142">
        <v>0</v>
      </c>
      <c r="JH11" s="119">
        <v>0</v>
      </c>
      <c r="JI11" s="141">
        <v>0</v>
      </c>
      <c r="JJ11" s="118">
        <v>0</v>
      </c>
      <c r="JK11" s="119">
        <v>4304435</v>
      </c>
      <c r="JL11" s="119">
        <v>3112919</v>
      </c>
      <c r="JM11" s="119">
        <v>3105396</v>
      </c>
      <c r="JN11" s="119">
        <v>1390827</v>
      </c>
      <c r="JO11" s="119">
        <v>694009</v>
      </c>
      <c r="JP11" s="120">
        <v>12607586</v>
      </c>
      <c r="JQ11" s="318">
        <v>12607586</v>
      </c>
      <c r="JR11" s="142">
        <v>0</v>
      </c>
      <c r="JS11" s="119">
        <v>0</v>
      </c>
      <c r="JT11" s="141">
        <v>0</v>
      </c>
      <c r="JU11" s="118">
        <v>0</v>
      </c>
      <c r="JV11" s="119">
        <v>985638</v>
      </c>
      <c r="JW11" s="119">
        <v>1234116</v>
      </c>
      <c r="JX11" s="119">
        <v>1914634</v>
      </c>
      <c r="JY11" s="119">
        <v>338749</v>
      </c>
      <c r="JZ11" s="119">
        <v>566359</v>
      </c>
      <c r="KA11" s="120">
        <v>5039496</v>
      </c>
      <c r="KB11" s="318">
        <v>5039496</v>
      </c>
      <c r="KC11" s="234">
        <v>71307</v>
      </c>
      <c r="KD11" s="230">
        <v>263359</v>
      </c>
      <c r="KE11" s="120">
        <v>334666</v>
      </c>
      <c r="KF11" s="118">
        <v>0</v>
      </c>
      <c r="KG11" s="119">
        <v>1317527</v>
      </c>
      <c r="KH11" s="119">
        <v>774892</v>
      </c>
      <c r="KI11" s="119">
        <v>1788905</v>
      </c>
      <c r="KJ11" s="119">
        <v>429228</v>
      </c>
      <c r="KK11" s="119">
        <v>595538</v>
      </c>
      <c r="KL11" s="120">
        <v>4906090</v>
      </c>
      <c r="KM11" s="143">
        <v>5240756</v>
      </c>
      <c r="KN11" s="232">
        <v>0</v>
      </c>
      <c r="KO11" s="236">
        <v>0</v>
      </c>
      <c r="KP11" s="237">
        <v>0</v>
      </c>
      <c r="KQ11" s="140"/>
      <c r="KR11" s="119">
        <v>2904197</v>
      </c>
      <c r="KS11" s="119">
        <v>5033959</v>
      </c>
      <c r="KT11" s="119">
        <v>5508784</v>
      </c>
      <c r="KU11" s="119">
        <v>4941208</v>
      </c>
      <c r="KV11" s="119">
        <v>3394053</v>
      </c>
      <c r="KW11" s="120">
        <v>21782201</v>
      </c>
      <c r="KX11" s="318">
        <v>21782201</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92131</v>
      </c>
      <c r="LO11" s="119">
        <v>0</v>
      </c>
      <c r="LP11" s="119">
        <v>2294086</v>
      </c>
      <c r="LQ11" s="119">
        <v>987260</v>
      </c>
      <c r="LR11" s="119">
        <v>799623</v>
      </c>
      <c r="LS11" s="120">
        <v>4273100</v>
      </c>
      <c r="LT11" s="318">
        <v>4273100</v>
      </c>
      <c r="LU11" s="142">
        <v>0</v>
      </c>
      <c r="LV11" s="119">
        <v>0</v>
      </c>
      <c r="LW11" s="120">
        <v>0</v>
      </c>
      <c r="LX11" s="145"/>
      <c r="LY11" s="119">
        <v>914525</v>
      </c>
      <c r="LZ11" s="119">
        <v>1064482</v>
      </c>
      <c r="MA11" s="119">
        <v>1081734</v>
      </c>
      <c r="MB11" s="119">
        <v>3217680</v>
      </c>
      <c r="MC11" s="119">
        <v>1458003</v>
      </c>
      <c r="MD11" s="120">
        <v>7736424</v>
      </c>
      <c r="ME11" s="121">
        <v>7736424</v>
      </c>
      <c r="MF11" s="142">
        <v>0</v>
      </c>
      <c r="MG11" s="119">
        <v>0</v>
      </c>
      <c r="MH11" s="120">
        <v>0</v>
      </c>
      <c r="MI11" s="145"/>
      <c r="MJ11" s="119">
        <v>1627650</v>
      </c>
      <c r="MK11" s="119">
        <v>3435207</v>
      </c>
      <c r="ML11" s="119">
        <v>10764197</v>
      </c>
      <c r="MM11" s="119">
        <v>23905560</v>
      </c>
      <c r="MN11" s="119">
        <v>16185664</v>
      </c>
      <c r="MO11" s="120">
        <v>55918278</v>
      </c>
      <c r="MP11" s="143">
        <v>55918278</v>
      </c>
      <c r="MQ11" s="142">
        <v>0</v>
      </c>
      <c r="MR11" s="119">
        <v>0</v>
      </c>
      <c r="MS11" s="120">
        <v>0</v>
      </c>
      <c r="MT11" s="145"/>
      <c r="MU11" s="119">
        <v>172967</v>
      </c>
      <c r="MV11" s="119">
        <v>398844</v>
      </c>
      <c r="MW11" s="119">
        <v>5880796</v>
      </c>
      <c r="MX11" s="119">
        <v>11519331</v>
      </c>
      <c r="MY11" s="119">
        <v>8480151</v>
      </c>
      <c r="MZ11" s="120">
        <v>26452089</v>
      </c>
      <c r="NA11" s="143">
        <v>26452089</v>
      </c>
      <c r="NB11" s="142">
        <v>0</v>
      </c>
      <c r="NC11" s="119">
        <v>0</v>
      </c>
      <c r="ND11" s="120">
        <v>0</v>
      </c>
      <c r="NE11" s="145">
        <v>0</v>
      </c>
      <c r="NF11" s="119">
        <v>1454683</v>
      </c>
      <c r="NG11" s="119">
        <v>3036363</v>
      </c>
      <c r="NH11" s="119">
        <v>4883401</v>
      </c>
      <c r="NI11" s="119">
        <v>10468219</v>
      </c>
      <c r="NJ11" s="119">
        <v>5704877</v>
      </c>
      <c r="NK11" s="120">
        <v>25547543</v>
      </c>
      <c r="NL11" s="318">
        <v>25547543</v>
      </c>
      <c r="NM11" s="142">
        <v>0</v>
      </c>
      <c r="NN11" s="119">
        <v>0</v>
      </c>
      <c r="NO11" s="120">
        <v>0</v>
      </c>
      <c r="NP11" s="145"/>
      <c r="NQ11" s="119">
        <v>0</v>
      </c>
      <c r="NR11" s="119">
        <v>0</v>
      </c>
      <c r="NS11" s="119">
        <v>0</v>
      </c>
      <c r="NT11" s="119">
        <v>1368693</v>
      </c>
      <c r="NU11" s="119">
        <v>1154937</v>
      </c>
      <c r="NV11" s="120">
        <v>2523630</v>
      </c>
      <c r="NW11" s="121">
        <v>2523630</v>
      </c>
      <c r="NX11" s="142">
        <v>0</v>
      </c>
      <c r="NY11" s="119">
        <v>0</v>
      </c>
      <c r="NZ11" s="120">
        <v>0</v>
      </c>
      <c r="OA11" s="145"/>
      <c r="OB11" s="119">
        <v>0</v>
      </c>
      <c r="OC11" s="119">
        <v>0</v>
      </c>
      <c r="OD11" s="119">
        <v>0</v>
      </c>
      <c r="OE11" s="119">
        <v>549317</v>
      </c>
      <c r="OF11" s="119">
        <v>845699</v>
      </c>
      <c r="OG11" s="120">
        <v>1395016</v>
      </c>
      <c r="OH11" s="121">
        <v>1395016</v>
      </c>
      <c r="OI11" s="142">
        <v>3853546</v>
      </c>
      <c r="OJ11" s="119">
        <v>6131191</v>
      </c>
      <c r="OK11" s="141">
        <v>9984737</v>
      </c>
      <c r="OL11" s="118">
        <v>0</v>
      </c>
      <c r="OM11" s="119">
        <v>61868862</v>
      </c>
      <c r="ON11" s="119">
        <v>64707161</v>
      </c>
      <c r="OO11" s="119">
        <v>74346918</v>
      </c>
      <c r="OP11" s="119">
        <v>91919394</v>
      </c>
      <c r="OQ11" s="119">
        <v>63605830</v>
      </c>
      <c r="OR11" s="120">
        <v>356448165</v>
      </c>
      <c r="OS11" s="143">
        <v>366432902</v>
      </c>
    </row>
    <row r="12" spans="2:409" ht="21" customHeight="1" x14ac:dyDescent="0.2">
      <c r="B12" s="126" t="s">
        <v>14</v>
      </c>
      <c r="C12" s="110">
        <v>858154</v>
      </c>
      <c r="D12" s="114">
        <v>2929797</v>
      </c>
      <c r="E12" s="113">
        <v>3787951</v>
      </c>
      <c r="F12" s="109">
        <v>0</v>
      </c>
      <c r="G12" s="114">
        <v>12913131</v>
      </c>
      <c r="H12" s="114">
        <v>21118485</v>
      </c>
      <c r="I12" s="114">
        <v>19923354</v>
      </c>
      <c r="J12" s="114">
        <v>18113172</v>
      </c>
      <c r="K12" s="114">
        <v>13657631</v>
      </c>
      <c r="L12" s="112">
        <v>85725773</v>
      </c>
      <c r="M12" s="116">
        <v>89513724</v>
      </c>
      <c r="N12" s="110">
        <v>171771</v>
      </c>
      <c r="O12" s="114">
        <v>911131</v>
      </c>
      <c r="P12" s="113">
        <v>1082902</v>
      </c>
      <c r="Q12" s="110">
        <v>0</v>
      </c>
      <c r="R12" s="114">
        <v>3211841</v>
      </c>
      <c r="S12" s="114">
        <v>6637620</v>
      </c>
      <c r="T12" s="114">
        <v>6130346</v>
      </c>
      <c r="U12" s="114">
        <v>6950897</v>
      </c>
      <c r="V12" s="114">
        <v>7155190</v>
      </c>
      <c r="W12" s="113">
        <v>30085894</v>
      </c>
      <c r="X12" s="116">
        <v>31168796</v>
      </c>
      <c r="Y12" s="110">
        <v>0</v>
      </c>
      <c r="Z12" s="114">
        <v>0</v>
      </c>
      <c r="AA12" s="113">
        <v>0</v>
      </c>
      <c r="AB12" s="110">
        <v>0</v>
      </c>
      <c r="AC12" s="114">
        <v>1566089</v>
      </c>
      <c r="AD12" s="114">
        <v>2513729</v>
      </c>
      <c r="AE12" s="114">
        <v>3142957</v>
      </c>
      <c r="AF12" s="114">
        <v>3723087</v>
      </c>
      <c r="AG12" s="114">
        <v>3868355</v>
      </c>
      <c r="AH12" s="113">
        <v>14814217</v>
      </c>
      <c r="AI12" s="116">
        <v>14814217</v>
      </c>
      <c r="AJ12" s="110">
        <v>0</v>
      </c>
      <c r="AK12" s="114">
        <v>0</v>
      </c>
      <c r="AL12" s="113">
        <v>0</v>
      </c>
      <c r="AM12" s="110">
        <v>0</v>
      </c>
      <c r="AN12" s="114">
        <v>43107</v>
      </c>
      <c r="AO12" s="114">
        <v>51818</v>
      </c>
      <c r="AP12" s="114">
        <v>169186</v>
      </c>
      <c r="AQ12" s="114">
        <v>582479</v>
      </c>
      <c r="AR12" s="114">
        <v>1021883</v>
      </c>
      <c r="AS12" s="113">
        <v>1868473</v>
      </c>
      <c r="AT12" s="116">
        <v>1868473</v>
      </c>
      <c r="AU12" s="110">
        <v>75066</v>
      </c>
      <c r="AV12" s="114">
        <v>618634</v>
      </c>
      <c r="AW12" s="113">
        <v>693700</v>
      </c>
      <c r="AX12" s="110">
        <v>0</v>
      </c>
      <c r="AY12" s="114">
        <v>774053</v>
      </c>
      <c r="AZ12" s="114">
        <v>2838814</v>
      </c>
      <c r="BA12" s="114">
        <v>1728630</v>
      </c>
      <c r="BB12" s="114">
        <v>1643685</v>
      </c>
      <c r="BC12" s="114">
        <v>1471558</v>
      </c>
      <c r="BD12" s="113">
        <v>8456740</v>
      </c>
      <c r="BE12" s="116">
        <v>9150440</v>
      </c>
      <c r="BF12" s="110">
        <v>5509</v>
      </c>
      <c r="BG12" s="114">
        <v>93431</v>
      </c>
      <c r="BH12" s="112">
        <v>98940</v>
      </c>
      <c r="BI12" s="111">
        <v>0</v>
      </c>
      <c r="BJ12" s="114">
        <v>50822</v>
      </c>
      <c r="BK12" s="114">
        <v>192548</v>
      </c>
      <c r="BL12" s="114">
        <v>173273</v>
      </c>
      <c r="BM12" s="114">
        <v>84240</v>
      </c>
      <c r="BN12" s="114">
        <v>0</v>
      </c>
      <c r="BO12" s="113">
        <v>500883</v>
      </c>
      <c r="BP12" s="116">
        <v>599823</v>
      </c>
      <c r="BQ12" s="110">
        <v>91196</v>
      </c>
      <c r="BR12" s="114">
        <v>199066</v>
      </c>
      <c r="BS12" s="113">
        <v>290262</v>
      </c>
      <c r="BT12" s="110">
        <v>0</v>
      </c>
      <c r="BU12" s="114">
        <v>777770</v>
      </c>
      <c r="BV12" s="114">
        <v>1040711</v>
      </c>
      <c r="BW12" s="114">
        <v>916300</v>
      </c>
      <c r="BX12" s="114">
        <v>917406</v>
      </c>
      <c r="BY12" s="114">
        <v>793394</v>
      </c>
      <c r="BZ12" s="113">
        <v>4445581</v>
      </c>
      <c r="CA12" s="116">
        <v>4735843</v>
      </c>
      <c r="CB12" s="110">
        <v>55029</v>
      </c>
      <c r="CC12" s="114">
        <v>128918</v>
      </c>
      <c r="CD12" s="113">
        <v>183947</v>
      </c>
      <c r="CE12" s="110">
        <v>0</v>
      </c>
      <c r="CF12" s="114">
        <v>4074922</v>
      </c>
      <c r="CG12" s="114">
        <v>6300359</v>
      </c>
      <c r="CH12" s="114">
        <v>5318086</v>
      </c>
      <c r="CI12" s="114">
        <v>2342658</v>
      </c>
      <c r="CJ12" s="114">
        <v>1316261</v>
      </c>
      <c r="CK12" s="113">
        <v>19352286</v>
      </c>
      <c r="CL12" s="116">
        <v>19536233</v>
      </c>
      <c r="CM12" s="110">
        <v>0</v>
      </c>
      <c r="CN12" s="114">
        <v>0</v>
      </c>
      <c r="CO12" s="113">
        <v>0</v>
      </c>
      <c r="CP12" s="111">
        <v>0</v>
      </c>
      <c r="CQ12" s="114">
        <v>3804907</v>
      </c>
      <c r="CR12" s="114">
        <v>5174600</v>
      </c>
      <c r="CS12" s="114">
        <v>4549936</v>
      </c>
      <c r="CT12" s="114">
        <v>1920788</v>
      </c>
      <c r="CU12" s="114">
        <v>1316261</v>
      </c>
      <c r="CV12" s="113">
        <v>16766492</v>
      </c>
      <c r="CW12" s="116">
        <v>16766492</v>
      </c>
      <c r="CX12" s="110">
        <v>55029</v>
      </c>
      <c r="CY12" s="114">
        <v>128918</v>
      </c>
      <c r="CZ12" s="113">
        <v>183947</v>
      </c>
      <c r="DA12" s="110">
        <v>0</v>
      </c>
      <c r="DB12" s="114">
        <v>270015</v>
      </c>
      <c r="DC12" s="114">
        <v>1125759</v>
      </c>
      <c r="DD12" s="114">
        <v>768150</v>
      </c>
      <c r="DE12" s="114">
        <v>421870</v>
      </c>
      <c r="DF12" s="114">
        <v>0</v>
      </c>
      <c r="DG12" s="113">
        <v>2585794</v>
      </c>
      <c r="DH12" s="116">
        <v>2769741</v>
      </c>
      <c r="DI12" s="110">
        <v>0</v>
      </c>
      <c r="DJ12" s="114">
        <v>25512</v>
      </c>
      <c r="DK12" s="112">
        <v>25512</v>
      </c>
      <c r="DL12" s="111">
        <v>0</v>
      </c>
      <c r="DM12" s="114">
        <v>290957</v>
      </c>
      <c r="DN12" s="114">
        <v>1236611</v>
      </c>
      <c r="DO12" s="114">
        <v>1268168</v>
      </c>
      <c r="DP12" s="114">
        <v>2257354</v>
      </c>
      <c r="DQ12" s="114">
        <v>899406</v>
      </c>
      <c r="DR12" s="113">
        <v>5952496</v>
      </c>
      <c r="DS12" s="116">
        <v>5978008</v>
      </c>
      <c r="DT12" s="110">
        <v>0</v>
      </c>
      <c r="DU12" s="114">
        <v>25512</v>
      </c>
      <c r="DV12" s="113">
        <v>25512</v>
      </c>
      <c r="DW12" s="110">
        <v>0</v>
      </c>
      <c r="DX12" s="114">
        <v>290957</v>
      </c>
      <c r="DY12" s="114">
        <v>1196698</v>
      </c>
      <c r="DZ12" s="114">
        <v>1099641</v>
      </c>
      <c r="EA12" s="114">
        <v>2257354</v>
      </c>
      <c r="EB12" s="114">
        <v>899406</v>
      </c>
      <c r="EC12" s="113">
        <v>5744056</v>
      </c>
      <c r="ED12" s="116">
        <v>5769568</v>
      </c>
      <c r="EE12" s="110">
        <v>0</v>
      </c>
      <c r="EF12" s="112">
        <v>0</v>
      </c>
      <c r="EG12" s="113">
        <v>0</v>
      </c>
      <c r="EH12" s="110">
        <v>0</v>
      </c>
      <c r="EI12" s="114">
        <v>0</v>
      </c>
      <c r="EJ12" s="114">
        <v>39913</v>
      </c>
      <c r="EK12" s="114">
        <v>168527</v>
      </c>
      <c r="EL12" s="114">
        <v>0</v>
      </c>
      <c r="EM12" s="114">
        <v>0</v>
      </c>
      <c r="EN12" s="112">
        <v>208440</v>
      </c>
      <c r="EO12" s="116">
        <v>208440</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5"/>
      <c r="FE12" s="114">
        <v>0</v>
      </c>
      <c r="FF12" s="114">
        <v>0</v>
      </c>
      <c r="FG12" s="114">
        <v>0</v>
      </c>
      <c r="FH12" s="114">
        <v>0</v>
      </c>
      <c r="FI12" s="114">
        <v>0</v>
      </c>
      <c r="FJ12" s="113">
        <v>0</v>
      </c>
      <c r="FK12" s="116">
        <v>0</v>
      </c>
      <c r="FL12" s="110">
        <v>233275</v>
      </c>
      <c r="FM12" s="114">
        <v>913311</v>
      </c>
      <c r="FN12" s="113">
        <v>1146586</v>
      </c>
      <c r="FO12" s="110">
        <v>0</v>
      </c>
      <c r="FP12" s="114">
        <v>903375</v>
      </c>
      <c r="FQ12" s="114">
        <v>2229304</v>
      </c>
      <c r="FR12" s="114">
        <v>1748362</v>
      </c>
      <c r="FS12" s="114">
        <v>1355453</v>
      </c>
      <c r="FT12" s="114">
        <v>1241709</v>
      </c>
      <c r="FU12" s="113">
        <v>7478203</v>
      </c>
      <c r="FV12" s="116">
        <v>8624789</v>
      </c>
      <c r="FW12" s="115">
        <v>153335</v>
      </c>
      <c r="FX12" s="114">
        <v>471261</v>
      </c>
      <c r="FY12" s="112">
        <v>624596</v>
      </c>
      <c r="FZ12" s="111">
        <v>0</v>
      </c>
      <c r="GA12" s="114">
        <v>453754</v>
      </c>
      <c r="GB12" s="114">
        <v>1974098</v>
      </c>
      <c r="GC12" s="114">
        <v>1579977</v>
      </c>
      <c r="GD12" s="114">
        <v>1261610</v>
      </c>
      <c r="GE12" s="114">
        <v>1109759</v>
      </c>
      <c r="GF12" s="113">
        <v>6379198</v>
      </c>
      <c r="GG12" s="316">
        <v>7003794</v>
      </c>
      <c r="GH12" s="115">
        <v>33040</v>
      </c>
      <c r="GI12" s="114">
        <v>93450</v>
      </c>
      <c r="GJ12" s="112">
        <v>126490</v>
      </c>
      <c r="GK12" s="111">
        <v>0</v>
      </c>
      <c r="GL12" s="114">
        <v>98347</v>
      </c>
      <c r="GM12" s="114">
        <v>84406</v>
      </c>
      <c r="GN12" s="114">
        <v>119385</v>
      </c>
      <c r="GO12" s="114">
        <v>93843</v>
      </c>
      <c r="GP12" s="114">
        <v>131950</v>
      </c>
      <c r="GQ12" s="113">
        <v>527931</v>
      </c>
      <c r="GR12" s="116">
        <v>654421</v>
      </c>
      <c r="GS12" s="110">
        <v>46900</v>
      </c>
      <c r="GT12" s="114">
        <v>348600</v>
      </c>
      <c r="GU12" s="113">
        <v>395500</v>
      </c>
      <c r="GV12" s="110">
        <v>0</v>
      </c>
      <c r="GW12" s="114">
        <v>351274</v>
      </c>
      <c r="GX12" s="114">
        <v>170800</v>
      </c>
      <c r="GY12" s="114">
        <v>49000</v>
      </c>
      <c r="GZ12" s="114">
        <v>0</v>
      </c>
      <c r="HA12" s="114">
        <v>0</v>
      </c>
      <c r="HB12" s="112">
        <v>571074</v>
      </c>
      <c r="HC12" s="116">
        <v>966574</v>
      </c>
      <c r="HD12" s="110">
        <v>398079</v>
      </c>
      <c r="HE12" s="114">
        <v>950925</v>
      </c>
      <c r="HF12" s="112">
        <v>1349004</v>
      </c>
      <c r="HG12" s="111">
        <v>0</v>
      </c>
      <c r="HH12" s="114">
        <v>4432036</v>
      </c>
      <c r="HI12" s="114">
        <v>4714591</v>
      </c>
      <c r="HJ12" s="114">
        <v>5458392</v>
      </c>
      <c r="HK12" s="114">
        <v>5206810</v>
      </c>
      <c r="HL12" s="114">
        <v>3045065</v>
      </c>
      <c r="HM12" s="113">
        <v>22856894</v>
      </c>
      <c r="HN12" s="109">
        <v>24205898</v>
      </c>
      <c r="HO12" s="326"/>
      <c r="HP12" s="327"/>
      <c r="HQ12" s="328"/>
      <c r="HR12" s="329"/>
      <c r="HS12" s="327"/>
      <c r="HT12" s="327"/>
      <c r="HU12" s="327"/>
      <c r="HV12" s="327"/>
      <c r="HW12" s="327"/>
      <c r="HX12" s="330"/>
      <c r="HY12" s="331"/>
      <c r="HZ12" s="131">
        <v>0</v>
      </c>
      <c r="IA12" s="132">
        <v>67075</v>
      </c>
      <c r="IB12" s="133">
        <v>67075</v>
      </c>
      <c r="IC12" s="134">
        <v>0</v>
      </c>
      <c r="ID12" s="135">
        <v>3015916</v>
      </c>
      <c r="IE12" s="136">
        <v>5117370</v>
      </c>
      <c r="IF12" s="137">
        <v>5598003</v>
      </c>
      <c r="IG12" s="135">
        <v>3248275</v>
      </c>
      <c r="IH12" s="137">
        <v>2024832</v>
      </c>
      <c r="II12" s="138">
        <v>19004396</v>
      </c>
      <c r="IJ12" s="139">
        <v>19071471</v>
      </c>
      <c r="IK12" s="232">
        <v>0</v>
      </c>
      <c r="IL12" s="236">
        <v>0</v>
      </c>
      <c r="IM12" s="237">
        <v>0</v>
      </c>
      <c r="IN12" s="140"/>
      <c r="IO12" s="119">
        <v>50820</v>
      </c>
      <c r="IP12" s="119">
        <v>43068</v>
      </c>
      <c r="IQ12" s="119">
        <v>0</v>
      </c>
      <c r="IR12" s="119">
        <v>209034</v>
      </c>
      <c r="IS12" s="119">
        <v>219254</v>
      </c>
      <c r="IT12" s="141">
        <v>522176</v>
      </c>
      <c r="IU12" s="318">
        <v>522176</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1403531</v>
      </c>
      <c r="JL12" s="119">
        <v>2350574</v>
      </c>
      <c r="JM12" s="119">
        <v>1456382</v>
      </c>
      <c r="JN12" s="119">
        <v>205495</v>
      </c>
      <c r="JO12" s="119">
        <v>150649</v>
      </c>
      <c r="JP12" s="120">
        <v>5566631</v>
      </c>
      <c r="JQ12" s="318">
        <v>5566631</v>
      </c>
      <c r="JR12" s="142">
        <v>0</v>
      </c>
      <c r="JS12" s="119">
        <v>0</v>
      </c>
      <c r="JT12" s="141">
        <v>0</v>
      </c>
      <c r="JU12" s="118">
        <v>0</v>
      </c>
      <c r="JV12" s="119">
        <v>141538</v>
      </c>
      <c r="JW12" s="119">
        <v>124950</v>
      </c>
      <c r="JX12" s="119">
        <v>0</v>
      </c>
      <c r="JY12" s="119">
        <v>0</v>
      </c>
      <c r="JZ12" s="119">
        <v>26892</v>
      </c>
      <c r="KA12" s="120">
        <v>293380</v>
      </c>
      <c r="KB12" s="318">
        <v>293380</v>
      </c>
      <c r="KC12" s="234">
        <v>0</v>
      </c>
      <c r="KD12" s="230">
        <v>67075</v>
      </c>
      <c r="KE12" s="120">
        <v>67075</v>
      </c>
      <c r="KF12" s="118">
        <v>0</v>
      </c>
      <c r="KG12" s="119">
        <v>127890</v>
      </c>
      <c r="KH12" s="119">
        <v>1000970</v>
      </c>
      <c r="KI12" s="119">
        <v>1606944</v>
      </c>
      <c r="KJ12" s="119">
        <v>797468</v>
      </c>
      <c r="KK12" s="119">
        <v>252491</v>
      </c>
      <c r="KL12" s="120">
        <v>3785763</v>
      </c>
      <c r="KM12" s="143">
        <v>3852838</v>
      </c>
      <c r="KN12" s="232">
        <v>0</v>
      </c>
      <c r="KO12" s="236">
        <v>0</v>
      </c>
      <c r="KP12" s="237">
        <v>0</v>
      </c>
      <c r="KQ12" s="140"/>
      <c r="KR12" s="119">
        <v>1207227</v>
      </c>
      <c r="KS12" s="119">
        <v>1257988</v>
      </c>
      <c r="KT12" s="119">
        <v>2231993</v>
      </c>
      <c r="KU12" s="119">
        <v>1784474</v>
      </c>
      <c r="KV12" s="119">
        <v>1139256</v>
      </c>
      <c r="KW12" s="120">
        <v>7620938</v>
      </c>
      <c r="KX12" s="318">
        <v>7620938</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76186</v>
      </c>
      <c r="LP12" s="119">
        <v>193687</v>
      </c>
      <c r="LQ12" s="119">
        <v>0</v>
      </c>
      <c r="LR12" s="119">
        <v>0</v>
      </c>
      <c r="LS12" s="120">
        <v>369873</v>
      </c>
      <c r="LT12" s="318">
        <v>369873</v>
      </c>
      <c r="LU12" s="142">
        <v>0</v>
      </c>
      <c r="LV12" s="119">
        <v>0</v>
      </c>
      <c r="LW12" s="120">
        <v>0</v>
      </c>
      <c r="LX12" s="145"/>
      <c r="LY12" s="119">
        <v>84910</v>
      </c>
      <c r="LZ12" s="119">
        <v>163634</v>
      </c>
      <c r="MA12" s="119">
        <v>108997</v>
      </c>
      <c r="MB12" s="119">
        <v>251804</v>
      </c>
      <c r="MC12" s="119">
        <v>236290</v>
      </c>
      <c r="MD12" s="120">
        <v>845635</v>
      </c>
      <c r="ME12" s="121">
        <v>845635</v>
      </c>
      <c r="MF12" s="142">
        <v>0</v>
      </c>
      <c r="MG12" s="119">
        <v>0</v>
      </c>
      <c r="MH12" s="120">
        <v>0</v>
      </c>
      <c r="MI12" s="145"/>
      <c r="MJ12" s="119">
        <v>91184</v>
      </c>
      <c r="MK12" s="119">
        <v>2059117</v>
      </c>
      <c r="ML12" s="119">
        <v>5394406</v>
      </c>
      <c r="MM12" s="119">
        <v>11113590</v>
      </c>
      <c r="MN12" s="119">
        <v>7662258</v>
      </c>
      <c r="MO12" s="120">
        <v>26320555</v>
      </c>
      <c r="MP12" s="143">
        <v>26320555</v>
      </c>
      <c r="MQ12" s="142">
        <v>0</v>
      </c>
      <c r="MR12" s="119">
        <v>0</v>
      </c>
      <c r="MS12" s="120">
        <v>0</v>
      </c>
      <c r="MT12" s="145"/>
      <c r="MU12" s="119">
        <v>0</v>
      </c>
      <c r="MV12" s="119">
        <v>0</v>
      </c>
      <c r="MW12" s="119">
        <v>3381450</v>
      </c>
      <c r="MX12" s="119">
        <v>7926909</v>
      </c>
      <c r="MY12" s="119">
        <v>5370161</v>
      </c>
      <c r="MZ12" s="120">
        <v>16678520</v>
      </c>
      <c r="NA12" s="143">
        <v>16678520</v>
      </c>
      <c r="NB12" s="142">
        <v>0</v>
      </c>
      <c r="NC12" s="119">
        <v>0</v>
      </c>
      <c r="ND12" s="120">
        <v>0</v>
      </c>
      <c r="NE12" s="145">
        <v>0</v>
      </c>
      <c r="NF12" s="119">
        <v>91184</v>
      </c>
      <c r="NG12" s="119">
        <v>2059117</v>
      </c>
      <c r="NH12" s="119">
        <v>1793681</v>
      </c>
      <c r="NI12" s="119">
        <v>2908509</v>
      </c>
      <c r="NJ12" s="119">
        <v>1412372</v>
      </c>
      <c r="NK12" s="120">
        <v>8264863</v>
      </c>
      <c r="NL12" s="318">
        <v>8264863</v>
      </c>
      <c r="NM12" s="142">
        <v>0</v>
      </c>
      <c r="NN12" s="119">
        <v>0</v>
      </c>
      <c r="NO12" s="120">
        <v>0</v>
      </c>
      <c r="NP12" s="145"/>
      <c r="NQ12" s="119">
        <v>0</v>
      </c>
      <c r="NR12" s="119">
        <v>0</v>
      </c>
      <c r="NS12" s="119">
        <v>0</v>
      </c>
      <c r="NT12" s="119">
        <v>0</v>
      </c>
      <c r="NU12" s="119">
        <v>526958</v>
      </c>
      <c r="NV12" s="120">
        <v>526958</v>
      </c>
      <c r="NW12" s="121">
        <v>526958</v>
      </c>
      <c r="NX12" s="142">
        <v>0</v>
      </c>
      <c r="NY12" s="119">
        <v>0</v>
      </c>
      <c r="NZ12" s="120">
        <v>0</v>
      </c>
      <c r="OA12" s="145"/>
      <c r="OB12" s="119">
        <v>0</v>
      </c>
      <c r="OC12" s="119">
        <v>0</v>
      </c>
      <c r="OD12" s="119">
        <v>219275</v>
      </c>
      <c r="OE12" s="119">
        <v>278172</v>
      </c>
      <c r="OF12" s="119">
        <v>352767</v>
      </c>
      <c r="OG12" s="120">
        <v>850214</v>
      </c>
      <c r="OH12" s="121">
        <v>850214</v>
      </c>
      <c r="OI12" s="142">
        <v>858154</v>
      </c>
      <c r="OJ12" s="119">
        <v>2996872</v>
      </c>
      <c r="OK12" s="141">
        <v>3855026</v>
      </c>
      <c r="OL12" s="118">
        <v>0</v>
      </c>
      <c r="OM12" s="119">
        <v>16020231</v>
      </c>
      <c r="ON12" s="119">
        <v>28294972</v>
      </c>
      <c r="OO12" s="119">
        <v>30915763</v>
      </c>
      <c r="OP12" s="119">
        <v>32475037</v>
      </c>
      <c r="OQ12" s="119">
        <v>23344721</v>
      </c>
      <c r="OR12" s="120">
        <v>131050724</v>
      </c>
      <c r="OS12" s="143">
        <v>134905750</v>
      </c>
    </row>
    <row r="13" spans="2:409" ht="21" customHeight="1" x14ac:dyDescent="0.2">
      <c r="B13" s="126" t="s">
        <v>7</v>
      </c>
      <c r="C13" s="110">
        <v>900943</v>
      </c>
      <c r="D13" s="114">
        <v>484209</v>
      </c>
      <c r="E13" s="113">
        <v>1385152</v>
      </c>
      <c r="F13" s="109">
        <v>0</v>
      </c>
      <c r="G13" s="114">
        <v>11504385</v>
      </c>
      <c r="H13" s="114">
        <v>9774309</v>
      </c>
      <c r="I13" s="114">
        <v>8502943</v>
      </c>
      <c r="J13" s="114">
        <v>10955361</v>
      </c>
      <c r="K13" s="114">
        <v>6155042</v>
      </c>
      <c r="L13" s="109">
        <v>46892040</v>
      </c>
      <c r="M13" s="116">
        <v>48277192</v>
      </c>
      <c r="N13" s="110">
        <v>167329</v>
      </c>
      <c r="O13" s="114">
        <v>39641</v>
      </c>
      <c r="P13" s="113">
        <v>206970</v>
      </c>
      <c r="Q13" s="110">
        <v>0</v>
      </c>
      <c r="R13" s="114">
        <v>3667444</v>
      </c>
      <c r="S13" s="114">
        <v>2572830</v>
      </c>
      <c r="T13" s="114">
        <v>2819571</v>
      </c>
      <c r="U13" s="114">
        <v>3545441</v>
      </c>
      <c r="V13" s="114">
        <v>3566323</v>
      </c>
      <c r="W13" s="113">
        <v>16171609</v>
      </c>
      <c r="X13" s="116">
        <v>16378579</v>
      </c>
      <c r="Y13" s="110">
        <v>0</v>
      </c>
      <c r="Z13" s="114">
        <v>0</v>
      </c>
      <c r="AA13" s="113">
        <v>0</v>
      </c>
      <c r="AB13" s="110">
        <v>0</v>
      </c>
      <c r="AC13" s="114">
        <v>1777628</v>
      </c>
      <c r="AD13" s="114">
        <v>974747</v>
      </c>
      <c r="AE13" s="114">
        <v>1607019</v>
      </c>
      <c r="AF13" s="114">
        <v>1923766</v>
      </c>
      <c r="AG13" s="114">
        <v>1659694</v>
      </c>
      <c r="AH13" s="113">
        <v>7942854</v>
      </c>
      <c r="AI13" s="116">
        <v>7942854</v>
      </c>
      <c r="AJ13" s="110">
        <v>0</v>
      </c>
      <c r="AK13" s="114">
        <v>0</v>
      </c>
      <c r="AL13" s="113">
        <v>0</v>
      </c>
      <c r="AM13" s="110">
        <v>0</v>
      </c>
      <c r="AN13" s="114">
        <v>40917</v>
      </c>
      <c r="AO13" s="114">
        <v>134623</v>
      </c>
      <c r="AP13" s="114">
        <v>40917</v>
      </c>
      <c r="AQ13" s="114">
        <v>230134</v>
      </c>
      <c r="AR13" s="114">
        <v>539963</v>
      </c>
      <c r="AS13" s="113">
        <v>986554</v>
      </c>
      <c r="AT13" s="116">
        <v>986554</v>
      </c>
      <c r="AU13" s="110">
        <v>52571</v>
      </c>
      <c r="AV13" s="114">
        <v>0</v>
      </c>
      <c r="AW13" s="113">
        <v>52571</v>
      </c>
      <c r="AX13" s="110">
        <v>0</v>
      </c>
      <c r="AY13" s="114">
        <v>1143396</v>
      </c>
      <c r="AZ13" s="114">
        <v>827212</v>
      </c>
      <c r="BA13" s="114">
        <v>701898</v>
      </c>
      <c r="BB13" s="114">
        <v>694782</v>
      </c>
      <c r="BC13" s="114">
        <v>1091944</v>
      </c>
      <c r="BD13" s="113">
        <v>4459232</v>
      </c>
      <c r="BE13" s="116">
        <v>4511803</v>
      </c>
      <c r="BF13" s="110">
        <v>0</v>
      </c>
      <c r="BG13" s="114">
        <v>0</v>
      </c>
      <c r="BH13" s="112">
        <v>0</v>
      </c>
      <c r="BI13" s="111">
        <v>0</v>
      </c>
      <c r="BJ13" s="114">
        <v>108991</v>
      </c>
      <c r="BK13" s="114">
        <v>126354</v>
      </c>
      <c r="BL13" s="114">
        <v>18993</v>
      </c>
      <c r="BM13" s="114">
        <v>109886</v>
      </c>
      <c r="BN13" s="114">
        <v>0</v>
      </c>
      <c r="BO13" s="113">
        <v>364224</v>
      </c>
      <c r="BP13" s="116">
        <v>364224</v>
      </c>
      <c r="BQ13" s="110">
        <v>114758</v>
      </c>
      <c r="BR13" s="114">
        <v>39641</v>
      </c>
      <c r="BS13" s="113">
        <v>154399</v>
      </c>
      <c r="BT13" s="110">
        <v>0</v>
      </c>
      <c r="BU13" s="114">
        <v>596512</v>
      </c>
      <c r="BV13" s="114">
        <v>509894</v>
      </c>
      <c r="BW13" s="114">
        <v>450744</v>
      </c>
      <c r="BX13" s="114">
        <v>586873</v>
      </c>
      <c r="BY13" s="114">
        <v>274722</v>
      </c>
      <c r="BZ13" s="113">
        <v>2418745</v>
      </c>
      <c r="CA13" s="116">
        <v>2573144</v>
      </c>
      <c r="CB13" s="110">
        <v>32131</v>
      </c>
      <c r="CC13" s="114">
        <v>72238</v>
      </c>
      <c r="CD13" s="113">
        <v>104369</v>
      </c>
      <c r="CE13" s="110">
        <v>0</v>
      </c>
      <c r="CF13" s="114">
        <v>3772890</v>
      </c>
      <c r="CG13" s="114">
        <v>2175528</v>
      </c>
      <c r="CH13" s="114">
        <v>1448083</v>
      </c>
      <c r="CI13" s="114">
        <v>1129601</v>
      </c>
      <c r="CJ13" s="114">
        <v>313530</v>
      </c>
      <c r="CK13" s="113">
        <v>8839632</v>
      </c>
      <c r="CL13" s="116">
        <v>8944001</v>
      </c>
      <c r="CM13" s="110">
        <v>0</v>
      </c>
      <c r="CN13" s="114">
        <v>0</v>
      </c>
      <c r="CO13" s="113">
        <v>0</v>
      </c>
      <c r="CP13" s="111">
        <v>0</v>
      </c>
      <c r="CQ13" s="114">
        <v>2906719</v>
      </c>
      <c r="CR13" s="114">
        <v>1947644</v>
      </c>
      <c r="CS13" s="114">
        <v>1118569</v>
      </c>
      <c r="CT13" s="114">
        <v>521408</v>
      </c>
      <c r="CU13" s="114">
        <v>205673</v>
      </c>
      <c r="CV13" s="113">
        <v>6700013</v>
      </c>
      <c r="CW13" s="116">
        <v>6700013</v>
      </c>
      <c r="CX13" s="110">
        <v>32131</v>
      </c>
      <c r="CY13" s="114">
        <v>72238</v>
      </c>
      <c r="CZ13" s="113">
        <v>104369</v>
      </c>
      <c r="DA13" s="110">
        <v>0</v>
      </c>
      <c r="DB13" s="114">
        <v>866171</v>
      </c>
      <c r="DC13" s="114">
        <v>227884</v>
      </c>
      <c r="DD13" s="114">
        <v>329514</v>
      </c>
      <c r="DE13" s="114">
        <v>608193</v>
      </c>
      <c r="DF13" s="114">
        <v>107857</v>
      </c>
      <c r="DG13" s="113">
        <v>2139619</v>
      </c>
      <c r="DH13" s="116">
        <v>2243988</v>
      </c>
      <c r="DI13" s="110">
        <v>0</v>
      </c>
      <c r="DJ13" s="114">
        <v>0</v>
      </c>
      <c r="DK13" s="112">
        <v>0</v>
      </c>
      <c r="DL13" s="111">
        <v>0</v>
      </c>
      <c r="DM13" s="114">
        <v>360907</v>
      </c>
      <c r="DN13" s="114">
        <v>830348</v>
      </c>
      <c r="DO13" s="114">
        <v>383355</v>
      </c>
      <c r="DP13" s="114">
        <v>665330</v>
      </c>
      <c r="DQ13" s="114">
        <v>279460</v>
      </c>
      <c r="DR13" s="113">
        <v>2519400</v>
      </c>
      <c r="DS13" s="116">
        <v>2519400</v>
      </c>
      <c r="DT13" s="110">
        <v>0</v>
      </c>
      <c r="DU13" s="114">
        <v>0</v>
      </c>
      <c r="DV13" s="113">
        <v>0</v>
      </c>
      <c r="DW13" s="110">
        <v>0</v>
      </c>
      <c r="DX13" s="114">
        <v>360907</v>
      </c>
      <c r="DY13" s="114">
        <v>830348</v>
      </c>
      <c r="DZ13" s="114">
        <v>383355</v>
      </c>
      <c r="EA13" s="114">
        <v>439188</v>
      </c>
      <c r="EB13" s="114">
        <v>279460</v>
      </c>
      <c r="EC13" s="113">
        <v>2293258</v>
      </c>
      <c r="ED13" s="116">
        <v>2293258</v>
      </c>
      <c r="EE13" s="110">
        <v>0</v>
      </c>
      <c r="EF13" s="112">
        <v>0</v>
      </c>
      <c r="EG13" s="113">
        <v>0</v>
      </c>
      <c r="EH13" s="110">
        <v>0</v>
      </c>
      <c r="EI13" s="114">
        <v>0</v>
      </c>
      <c r="EJ13" s="114">
        <v>0</v>
      </c>
      <c r="EK13" s="114">
        <v>0</v>
      </c>
      <c r="EL13" s="114">
        <v>226142</v>
      </c>
      <c r="EM13" s="114">
        <v>0</v>
      </c>
      <c r="EN13" s="112">
        <v>226142</v>
      </c>
      <c r="EO13" s="116">
        <v>226142</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5"/>
      <c r="FE13" s="114">
        <v>0</v>
      </c>
      <c r="FF13" s="114">
        <v>0</v>
      </c>
      <c r="FG13" s="114">
        <v>0</v>
      </c>
      <c r="FH13" s="114">
        <v>0</v>
      </c>
      <c r="FI13" s="114">
        <v>0</v>
      </c>
      <c r="FJ13" s="113">
        <v>0</v>
      </c>
      <c r="FK13" s="116">
        <v>0</v>
      </c>
      <c r="FL13" s="110">
        <v>212366</v>
      </c>
      <c r="FM13" s="114">
        <v>78932</v>
      </c>
      <c r="FN13" s="113">
        <v>291298</v>
      </c>
      <c r="FO13" s="110">
        <v>0</v>
      </c>
      <c r="FP13" s="114">
        <v>492891</v>
      </c>
      <c r="FQ13" s="114">
        <v>825489</v>
      </c>
      <c r="FR13" s="114">
        <v>576905</v>
      </c>
      <c r="FS13" s="114">
        <v>526890</v>
      </c>
      <c r="FT13" s="114">
        <v>363335</v>
      </c>
      <c r="FU13" s="113">
        <v>2785510</v>
      </c>
      <c r="FV13" s="116">
        <v>3076808</v>
      </c>
      <c r="FW13" s="115">
        <v>51366</v>
      </c>
      <c r="FX13" s="114">
        <v>78932</v>
      </c>
      <c r="FY13" s="112">
        <v>130298</v>
      </c>
      <c r="FZ13" s="111">
        <v>0</v>
      </c>
      <c r="GA13" s="114">
        <v>382823</v>
      </c>
      <c r="GB13" s="114">
        <v>793009</v>
      </c>
      <c r="GC13" s="114">
        <v>576905</v>
      </c>
      <c r="GD13" s="114">
        <v>526890</v>
      </c>
      <c r="GE13" s="114">
        <v>363335</v>
      </c>
      <c r="GF13" s="113">
        <v>2642962</v>
      </c>
      <c r="GG13" s="316">
        <v>2773260</v>
      </c>
      <c r="GH13" s="115">
        <v>0</v>
      </c>
      <c r="GI13" s="114">
        <v>0</v>
      </c>
      <c r="GJ13" s="112">
        <v>0</v>
      </c>
      <c r="GK13" s="111">
        <v>0</v>
      </c>
      <c r="GL13" s="114">
        <v>90328</v>
      </c>
      <c r="GM13" s="114">
        <v>32480</v>
      </c>
      <c r="GN13" s="114">
        <v>0</v>
      </c>
      <c r="GO13" s="114">
        <v>0</v>
      </c>
      <c r="GP13" s="114">
        <v>0</v>
      </c>
      <c r="GQ13" s="113">
        <v>122808</v>
      </c>
      <c r="GR13" s="116">
        <v>122808</v>
      </c>
      <c r="GS13" s="110">
        <v>161000</v>
      </c>
      <c r="GT13" s="114">
        <v>0</v>
      </c>
      <c r="GU13" s="113">
        <v>161000</v>
      </c>
      <c r="GV13" s="110">
        <v>0</v>
      </c>
      <c r="GW13" s="114">
        <v>19740</v>
      </c>
      <c r="GX13" s="114">
        <v>0</v>
      </c>
      <c r="GY13" s="114">
        <v>0</v>
      </c>
      <c r="GZ13" s="114">
        <v>0</v>
      </c>
      <c r="HA13" s="114">
        <v>0</v>
      </c>
      <c r="HB13" s="112">
        <v>19740</v>
      </c>
      <c r="HC13" s="116">
        <v>180740</v>
      </c>
      <c r="HD13" s="110">
        <v>489117</v>
      </c>
      <c r="HE13" s="114">
        <v>293398</v>
      </c>
      <c r="HF13" s="112">
        <v>782515</v>
      </c>
      <c r="HG13" s="111">
        <v>0</v>
      </c>
      <c r="HH13" s="114">
        <v>3210253</v>
      </c>
      <c r="HI13" s="114">
        <v>3370114</v>
      </c>
      <c r="HJ13" s="114">
        <v>3275029</v>
      </c>
      <c r="HK13" s="114">
        <v>5088099</v>
      </c>
      <c r="HL13" s="114">
        <v>1632394</v>
      </c>
      <c r="HM13" s="113">
        <v>16575889</v>
      </c>
      <c r="HN13" s="109">
        <v>17358404</v>
      </c>
      <c r="HO13" s="326"/>
      <c r="HP13" s="327"/>
      <c r="HQ13" s="328"/>
      <c r="HR13" s="329"/>
      <c r="HS13" s="327"/>
      <c r="HT13" s="327"/>
      <c r="HU13" s="327"/>
      <c r="HV13" s="327"/>
      <c r="HW13" s="327"/>
      <c r="HX13" s="330"/>
      <c r="HY13" s="331"/>
      <c r="HZ13" s="131">
        <v>42914</v>
      </c>
      <c r="IA13" s="132">
        <v>0</v>
      </c>
      <c r="IB13" s="133">
        <v>42914</v>
      </c>
      <c r="IC13" s="146">
        <v>0</v>
      </c>
      <c r="ID13" s="132">
        <v>1698315</v>
      </c>
      <c r="IE13" s="147">
        <v>1806297</v>
      </c>
      <c r="IF13" s="133">
        <v>2945733</v>
      </c>
      <c r="IG13" s="132">
        <v>2058549</v>
      </c>
      <c r="IH13" s="133">
        <v>314206</v>
      </c>
      <c r="II13" s="148">
        <v>8823100</v>
      </c>
      <c r="IJ13" s="139">
        <v>8866014</v>
      </c>
      <c r="IK13" s="232">
        <v>0</v>
      </c>
      <c r="IL13" s="236">
        <v>0</v>
      </c>
      <c r="IM13" s="237">
        <v>0</v>
      </c>
      <c r="IN13" s="140"/>
      <c r="IO13" s="119">
        <v>0</v>
      </c>
      <c r="IP13" s="119">
        <v>0</v>
      </c>
      <c r="IQ13" s="119">
        <v>338314</v>
      </c>
      <c r="IR13" s="119">
        <v>385910</v>
      </c>
      <c r="IS13" s="119">
        <v>0</v>
      </c>
      <c r="IT13" s="141">
        <v>724224</v>
      </c>
      <c r="IU13" s="318">
        <v>724224</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1013507</v>
      </c>
      <c r="JL13" s="119">
        <v>978033</v>
      </c>
      <c r="JM13" s="119">
        <v>546487</v>
      </c>
      <c r="JN13" s="119">
        <v>307482</v>
      </c>
      <c r="JO13" s="119">
        <v>94472</v>
      </c>
      <c r="JP13" s="120">
        <v>2939981</v>
      </c>
      <c r="JQ13" s="318">
        <v>2939981</v>
      </c>
      <c r="JR13" s="142">
        <v>0</v>
      </c>
      <c r="JS13" s="119">
        <v>0</v>
      </c>
      <c r="JT13" s="141">
        <v>0</v>
      </c>
      <c r="JU13" s="118">
        <v>0</v>
      </c>
      <c r="JV13" s="119">
        <v>180538</v>
      </c>
      <c r="JW13" s="119">
        <v>260710</v>
      </c>
      <c r="JX13" s="119">
        <v>577295</v>
      </c>
      <c r="JY13" s="119">
        <v>470147</v>
      </c>
      <c r="JZ13" s="119">
        <v>0</v>
      </c>
      <c r="KA13" s="120">
        <v>1488690</v>
      </c>
      <c r="KB13" s="318">
        <v>1488690</v>
      </c>
      <c r="KC13" s="234">
        <v>42914</v>
      </c>
      <c r="KD13" s="230">
        <v>0</v>
      </c>
      <c r="KE13" s="120">
        <v>42914</v>
      </c>
      <c r="KF13" s="118">
        <v>0</v>
      </c>
      <c r="KG13" s="119">
        <v>95406</v>
      </c>
      <c r="KH13" s="119">
        <v>136629</v>
      </c>
      <c r="KI13" s="119">
        <v>181345</v>
      </c>
      <c r="KJ13" s="119">
        <v>0</v>
      </c>
      <c r="KK13" s="119">
        <v>0</v>
      </c>
      <c r="KL13" s="120">
        <v>413380</v>
      </c>
      <c r="KM13" s="143">
        <v>456294</v>
      </c>
      <c r="KN13" s="232">
        <v>0</v>
      </c>
      <c r="KO13" s="236">
        <v>0</v>
      </c>
      <c r="KP13" s="237">
        <v>0</v>
      </c>
      <c r="KQ13" s="140"/>
      <c r="KR13" s="119">
        <v>408864</v>
      </c>
      <c r="KS13" s="119">
        <v>430925</v>
      </c>
      <c r="KT13" s="119">
        <v>1302292</v>
      </c>
      <c r="KU13" s="119">
        <v>895010</v>
      </c>
      <c r="KV13" s="119">
        <v>219734</v>
      </c>
      <c r="KW13" s="120">
        <v>3256825</v>
      </c>
      <c r="KX13" s="318">
        <v>3256825</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18">
        <v>0</v>
      </c>
      <c r="LU13" s="142">
        <v>0</v>
      </c>
      <c r="LV13" s="119">
        <v>0</v>
      </c>
      <c r="LW13" s="120">
        <v>0</v>
      </c>
      <c r="LX13" s="145"/>
      <c r="LY13" s="119">
        <v>0</v>
      </c>
      <c r="LZ13" s="119">
        <v>0</v>
      </c>
      <c r="MA13" s="119">
        <v>0</v>
      </c>
      <c r="MB13" s="119">
        <v>0</v>
      </c>
      <c r="MC13" s="119">
        <v>0</v>
      </c>
      <c r="MD13" s="120">
        <v>0</v>
      </c>
      <c r="ME13" s="121">
        <v>0</v>
      </c>
      <c r="MF13" s="142">
        <v>0</v>
      </c>
      <c r="MG13" s="119">
        <v>0</v>
      </c>
      <c r="MH13" s="120">
        <v>0</v>
      </c>
      <c r="MI13" s="145"/>
      <c r="MJ13" s="119">
        <v>195463</v>
      </c>
      <c r="MK13" s="119">
        <v>217987</v>
      </c>
      <c r="ML13" s="119">
        <v>1537704</v>
      </c>
      <c r="MM13" s="119">
        <v>6090002</v>
      </c>
      <c r="MN13" s="119">
        <v>3576404</v>
      </c>
      <c r="MO13" s="120">
        <v>11617560</v>
      </c>
      <c r="MP13" s="143">
        <v>11617560</v>
      </c>
      <c r="MQ13" s="142">
        <v>0</v>
      </c>
      <c r="MR13" s="119">
        <v>0</v>
      </c>
      <c r="MS13" s="120">
        <v>0</v>
      </c>
      <c r="MT13" s="145"/>
      <c r="MU13" s="119">
        <v>0</v>
      </c>
      <c r="MV13" s="119">
        <v>0</v>
      </c>
      <c r="MW13" s="119">
        <v>577290</v>
      </c>
      <c r="MX13" s="119">
        <v>4429699</v>
      </c>
      <c r="MY13" s="119">
        <v>3192554</v>
      </c>
      <c r="MZ13" s="120">
        <v>8199543</v>
      </c>
      <c r="NA13" s="143">
        <v>8199543</v>
      </c>
      <c r="NB13" s="142">
        <v>0</v>
      </c>
      <c r="NC13" s="119">
        <v>0</v>
      </c>
      <c r="ND13" s="120">
        <v>0</v>
      </c>
      <c r="NE13" s="145">
        <v>0</v>
      </c>
      <c r="NF13" s="119">
        <v>195463</v>
      </c>
      <c r="NG13" s="119">
        <v>217987</v>
      </c>
      <c r="NH13" s="119">
        <v>960414</v>
      </c>
      <c r="NI13" s="119">
        <v>1660303</v>
      </c>
      <c r="NJ13" s="119">
        <v>383850</v>
      </c>
      <c r="NK13" s="120">
        <v>3418017</v>
      </c>
      <c r="NL13" s="318">
        <v>3418017</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943857</v>
      </c>
      <c r="OJ13" s="119">
        <v>484209</v>
      </c>
      <c r="OK13" s="141">
        <v>1428066</v>
      </c>
      <c r="OL13" s="118">
        <v>0</v>
      </c>
      <c r="OM13" s="119">
        <v>13398163</v>
      </c>
      <c r="ON13" s="119">
        <v>11798593</v>
      </c>
      <c r="OO13" s="119">
        <v>12986380</v>
      </c>
      <c r="OP13" s="119">
        <v>19103912</v>
      </c>
      <c r="OQ13" s="119">
        <v>10045652</v>
      </c>
      <c r="OR13" s="120">
        <v>67332700</v>
      </c>
      <c r="OS13" s="143">
        <v>68760766</v>
      </c>
    </row>
    <row r="14" spans="2:409" ht="21" customHeight="1" x14ac:dyDescent="0.2">
      <c r="B14" s="126" t="s">
        <v>8</v>
      </c>
      <c r="C14" s="110">
        <v>814707</v>
      </c>
      <c r="D14" s="114">
        <v>604649</v>
      </c>
      <c r="E14" s="113">
        <v>1419356</v>
      </c>
      <c r="F14" s="109">
        <v>0</v>
      </c>
      <c r="G14" s="114">
        <v>5542838</v>
      </c>
      <c r="H14" s="114">
        <v>6104763</v>
      </c>
      <c r="I14" s="114">
        <v>4820195</v>
      </c>
      <c r="J14" s="114">
        <v>6870539</v>
      </c>
      <c r="K14" s="114">
        <v>4336114</v>
      </c>
      <c r="L14" s="109">
        <v>27674449</v>
      </c>
      <c r="M14" s="116">
        <v>29093805</v>
      </c>
      <c r="N14" s="110">
        <v>171060</v>
      </c>
      <c r="O14" s="114">
        <v>202959</v>
      </c>
      <c r="P14" s="113">
        <v>374019</v>
      </c>
      <c r="Q14" s="110">
        <v>0</v>
      </c>
      <c r="R14" s="114">
        <v>1627499</v>
      </c>
      <c r="S14" s="114">
        <v>1931266</v>
      </c>
      <c r="T14" s="114">
        <v>1631584</v>
      </c>
      <c r="U14" s="114">
        <v>1907195</v>
      </c>
      <c r="V14" s="114">
        <v>2133778</v>
      </c>
      <c r="W14" s="113">
        <v>9231322</v>
      </c>
      <c r="X14" s="116">
        <v>9605341</v>
      </c>
      <c r="Y14" s="110">
        <v>0</v>
      </c>
      <c r="Z14" s="114">
        <v>0</v>
      </c>
      <c r="AA14" s="113">
        <v>0</v>
      </c>
      <c r="AB14" s="110">
        <v>0</v>
      </c>
      <c r="AC14" s="114">
        <v>702459</v>
      </c>
      <c r="AD14" s="114">
        <v>809773</v>
      </c>
      <c r="AE14" s="114">
        <v>1095166</v>
      </c>
      <c r="AF14" s="114">
        <v>680922</v>
      </c>
      <c r="AG14" s="114">
        <v>1174244</v>
      </c>
      <c r="AH14" s="113">
        <v>4462564</v>
      </c>
      <c r="AI14" s="116">
        <v>4462564</v>
      </c>
      <c r="AJ14" s="110">
        <v>0</v>
      </c>
      <c r="AK14" s="114">
        <v>0</v>
      </c>
      <c r="AL14" s="113">
        <v>0</v>
      </c>
      <c r="AM14" s="110">
        <v>0</v>
      </c>
      <c r="AN14" s="114">
        <v>0</v>
      </c>
      <c r="AO14" s="114">
        <v>0</v>
      </c>
      <c r="AP14" s="114">
        <v>51919</v>
      </c>
      <c r="AQ14" s="114">
        <v>166095</v>
      </c>
      <c r="AR14" s="114">
        <v>184917</v>
      </c>
      <c r="AS14" s="113">
        <v>402931</v>
      </c>
      <c r="AT14" s="116">
        <v>402931</v>
      </c>
      <c r="AU14" s="110">
        <v>84610</v>
      </c>
      <c r="AV14" s="114">
        <v>126855</v>
      </c>
      <c r="AW14" s="113">
        <v>211465</v>
      </c>
      <c r="AX14" s="110">
        <v>0</v>
      </c>
      <c r="AY14" s="114">
        <v>592197</v>
      </c>
      <c r="AZ14" s="114">
        <v>721473</v>
      </c>
      <c r="BA14" s="114">
        <v>260437</v>
      </c>
      <c r="BB14" s="114">
        <v>510325</v>
      </c>
      <c r="BC14" s="114">
        <v>500902</v>
      </c>
      <c r="BD14" s="113">
        <v>2585334</v>
      </c>
      <c r="BE14" s="116">
        <v>2796799</v>
      </c>
      <c r="BF14" s="110">
        <v>23114</v>
      </c>
      <c r="BG14" s="114">
        <v>36393</v>
      </c>
      <c r="BH14" s="112">
        <v>59507</v>
      </c>
      <c r="BI14" s="111">
        <v>0</v>
      </c>
      <c r="BJ14" s="114">
        <v>168329</v>
      </c>
      <c r="BK14" s="114">
        <v>153872</v>
      </c>
      <c r="BL14" s="114">
        <v>74129</v>
      </c>
      <c r="BM14" s="114">
        <v>126549</v>
      </c>
      <c r="BN14" s="114">
        <v>53110</v>
      </c>
      <c r="BO14" s="113">
        <v>575989</v>
      </c>
      <c r="BP14" s="116">
        <v>635496</v>
      </c>
      <c r="BQ14" s="110">
        <v>63336</v>
      </c>
      <c r="BR14" s="114">
        <v>39711</v>
      </c>
      <c r="BS14" s="113">
        <v>103047</v>
      </c>
      <c r="BT14" s="110">
        <v>0</v>
      </c>
      <c r="BU14" s="114">
        <v>164514</v>
      </c>
      <c r="BV14" s="114">
        <v>246148</v>
      </c>
      <c r="BW14" s="114">
        <v>149933</v>
      </c>
      <c r="BX14" s="114">
        <v>423304</v>
      </c>
      <c r="BY14" s="114">
        <v>220605</v>
      </c>
      <c r="BZ14" s="113">
        <v>1204504</v>
      </c>
      <c r="CA14" s="116">
        <v>1307551</v>
      </c>
      <c r="CB14" s="110">
        <v>0</v>
      </c>
      <c r="CC14" s="114">
        <v>136095</v>
      </c>
      <c r="CD14" s="113">
        <v>136095</v>
      </c>
      <c r="CE14" s="110">
        <v>0</v>
      </c>
      <c r="CF14" s="114">
        <v>1444041</v>
      </c>
      <c r="CG14" s="114">
        <v>1975793</v>
      </c>
      <c r="CH14" s="114">
        <v>1107424</v>
      </c>
      <c r="CI14" s="114">
        <v>1849728</v>
      </c>
      <c r="CJ14" s="114">
        <v>513838</v>
      </c>
      <c r="CK14" s="113">
        <v>6890824</v>
      </c>
      <c r="CL14" s="116">
        <v>7026919</v>
      </c>
      <c r="CM14" s="110">
        <v>0</v>
      </c>
      <c r="CN14" s="114">
        <v>0</v>
      </c>
      <c r="CO14" s="113">
        <v>0</v>
      </c>
      <c r="CP14" s="111">
        <v>0</v>
      </c>
      <c r="CQ14" s="114">
        <v>1107243</v>
      </c>
      <c r="CR14" s="114">
        <v>1508920</v>
      </c>
      <c r="CS14" s="114">
        <v>587897</v>
      </c>
      <c r="CT14" s="114">
        <v>1235858</v>
      </c>
      <c r="CU14" s="114">
        <v>288281</v>
      </c>
      <c r="CV14" s="113">
        <v>4728199</v>
      </c>
      <c r="CW14" s="116">
        <v>4728199</v>
      </c>
      <c r="CX14" s="110">
        <v>0</v>
      </c>
      <c r="CY14" s="114">
        <v>136095</v>
      </c>
      <c r="CZ14" s="113">
        <v>136095</v>
      </c>
      <c r="DA14" s="110">
        <v>0</v>
      </c>
      <c r="DB14" s="114">
        <v>336798</v>
      </c>
      <c r="DC14" s="114">
        <v>466873</v>
      </c>
      <c r="DD14" s="114">
        <v>519527</v>
      </c>
      <c r="DE14" s="114">
        <v>613870</v>
      </c>
      <c r="DF14" s="114">
        <v>225557</v>
      </c>
      <c r="DG14" s="113">
        <v>2162625</v>
      </c>
      <c r="DH14" s="116">
        <v>2298720</v>
      </c>
      <c r="DI14" s="110">
        <v>0</v>
      </c>
      <c r="DJ14" s="114">
        <v>37566</v>
      </c>
      <c r="DK14" s="112">
        <v>37566</v>
      </c>
      <c r="DL14" s="111">
        <v>0</v>
      </c>
      <c r="DM14" s="114">
        <v>214657</v>
      </c>
      <c r="DN14" s="114">
        <v>333374</v>
      </c>
      <c r="DO14" s="114">
        <v>520605</v>
      </c>
      <c r="DP14" s="114">
        <v>561661</v>
      </c>
      <c r="DQ14" s="114">
        <v>18802</v>
      </c>
      <c r="DR14" s="113">
        <v>1649099</v>
      </c>
      <c r="DS14" s="116">
        <v>1686665</v>
      </c>
      <c r="DT14" s="110">
        <v>0</v>
      </c>
      <c r="DU14" s="114">
        <v>37566</v>
      </c>
      <c r="DV14" s="113">
        <v>37566</v>
      </c>
      <c r="DW14" s="110">
        <v>0</v>
      </c>
      <c r="DX14" s="114">
        <v>214657</v>
      </c>
      <c r="DY14" s="114">
        <v>234937</v>
      </c>
      <c r="DZ14" s="114">
        <v>520605</v>
      </c>
      <c r="EA14" s="114">
        <v>483040</v>
      </c>
      <c r="EB14" s="114">
        <v>18802</v>
      </c>
      <c r="EC14" s="113">
        <v>1472041</v>
      </c>
      <c r="ED14" s="116">
        <v>1509607</v>
      </c>
      <c r="EE14" s="110">
        <v>0</v>
      </c>
      <c r="EF14" s="112">
        <v>0</v>
      </c>
      <c r="EG14" s="113">
        <v>0</v>
      </c>
      <c r="EH14" s="110">
        <v>0</v>
      </c>
      <c r="EI14" s="114">
        <v>0</v>
      </c>
      <c r="EJ14" s="114">
        <v>98437</v>
      </c>
      <c r="EK14" s="114">
        <v>0</v>
      </c>
      <c r="EL14" s="114">
        <v>78621</v>
      </c>
      <c r="EM14" s="114">
        <v>0</v>
      </c>
      <c r="EN14" s="112">
        <v>177058</v>
      </c>
      <c r="EO14" s="116">
        <v>177058</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5"/>
      <c r="FE14" s="114">
        <v>0</v>
      </c>
      <c r="FF14" s="114">
        <v>0</v>
      </c>
      <c r="FG14" s="114">
        <v>0</v>
      </c>
      <c r="FH14" s="114">
        <v>0</v>
      </c>
      <c r="FI14" s="114">
        <v>0</v>
      </c>
      <c r="FJ14" s="113">
        <v>0</v>
      </c>
      <c r="FK14" s="116">
        <v>0</v>
      </c>
      <c r="FL14" s="110">
        <v>164892</v>
      </c>
      <c r="FM14" s="114">
        <v>72842</v>
      </c>
      <c r="FN14" s="113">
        <v>237734</v>
      </c>
      <c r="FO14" s="110">
        <v>0</v>
      </c>
      <c r="FP14" s="114">
        <v>249214</v>
      </c>
      <c r="FQ14" s="114">
        <v>586264</v>
      </c>
      <c r="FR14" s="114">
        <v>402122</v>
      </c>
      <c r="FS14" s="114">
        <v>539952</v>
      </c>
      <c r="FT14" s="114">
        <v>426347</v>
      </c>
      <c r="FU14" s="113">
        <v>2203899</v>
      </c>
      <c r="FV14" s="116">
        <v>2441633</v>
      </c>
      <c r="FW14" s="115">
        <v>77392</v>
      </c>
      <c r="FX14" s="114">
        <v>72842</v>
      </c>
      <c r="FY14" s="112">
        <v>150234</v>
      </c>
      <c r="FZ14" s="111">
        <v>0</v>
      </c>
      <c r="GA14" s="114">
        <v>224574</v>
      </c>
      <c r="GB14" s="114">
        <v>541604</v>
      </c>
      <c r="GC14" s="114">
        <v>344582</v>
      </c>
      <c r="GD14" s="114">
        <v>509152</v>
      </c>
      <c r="GE14" s="114">
        <v>283752</v>
      </c>
      <c r="GF14" s="113">
        <v>1903664</v>
      </c>
      <c r="GG14" s="316">
        <v>2053898</v>
      </c>
      <c r="GH14" s="115">
        <v>0</v>
      </c>
      <c r="GI14" s="114">
        <v>0</v>
      </c>
      <c r="GJ14" s="112">
        <v>0</v>
      </c>
      <c r="GK14" s="111">
        <v>0</v>
      </c>
      <c r="GL14" s="114">
        <v>24640</v>
      </c>
      <c r="GM14" s="114">
        <v>29260</v>
      </c>
      <c r="GN14" s="114">
        <v>0</v>
      </c>
      <c r="GO14" s="114">
        <v>30800</v>
      </c>
      <c r="GP14" s="114">
        <v>0</v>
      </c>
      <c r="GQ14" s="113">
        <v>84700</v>
      </c>
      <c r="GR14" s="116">
        <v>84700</v>
      </c>
      <c r="GS14" s="110">
        <v>87500</v>
      </c>
      <c r="GT14" s="114">
        <v>0</v>
      </c>
      <c r="GU14" s="113">
        <v>87500</v>
      </c>
      <c r="GV14" s="110">
        <v>0</v>
      </c>
      <c r="GW14" s="114">
        <v>0</v>
      </c>
      <c r="GX14" s="114">
        <v>15400</v>
      </c>
      <c r="GY14" s="114">
        <v>57540</v>
      </c>
      <c r="GZ14" s="114">
        <v>0</v>
      </c>
      <c r="HA14" s="114">
        <v>142595</v>
      </c>
      <c r="HB14" s="112">
        <v>215535</v>
      </c>
      <c r="HC14" s="116">
        <v>303035</v>
      </c>
      <c r="HD14" s="110">
        <v>478755</v>
      </c>
      <c r="HE14" s="114">
        <v>155187</v>
      </c>
      <c r="HF14" s="112">
        <v>633942</v>
      </c>
      <c r="HG14" s="111">
        <v>0</v>
      </c>
      <c r="HH14" s="114">
        <v>2007427</v>
      </c>
      <c r="HI14" s="114">
        <v>1278066</v>
      </c>
      <c r="HJ14" s="114">
        <v>1158460</v>
      </c>
      <c r="HK14" s="114">
        <v>2012003</v>
      </c>
      <c r="HL14" s="114">
        <v>1243349</v>
      </c>
      <c r="HM14" s="113">
        <v>7699305</v>
      </c>
      <c r="HN14" s="109">
        <v>8333247</v>
      </c>
      <c r="HO14" s="326"/>
      <c r="HP14" s="327"/>
      <c r="HQ14" s="328"/>
      <c r="HR14" s="329"/>
      <c r="HS14" s="327"/>
      <c r="HT14" s="327"/>
      <c r="HU14" s="327"/>
      <c r="HV14" s="327"/>
      <c r="HW14" s="327"/>
      <c r="HX14" s="330"/>
      <c r="HY14" s="331"/>
      <c r="HZ14" s="131">
        <v>0</v>
      </c>
      <c r="IA14" s="132">
        <v>0</v>
      </c>
      <c r="IB14" s="133">
        <v>0</v>
      </c>
      <c r="IC14" s="134">
        <v>0</v>
      </c>
      <c r="ID14" s="135">
        <v>1250164</v>
      </c>
      <c r="IE14" s="136">
        <v>671707</v>
      </c>
      <c r="IF14" s="137">
        <v>750655</v>
      </c>
      <c r="IG14" s="135">
        <v>1987076</v>
      </c>
      <c r="IH14" s="137">
        <v>992976</v>
      </c>
      <c r="II14" s="138">
        <v>5652578</v>
      </c>
      <c r="IJ14" s="139">
        <v>5652578</v>
      </c>
      <c r="IK14" s="232">
        <v>0</v>
      </c>
      <c r="IL14" s="236">
        <v>0</v>
      </c>
      <c r="IM14" s="237">
        <v>0</v>
      </c>
      <c r="IN14" s="140"/>
      <c r="IO14" s="119">
        <v>0</v>
      </c>
      <c r="IP14" s="119">
        <v>0</v>
      </c>
      <c r="IQ14" s="119">
        <v>0</v>
      </c>
      <c r="IR14" s="119">
        <v>215000</v>
      </c>
      <c r="IS14" s="119">
        <v>0</v>
      </c>
      <c r="IT14" s="141">
        <v>215000</v>
      </c>
      <c r="IU14" s="318">
        <v>215000</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058672</v>
      </c>
      <c r="JL14" s="119">
        <v>847118</v>
      </c>
      <c r="JM14" s="119">
        <v>216578</v>
      </c>
      <c r="JN14" s="119">
        <v>491162</v>
      </c>
      <c r="JO14" s="119">
        <v>0</v>
      </c>
      <c r="JP14" s="120">
        <v>2613530</v>
      </c>
      <c r="JQ14" s="318">
        <v>2613530</v>
      </c>
      <c r="JR14" s="142">
        <v>0</v>
      </c>
      <c r="JS14" s="119">
        <v>0</v>
      </c>
      <c r="JT14" s="141">
        <v>0</v>
      </c>
      <c r="JU14" s="118">
        <v>0</v>
      </c>
      <c r="JV14" s="119">
        <v>0</v>
      </c>
      <c r="JW14" s="119">
        <v>-385731</v>
      </c>
      <c r="JX14" s="119">
        <v>0</v>
      </c>
      <c r="JY14" s="119">
        <v>0</v>
      </c>
      <c r="JZ14" s="119">
        <v>0</v>
      </c>
      <c r="KA14" s="120">
        <v>-385731</v>
      </c>
      <c r="KB14" s="318">
        <v>-385731</v>
      </c>
      <c r="KC14" s="234">
        <v>0</v>
      </c>
      <c r="KD14" s="230">
        <v>0</v>
      </c>
      <c r="KE14" s="120">
        <v>0</v>
      </c>
      <c r="KF14" s="118">
        <v>0</v>
      </c>
      <c r="KG14" s="119">
        <v>191492</v>
      </c>
      <c r="KH14" s="119">
        <v>0</v>
      </c>
      <c r="KI14" s="119">
        <v>207171</v>
      </c>
      <c r="KJ14" s="119">
        <v>214105</v>
      </c>
      <c r="KK14" s="119">
        <v>507356</v>
      </c>
      <c r="KL14" s="120">
        <v>1120124</v>
      </c>
      <c r="KM14" s="143">
        <v>1120124</v>
      </c>
      <c r="KN14" s="232">
        <v>0</v>
      </c>
      <c r="KO14" s="236">
        <v>0</v>
      </c>
      <c r="KP14" s="237">
        <v>0</v>
      </c>
      <c r="KQ14" s="140"/>
      <c r="KR14" s="119">
        <v>0</v>
      </c>
      <c r="KS14" s="119">
        <v>210320</v>
      </c>
      <c r="KT14" s="119">
        <v>326906</v>
      </c>
      <c r="KU14" s="119">
        <v>880460</v>
      </c>
      <c r="KV14" s="119">
        <v>229610</v>
      </c>
      <c r="KW14" s="120">
        <v>1647296</v>
      </c>
      <c r="KX14" s="318">
        <v>1647296</v>
      </c>
      <c r="KY14" s="142">
        <v>0</v>
      </c>
      <c r="KZ14" s="119">
        <v>0</v>
      </c>
      <c r="LA14" s="120">
        <v>0</v>
      </c>
      <c r="LB14" s="145"/>
      <c r="LC14" s="119">
        <v>0</v>
      </c>
      <c r="LD14" s="119">
        <v>0</v>
      </c>
      <c r="LE14" s="119">
        <v>0</v>
      </c>
      <c r="LF14" s="119">
        <v>186349</v>
      </c>
      <c r="LG14" s="119">
        <v>0</v>
      </c>
      <c r="LH14" s="120">
        <v>186349</v>
      </c>
      <c r="LI14" s="121">
        <v>186349</v>
      </c>
      <c r="LJ14" s="142">
        <v>0</v>
      </c>
      <c r="LK14" s="119">
        <v>0</v>
      </c>
      <c r="LL14" s="120">
        <v>0</v>
      </c>
      <c r="LM14" s="145"/>
      <c r="LN14" s="119">
        <v>0</v>
      </c>
      <c r="LO14" s="119">
        <v>0</v>
      </c>
      <c r="LP14" s="119">
        <v>0</v>
      </c>
      <c r="LQ14" s="119">
        <v>0</v>
      </c>
      <c r="LR14" s="119">
        <v>256010</v>
      </c>
      <c r="LS14" s="120">
        <v>256010</v>
      </c>
      <c r="LT14" s="318">
        <v>256010</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267400</v>
      </c>
      <c r="MK14" s="119">
        <v>937010</v>
      </c>
      <c r="ML14" s="119">
        <v>3139579</v>
      </c>
      <c r="MM14" s="119">
        <v>3065246</v>
      </c>
      <c r="MN14" s="119">
        <v>2104709</v>
      </c>
      <c r="MO14" s="120">
        <v>9513944</v>
      </c>
      <c r="MP14" s="143">
        <v>9513944</v>
      </c>
      <c r="MQ14" s="142">
        <v>0</v>
      </c>
      <c r="MR14" s="119">
        <v>0</v>
      </c>
      <c r="MS14" s="120">
        <v>0</v>
      </c>
      <c r="MT14" s="145"/>
      <c r="MU14" s="119">
        <v>-248</v>
      </c>
      <c r="MV14" s="119">
        <v>-241</v>
      </c>
      <c r="MW14" s="119">
        <v>1441027</v>
      </c>
      <c r="MX14" s="119">
        <v>2048717</v>
      </c>
      <c r="MY14" s="119">
        <v>1073948</v>
      </c>
      <c r="MZ14" s="120">
        <v>4563203</v>
      </c>
      <c r="NA14" s="143">
        <v>4563203</v>
      </c>
      <c r="NB14" s="142">
        <v>0</v>
      </c>
      <c r="NC14" s="119">
        <v>0</v>
      </c>
      <c r="ND14" s="120">
        <v>0</v>
      </c>
      <c r="NE14" s="145">
        <v>0</v>
      </c>
      <c r="NF14" s="119">
        <v>267648</v>
      </c>
      <c r="NG14" s="119">
        <v>709691</v>
      </c>
      <c r="NH14" s="119">
        <v>1698552</v>
      </c>
      <c r="NI14" s="119">
        <v>1016529</v>
      </c>
      <c r="NJ14" s="119">
        <v>1030761</v>
      </c>
      <c r="NK14" s="120">
        <v>4723181</v>
      </c>
      <c r="NL14" s="318">
        <v>4723181</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227560</v>
      </c>
      <c r="OD14" s="119">
        <v>0</v>
      </c>
      <c r="OE14" s="119">
        <v>0</v>
      </c>
      <c r="OF14" s="119">
        <v>0</v>
      </c>
      <c r="OG14" s="120">
        <v>227560</v>
      </c>
      <c r="OH14" s="121">
        <v>227560</v>
      </c>
      <c r="OI14" s="142">
        <v>814707</v>
      </c>
      <c r="OJ14" s="119">
        <v>604649</v>
      </c>
      <c r="OK14" s="141">
        <v>1419356</v>
      </c>
      <c r="OL14" s="118">
        <v>0</v>
      </c>
      <c r="OM14" s="119">
        <v>7060402</v>
      </c>
      <c r="ON14" s="119">
        <v>7713480</v>
      </c>
      <c r="OO14" s="119">
        <v>8710429</v>
      </c>
      <c r="OP14" s="119">
        <v>11922861</v>
      </c>
      <c r="OQ14" s="119">
        <v>7433799</v>
      </c>
      <c r="OR14" s="120">
        <v>42840971</v>
      </c>
      <c r="OS14" s="143">
        <v>44260327</v>
      </c>
    </row>
    <row r="15" spans="2:409" ht="21" customHeight="1" x14ac:dyDescent="0.2">
      <c r="B15" s="126" t="s">
        <v>9</v>
      </c>
      <c r="C15" s="110">
        <v>1072330</v>
      </c>
      <c r="D15" s="114">
        <v>1476957</v>
      </c>
      <c r="E15" s="113">
        <v>2549287</v>
      </c>
      <c r="F15" s="111">
        <v>0</v>
      </c>
      <c r="G15" s="114">
        <v>12196987</v>
      </c>
      <c r="H15" s="114">
        <v>10784639</v>
      </c>
      <c r="I15" s="114">
        <v>10862907</v>
      </c>
      <c r="J15" s="114">
        <v>12293029</v>
      </c>
      <c r="K15" s="114">
        <v>11700641</v>
      </c>
      <c r="L15" s="109">
        <v>57838203</v>
      </c>
      <c r="M15" s="116">
        <v>60387490</v>
      </c>
      <c r="N15" s="110">
        <v>267916</v>
      </c>
      <c r="O15" s="114">
        <v>408102</v>
      </c>
      <c r="P15" s="113">
        <v>676018</v>
      </c>
      <c r="Q15" s="110">
        <v>0</v>
      </c>
      <c r="R15" s="114">
        <v>4127963</v>
      </c>
      <c r="S15" s="114">
        <v>4188530</v>
      </c>
      <c r="T15" s="114">
        <v>4752784</v>
      </c>
      <c r="U15" s="114">
        <v>4712121</v>
      </c>
      <c r="V15" s="114">
        <v>6708958</v>
      </c>
      <c r="W15" s="113">
        <v>24490356</v>
      </c>
      <c r="X15" s="116">
        <v>25166374</v>
      </c>
      <c r="Y15" s="110">
        <v>0</v>
      </c>
      <c r="Z15" s="114">
        <v>0</v>
      </c>
      <c r="AA15" s="113">
        <v>0</v>
      </c>
      <c r="AB15" s="110">
        <v>0</v>
      </c>
      <c r="AC15" s="114">
        <v>1589184</v>
      </c>
      <c r="AD15" s="114">
        <v>1893813</v>
      </c>
      <c r="AE15" s="114">
        <v>2332508</v>
      </c>
      <c r="AF15" s="114">
        <v>2341162</v>
      </c>
      <c r="AG15" s="114">
        <v>3807310</v>
      </c>
      <c r="AH15" s="113">
        <v>11963977</v>
      </c>
      <c r="AI15" s="116">
        <v>11963977</v>
      </c>
      <c r="AJ15" s="110">
        <v>0</v>
      </c>
      <c r="AK15" s="114">
        <v>0</v>
      </c>
      <c r="AL15" s="113">
        <v>0</v>
      </c>
      <c r="AM15" s="110">
        <v>0</v>
      </c>
      <c r="AN15" s="114">
        <v>95085</v>
      </c>
      <c r="AO15" s="114">
        <v>42256</v>
      </c>
      <c r="AP15" s="114">
        <v>158474</v>
      </c>
      <c r="AQ15" s="114">
        <v>522314</v>
      </c>
      <c r="AR15" s="114">
        <v>963450</v>
      </c>
      <c r="AS15" s="113">
        <v>1781579</v>
      </c>
      <c r="AT15" s="116">
        <v>1781579</v>
      </c>
      <c r="AU15" s="110">
        <v>92734</v>
      </c>
      <c r="AV15" s="114">
        <v>319083</v>
      </c>
      <c r="AW15" s="113">
        <v>411817</v>
      </c>
      <c r="AX15" s="110">
        <v>0</v>
      </c>
      <c r="AY15" s="114">
        <v>1728150</v>
      </c>
      <c r="AZ15" s="114">
        <v>1288456</v>
      </c>
      <c r="BA15" s="114">
        <v>1258625</v>
      </c>
      <c r="BB15" s="114">
        <v>904144</v>
      </c>
      <c r="BC15" s="114">
        <v>1200950</v>
      </c>
      <c r="BD15" s="113">
        <v>6380325</v>
      </c>
      <c r="BE15" s="116">
        <v>6792142</v>
      </c>
      <c r="BF15" s="110">
        <v>0</v>
      </c>
      <c r="BG15" s="114">
        <v>0</v>
      </c>
      <c r="BH15" s="112">
        <v>0</v>
      </c>
      <c r="BI15" s="111">
        <v>0</v>
      </c>
      <c r="BJ15" s="114">
        <v>79349</v>
      </c>
      <c r="BK15" s="114">
        <v>284242</v>
      </c>
      <c r="BL15" s="114">
        <v>228354</v>
      </c>
      <c r="BM15" s="114">
        <v>205847</v>
      </c>
      <c r="BN15" s="114">
        <v>141737</v>
      </c>
      <c r="BO15" s="113">
        <v>939529</v>
      </c>
      <c r="BP15" s="116">
        <v>939529</v>
      </c>
      <c r="BQ15" s="110">
        <v>175182</v>
      </c>
      <c r="BR15" s="114">
        <v>89019</v>
      </c>
      <c r="BS15" s="113">
        <v>264201</v>
      </c>
      <c r="BT15" s="110">
        <v>0</v>
      </c>
      <c r="BU15" s="114">
        <v>636195</v>
      </c>
      <c r="BV15" s="114">
        <v>679763</v>
      </c>
      <c r="BW15" s="114">
        <v>774823</v>
      </c>
      <c r="BX15" s="114">
        <v>738654</v>
      </c>
      <c r="BY15" s="114">
        <v>595511</v>
      </c>
      <c r="BZ15" s="113">
        <v>3424946</v>
      </c>
      <c r="CA15" s="116">
        <v>3689147</v>
      </c>
      <c r="CB15" s="110">
        <v>95902</v>
      </c>
      <c r="CC15" s="114">
        <v>298798</v>
      </c>
      <c r="CD15" s="113">
        <v>394700</v>
      </c>
      <c r="CE15" s="110">
        <v>0</v>
      </c>
      <c r="CF15" s="114">
        <v>2524123</v>
      </c>
      <c r="CG15" s="114">
        <v>2155151</v>
      </c>
      <c r="CH15" s="114">
        <v>1691015</v>
      </c>
      <c r="CI15" s="114">
        <v>2183668</v>
      </c>
      <c r="CJ15" s="114">
        <v>319232</v>
      </c>
      <c r="CK15" s="113">
        <v>8873189</v>
      </c>
      <c r="CL15" s="116">
        <v>9267889</v>
      </c>
      <c r="CM15" s="110">
        <v>0</v>
      </c>
      <c r="CN15" s="114">
        <v>0</v>
      </c>
      <c r="CO15" s="113">
        <v>0</v>
      </c>
      <c r="CP15" s="111">
        <v>0</v>
      </c>
      <c r="CQ15" s="114">
        <v>2106830</v>
      </c>
      <c r="CR15" s="114">
        <v>1591938</v>
      </c>
      <c r="CS15" s="114">
        <v>1422037</v>
      </c>
      <c r="CT15" s="114">
        <v>1428929</v>
      </c>
      <c r="CU15" s="114">
        <v>298870</v>
      </c>
      <c r="CV15" s="113">
        <v>6848604</v>
      </c>
      <c r="CW15" s="116">
        <v>6848604</v>
      </c>
      <c r="CX15" s="110">
        <v>95902</v>
      </c>
      <c r="CY15" s="114">
        <v>298798</v>
      </c>
      <c r="CZ15" s="113">
        <v>394700</v>
      </c>
      <c r="DA15" s="110">
        <v>0</v>
      </c>
      <c r="DB15" s="114">
        <v>417293</v>
      </c>
      <c r="DC15" s="114">
        <v>563213</v>
      </c>
      <c r="DD15" s="114">
        <v>268978</v>
      </c>
      <c r="DE15" s="114">
        <v>754739</v>
      </c>
      <c r="DF15" s="114">
        <v>20362</v>
      </c>
      <c r="DG15" s="113">
        <v>2024585</v>
      </c>
      <c r="DH15" s="116">
        <v>2419285</v>
      </c>
      <c r="DI15" s="110">
        <v>0</v>
      </c>
      <c r="DJ15" s="114">
        <v>38646</v>
      </c>
      <c r="DK15" s="112">
        <v>38646</v>
      </c>
      <c r="DL15" s="111">
        <v>0</v>
      </c>
      <c r="DM15" s="114">
        <v>189210</v>
      </c>
      <c r="DN15" s="114">
        <v>578810</v>
      </c>
      <c r="DO15" s="114">
        <v>780902</v>
      </c>
      <c r="DP15" s="114">
        <v>821557</v>
      </c>
      <c r="DQ15" s="114">
        <v>604722</v>
      </c>
      <c r="DR15" s="113">
        <v>2975201</v>
      </c>
      <c r="DS15" s="116">
        <v>3013847</v>
      </c>
      <c r="DT15" s="110">
        <v>0</v>
      </c>
      <c r="DU15" s="114">
        <v>38646</v>
      </c>
      <c r="DV15" s="113">
        <v>38646</v>
      </c>
      <c r="DW15" s="110">
        <v>0</v>
      </c>
      <c r="DX15" s="114">
        <v>189210</v>
      </c>
      <c r="DY15" s="114">
        <v>519018</v>
      </c>
      <c r="DZ15" s="114">
        <v>680135</v>
      </c>
      <c r="EA15" s="114">
        <v>780582</v>
      </c>
      <c r="EB15" s="114">
        <v>527281</v>
      </c>
      <c r="EC15" s="113">
        <v>2696226</v>
      </c>
      <c r="ED15" s="116">
        <v>2734872</v>
      </c>
      <c r="EE15" s="110">
        <v>0</v>
      </c>
      <c r="EF15" s="112">
        <v>0</v>
      </c>
      <c r="EG15" s="113">
        <v>0</v>
      </c>
      <c r="EH15" s="110">
        <v>0</v>
      </c>
      <c r="EI15" s="114">
        <v>0</v>
      </c>
      <c r="EJ15" s="114">
        <v>59792</v>
      </c>
      <c r="EK15" s="114">
        <v>100767</v>
      </c>
      <c r="EL15" s="114">
        <v>40975</v>
      </c>
      <c r="EM15" s="114">
        <v>77441</v>
      </c>
      <c r="EN15" s="112">
        <v>278975</v>
      </c>
      <c r="EO15" s="116">
        <v>278975</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5"/>
      <c r="FE15" s="114">
        <v>0</v>
      </c>
      <c r="FF15" s="114">
        <v>0</v>
      </c>
      <c r="FG15" s="114">
        <v>0</v>
      </c>
      <c r="FH15" s="114">
        <v>0</v>
      </c>
      <c r="FI15" s="114">
        <v>0</v>
      </c>
      <c r="FJ15" s="113">
        <v>0</v>
      </c>
      <c r="FK15" s="116">
        <v>0</v>
      </c>
      <c r="FL15" s="110">
        <v>264796</v>
      </c>
      <c r="FM15" s="114">
        <v>217840</v>
      </c>
      <c r="FN15" s="113">
        <v>482636</v>
      </c>
      <c r="FO15" s="110">
        <v>0</v>
      </c>
      <c r="FP15" s="114">
        <v>1184708</v>
      </c>
      <c r="FQ15" s="114">
        <v>1124235</v>
      </c>
      <c r="FR15" s="114">
        <v>897533</v>
      </c>
      <c r="FS15" s="114">
        <v>1006418</v>
      </c>
      <c r="FT15" s="114">
        <v>795886</v>
      </c>
      <c r="FU15" s="113">
        <v>5008780</v>
      </c>
      <c r="FV15" s="116">
        <v>5491416</v>
      </c>
      <c r="FW15" s="115">
        <v>124796</v>
      </c>
      <c r="FX15" s="114">
        <v>152390</v>
      </c>
      <c r="FY15" s="112">
        <v>277186</v>
      </c>
      <c r="FZ15" s="111">
        <v>0</v>
      </c>
      <c r="GA15" s="114">
        <v>599977</v>
      </c>
      <c r="GB15" s="114">
        <v>972195</v>
      </c>
      <c r="GC15" s="114">
        <v>771533</v>
      </c>
      <c r="GD15" s="114">
        <v>1006418</v>
      </c>
      <c r="GE15" s="114">
        <v>772086</v>
      </c>
      <c r="GF15" s="113">
        <v>4122209</v>
      </c>
      <c r="GG15" s="316">
        <v>4399395</v>
      </c>
      <c r="GH15" s="115">
        <v>0</v>
      </c>
      <c r="GI15" s="114">
        <v>0</v>
      </c>
      <c r="GJ15" s="112">
        <v>0</v>
      </c>
      <c r="GK15" s="111">
        <v>0</v>
      </c>
      <c r="GL15" s="114">
        <v>100331</v>
      </c>
      <c r="GM15" s="114">
        <v>16940</v>
      </c>
      <c r="GN15" s="114">
        <v>0</v>
      </c>
      <c r="GO15" s="114">
        <v>0</v>
      </c>
      <c r="GP15" s="114">
        <v>23800</v>
      </c>
      <c r="GQ15" s="113">
        <v>141071</v>
      </c>
      <c r="GR15" s="116">
        <v>141071</v>
      </c>
      <c r="GS15" s="110">
        <v>140000</v>
      </c>
      <c r="GT15" s="114">
        <v>65450</v>
      </c>
      <c r="GU15" s="113">
        <v>205450</v>
      </c>
      <c r="GV15" s="110">
        <v>0</v>
      </c>
      <c r="GW15" s="114">
        <v>484400</v>
      </c>
      <c r="GX15" s="114">
        <v>135100</v>
      </c>
      <c r="GY15" s="114">
        <v>126000</v>
      </c>
      <c r="GZ15" s="114">
        <v>0</v>
      </c>
      <c r="HA15" s="114">
        <v>0</v>
      </c>
      <c r="HB15" s="112">
        <v>745500</v>
      </c>
      <c r="HC15" s="116">
        <v>950950</v>
      </c>
      <c r="HD15" s="110">
        <v>443716</v>
      </c>
      <c r="HE15" s="114">
        <v>513571</v>
      </c>
      <c r="HF15" s="112">
        <v>957287</v>
      </c>
      <c r="HG15" s="111">
        <v>0</v>
      </c>
      <c r="HH15" s="114">
        <v>4170983</v>
      </c>
      <c r="HI15" s="114">
        <v>2737913</v>
      </c>
      <c r="HJ15" s="114">
        <v>2740673</v>
      </c>
      <c r="HK15" s="114">
        <v>3569265</v>
      </c>
      <c r="HL15" s="114">
        <v>3271843</v>
      </c>
      <c r="HM15" s="113">
        <v>16490677</v>
      </c>
      <c r="HN15" s="109">
        <v>17447964</v>
      </c>
      <c r="HO15" s="326"/>
      <c r="HP15" s="327"/>
      <c r="HQ15" s="328"/>
      <c r="HR15" s="329"/>
      <c r="HS15" s="327"/>
      <c r="HT15" s="327"/>
      <c r="HU15" s="327"/>
      <c r="HV15" s="327"/>
      <c r="HW15" s="327"/>
      <c r="HX15" s="330"/>
      <c r="HY15" s="331"/>
      <c r="HZ15" s="128">
        <v>38048</v>
      </c>
      <c r="IA15" s="149">
        <v>149495</v>
      </c>
      <c r="IB15" s="129">
        <v>187543</v>
      </c>
      <c r="IC15" s="146">
        <v>0</v>
      </c>
      <c r="ID15" s="132">
        <v>1619867</v>
      </c>
      <c r="IE15" s="147">
        <v>2798817</v>
      </c>
      <c r="IF15" s="133">
        <v>4084071</v>
      </c>
      <c r="IG15" s="132">
        <v>2149118</v>
      </c>
      <c r="IH15" s="133">
        <v>1436421</v>
      </c>
      <c r="II15" s="148">
        <v>12088294</v>
      </c>
      <c r="IJ15" s="130">
        <v>12275837</v>
      </c>
      <c r="IK15" s="232">
        <v>0</v>
      </c>
      <c r="IL15" s="236">
        <v>0</v>
      </c>
      <c r="IM15" s="237">
        <v>0</v>
      </c>
      <c r="IN15" s="140"/>
      <c r="IO15" s="119">
        <v>0</v>
      </c>
      <c r="IP15" s="119">
        <v>101846</v>
      </c>
      <c r="IQ15" s="119">
        <v>175375</v>
      </c>
      <c r="IR15" s="119">
        <v>406783</v>
      </c>
      <c r="IS15" s="119">
        <v>0</v>
      </c>
      <c r="IT15" s="141">
        <v>684004</v>
      </c>
      <c r="IU15" s="318">
        <v>684004</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212149</v>
      </c>
      <c r="JL15" s="119">
        <v>938123</v>
      </c>
      <c r="JM15" s="119">
        <v>1030474</v>
      </c>
      <c r="JN15" s="119">
        <v>774872</v>
      </c>
      <c r="JO15" s="119">
        <v>290666</v>
      </c>
      <c r="JP15" s="120">
        <v>4246284</v>
      </c>
      <c r="JQ15" s="318">
        <v>4246284</v>
      </c>
      <c r="JR15" s="142">
        <v>0</v>
      </c>
      <c r="JS15" s="119">
        <v>0</v>
      </c>
      <c r="JT15" s="141">
        <v>0</v>
      </c>
      <c r="JU15" s="118">
        <v>0</v>
      </c>
      <c r="JV15" s="119">
        <v>0</v>
      </c>
      <c r="JW15" s="119">
        <v>0</v>
      </c>
      <c r="JX15" s="119">
        <v>235388</v>
      </c>
      <c r="JY15" s="119">
        <v>151369</v>
      </c>
      <c r="JZ15" s="119">
        <v>102191</v>
      </c>
      <c r="KA15" s="120">
        <v>488948</v>
      </c>
      <c r="KB15" s="318">
        <v>488948</v>
      </c>
      <c r="KC15" s="234">
        <v>38048</v>
      </c>
      <c r="KD15" s="230">
        <v>149495</v>
      </c>
      <c r="KE15" s="120">
        <v>187543</v>
      </c>
      <c r="KF15" s="118">
        <v>0</v>
      </c>
      <c r="KG15" s="119">
        <v>407718</v>
      </c>
      <c r="KH15" s="119">
        <v>0</v>
      </c>
      <c r="KI15" s="119">
        <v>443843</v>
      </c>
      <c r="KJ15" s="119">
        <v>462371</v>
      </c>
      <c r="KK15" s="119">
        <v>241075</v>
      </c>
      <c r="KL15" s="120">
        <v>1555007</v>
      </c>
      <c r="KM15" s="143">
        <v>1742550</v>
      </c>
      <c r="KN15" s="232">
        <v>0</v>
      </c>
      <c r="KO15" s="236">
        <v>0</v>
      </c>
      <c r="KP15" s="237">
        <v>0</v>
      </c>
      <c r="KQ15" s="140"/>
      <c r="KR15" s="119">
        <v>0</v>
      </c>
      <c r="KS15" s="119">
        <v>1293986</v>
      </c>
      <c r="KT15" s="119">
        <v>1714370</v>
      </c>
      <c r="KU15" s="119">
        <v>165187</v>
      </c>
      <c r="KV15" s="119">
        <v>229124</v>
      </c>
      <c r="KW15" s="120">
        <v>3402667</v>
      </c>
      <c r="KX15" s="318">
        <v>3402667</v>
      </c>
      <c r="KY15" s="142">
        <v>0</v>
      </c>
      <c r="KZ15" s="119">
        <v>0</v>
      </c>
      <c r="LA15" s="120">
        <v>0</v>
      </c>
      <c r="LB15" s="145"/>
      <c r="LC15" s="119">
        <v>0</v>
      </c>
      <c r="LD15" s="119">
        <v>464862</v>
      </c>
      <c r="LE15" s="119">
        <v>0</v>
      </c>
      <c r="LF15" s="119">
        <v>188536</v>
      </c>
      <c r="LG15" s="119">
        <v>0</v>
      </c>
      <c r="LH15" s="120">
        <v>653398</v>
      </c>
      <c r="LI15" s="121">
        <v>653398</v>
      </c>
      <c r="LJ15" s="142">
        <v>0</v>
      </c>
      <c r="LK15" s="119">
        <v>0</v>
      </c>
      <c r="LL15" s="120">
        <v>0</v>
      </c>
      <c r="LM15" s="145"/>
      <c r="LN15" s="119">
        <v>0</v>
      </c>
      <c r="LO15" s="119">
        <v>0</v>
      </c>
      <c r="LP15" s="119">
        <v>0</v>
      </c>
      <c r="LQ15" s="119">
        <v>0</v>
      </c>
      <c r="LR15" s="119">
        <v>0</v>
      </c>
      <c r="LS15" s="120">
        <v>0</v>
      </c>
      <c r="LT15" s="318">
        <v>0</v>
      </c>
      <c r="LU15" s="142">
        <v>0</v>
      </c>
      <c r="LV15" s="119">
        <v>0</v>
      </c>
      <c r="LW15" s="120">
        <v>0</v>
      </c>
      <c r="LX15" s="145"/>
      <c r="LY15" s="119">
        <v>0</v>
      </c>
      <c r="LZ15" s="119">
        <v>0</v>
      </c>
      <c r="MA15" s="119">
        <v>484621</v>
      </c>
      <c r="MB15" s="119">
        <v>0</v>
      </c>
      <c r="MC15" s="119">
        <v>573365</v>
      </c>
      <c r="MD15" s="120">
        <v>1057986</v>
      </c>
      <c r="ME15" s="121">
        <v>1057986</v>
      </c>
      <c r="MF15" s="142">
        <v>0</v>
      </c>
      <c r="MG15" s="119">
        <v>0</v>
      </c>
      <c r="MH15" s="120">
        <v>0</v>
      </c>
      <c r="MI15" s="145"/>
      <c r="MJ15" s="119">
        <v>730587</v>
      </c>
      <c r="MK15" s="119">
        <v>1197210</v>
      </c>
      <c r="ML15" s="119">
        <v>2753545</v>
      </c>
      <c r="MM15" s="119">
        <v>5993160</v>
      </c>
      <c r="MN15" s="119">
        <v>5099573</v>
      </c>
      <c r="MO15" s="120">
        <v>15774075</v>
      </c>
      <c r="MP15" s="143">
        <v>15774075</v>
      </c>
      <c r="MQ15" s="142">
        <v>0</v>
      </c>
      <c r="MR15" s="119">
        <v>0</v>
      </c>
      <c r="MS15" s="120">
        <v>0</v>
      </c>
      <c r="MT15" s="145"/>
      <c r="MU15" s="119">
        <v>187639</v>
      </c>
      <c r="MV15" s="119">
        <v>0</v>
      </c>
      <c r="MW15" s="119">
        <v>871979</v>
      </c>
      <c r="MX15" s="119">
        <v>4817197</v>
      </c>
      <c r="MY15" s="119">
        <v>3020308</v>
      </c>
      <c r="MZ15" s="120">
        <v>8897123</v>
      </c>
      <c r="NA15" s="143">
        <v>8897123</v>
      </c>
      <c r="NB15" s="142">
        <v>0</v>
      </c>
      <c r="NC15" s="119">
        <v>0</v>
      </c>
      <c r="ND15" s="120">
        <v>0</v>
      </c>
      <c r="NE15" s="145">
        <v>0</v>
      </c>
      <c r="NF15" s="119">
        <v>542948</v>
      </c>
      <c r="NG15" s="119">
        <v>1197210</v>
      </c>
      <c r="NH15" s="119">
        <v>1881566</v>
      </c>
      <c r="NI15" s="119">
        <v>1175963</v>
      </c>
      <c r="NJ15" s="119">
        <v>1753243</v>
      </c>
      <c r="NK15" s="120">
        <v>6550930</v>
      </c>
      <c r="NL15" s="318">
        <v>6550930</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326022</v>
      </c>
      <c r="OG15" s="120">
        <v>326022</v>
      </c>
      <c r="OH15" s="121">
        <v>326022</v>
      </c>
      <c r="OI15" s="142">
        <v>1110378</v>
      </c>
      <c r="OJ15" s="119">
        <v>1626452</v>
      </c>
      <c r="OK15" s="141">
        <v>2736830</v>
      </c>
      <c r="OL15" s="118">
        <v>0</v>
      </c>
      <c r="OM15" s="119">
        <v>14547441</v>
      </c>
      <c r="ON15" s="119">
        <v>14780666</v>
      </c>
      <c r="OO15" s="119">
        <v>17700523</v>
      </c>
      <c r="OP15" s="119">
        <v>20435307</v>
      </c>
      <c r="OQ15" s="119">
        <v>18236635</v>
      </c>
      <c r="OR15" s="120">
        <v>85700572</v>
      </c>
      <c r="OS15" s="143">
        <v>88437402</v>
      </c>
    </row>
    <row r="16" spans="2:409" ht="21" customHeight="1" x14ac:dyDescent="0.2">
      <c r="B16" s="126" t="s">
        <v>10</v>
      </c>
      <c r="C16" s="110">
        <v>1562128</v>
      </c>
      <c r="D16" s="114">
        <v>2045719</v>
      </c>
      <c r="E16" s="113">
        <v>3607847</v>
      </c>
      <c r="F16" s="172">
        <v>0</v>
      </c>
      <c r="G16" s="114">
        <v>17950855</v>
      </c>
      <c r="H16" s="114">
        <v>15410198</v>
      </c>
      <c r="I16" s="114">
        <v>12448033</v>
      </c>
      <c r="J16" s="114">
        <v>13116690</v>
      </c>
      <c r="K16" s="114">
        <v>12889494</v>
      </c>
      <c r="L16" s="109">
        <v>71815270</v>
      </c>
      <c r="M16" s="116">
        <v>75423117</v>
      </c>
      <c r="N16" s="110">
        <v>472761</v>
      </c>
      <c r="O16" s="114">
        <v>892605</v>
      </c>
      <c r="P16" s="113">
        <v>1365366</v>
      </c>
      <c r="Q16" s="110">
        <v>0</v>
      </c>
      <c r="R16" s="114">
        <v>6870449</v>
      </c>
      <c r="S16" s="114">
        <v>4609975</v>
      </c>
      <c r="T16" s="114">
        <v>4516404</v>
      </c>
      <c r="U16" s="114">
        <v>5824294</v>
      </c>
      <c r="V16" s="114">
        <v>6435979</v>
      </c>
      <c r="W16" s="113">
        <v>28257101</v>
      </c>
      <c r="X16" s="116">
        <v>29622467</v>
      </c>
      <c r="Y16" s="110">
        <v>0</v>
      </c>
      <c r="Z16" s="114">
        <v>0</v>
      </c>
      <c r="AA16" s="113">
        <v>0</v>
      </c>
      <c r="AB16" s="110">
        <v>0</v>
      </c>
      <c r="AC16" s="114">
        <v>3174086</v>
      </c>
      <c r="AD16" s="114">
        <v>2166826</v>
      </c>
      <c r="AE16" s="114">
        <v>2862710</v>
      </c>
      <c r="AF16" s="114">
        <v>4010222</v>
      </c>
      <c r="AG16" s="114">
        <v>4210746</v>
      </c>
      <c r="AH16" s="113">
        <v>16424590</v>
      </c>
      <c r="AI16" s="116">
        <v>16424590</v>
      </c>
      <c r="AJ16" s="110">
        <v>0</v>
      </c>
      <c r="AK16" s="114">
        <v>0</v>
      </c>
      <c r="AL16" s="113">
        <v>0</v>
      </c>
      <c r="AM16" s="110">
        <v>0</v>
      </c>
      <c r="AN16" s="114">
        <v>0</v>
      </c>
      <c r="AO16" s="114">
        <v>52389</v>
      </c>
      <c r="AP16" s="114">
        <v>124365</v>
      </c>
      <c r="AQ16" s="114">
        <v>96122</v>
      </c>
      <c r="AR16" s="114">
        <v>345582</v>
      </c>
      <c r="AS16" s="113">
        <v>618458</v>
      </c>
      <c r="AT16" s="116">
        <v>618458</v>
      </c>
      <c r="AU16" s="110">
        <v>215006</v>
      </c>
      <c r="AV16" s="114">
        <v>665870</v>
      </c>
      <c r="AW16" s="113">
        <v>880876</v>
      </c>
      <c r="AX16" s="110">
        <v>0</v>
      </c>
      <c r="AY16" s="114">
        <v>2273540</v>
      </c>
      <c r="AZ16" s="114">
        <v>1256598</v>
      </c>
      <c r="BA16" s="114">
        <v>642543</v>
      </c>
      <c r="BB16" s="114">
        <v>808992</v>
      </c>
      <c r="BC16" s="114">
        <v>905837</v>
      </c>
      <c r="BD16" s="113">
        <v>5887510</v>
      </c>
      <c r="BE16" s="116">
        <v>6768386</v>
      </c>
      <c r="BF16" s="110">
        <v>37010</v>
      </c>
      <c r="BG16" s="114">
        <v>85258</v>
      </c>
      <c r="BH16" s="112">
        <v>122268</v>
      </c>
      <c r="BI16" s="111">
        <v>0</v>
      </c>
      <c r="BJ16" s="114">
        <v>232053</v>
      </c>
      <c r="BK16" s="114">
        <v>257601</v>
      </c>
      <c r="BL16" s="114">
        <v>121812</v>
      </c>
      <c r="BM16" s="114">
        <v>18684</v>
      </c>
      <c r="BN16" s="114">
        <v>60545</v>
      </c>
      <c r="BO16" s="113">
        <v>690695</v>
      </c>
      <c r="BP16" s="116">
        <v>812963</v>
      </c>
      <c r="BQ16" s="110">
        <v>220745</v>
      </c>
      <c r="BR16" s="114">
        <v>141477</v>
      </c>
      <c r="BS16" s="113">
        <v>362222</v>
      </c>
      <c r="BT16" s="110">
        <v>0</v>
      </c>
      <c r="BU16" s="114">
        <v>1190770</v>
      </c>
      <c r="BV16" s="114">
        <v>876561</v>
      </c>
      <c r="BW16" s="114">
        <v>764974</v>
      </c>
      <c r="BX16" s="114">
        <v>890274</v>
      </c>
      <c r="BY16" s="114">
        <v>913269</v>
      </c>
      <c r="BZ16" s="113">
        <v>4635848</v>
      </c>
      <c r="CA16" s="116">
        <v>4998070</v>
      </c>
      <c r="CB16" s="110">
        <v>71867</v>
      </c>
      <c r="CC16" s="114">
        <v>205756</v>
      </c>
      <c r="CD16" s="113">
        <v>277623</v>
      </c>
      <c r="CE16" s="110">
        <v>0</v>
      </c>
      <c r="CF16" s="114">
        <v>5055878</v>
      </c>
      <c r="CG16" s="114">
        <v>3924897</v>
      </c>
      <c r="CH16" s="114">
        <v>2466190</v>
      </c>
      <c r="CI16" s="114">
        <v>1041813</v>
      </c>
      <c r="CJ16" s="114">
        <v>438771</v>
      </c>
      <c r="CK16" s="113">
        <v>12927549</v>
      </c>
      <c r="CL16" s="116">
        <v>13205172</v>
      </c>
      <c r="CM16" s="110">
        <v>0</v>
      </c>
      <c r="CN16" s="114">
        <v>0</v>
      </c>
      <c r="CO16" s="113">
        <v>0</v>
      </c>
      <c r="CP16" s="111">
        <v>0</v>
      </c>
      <c r="CQ16" s="114">
        <v>4128384</v>
      </c>
      <c r="CR16" s="114">
        <v>3063954</v>
      </c>
      <c r="CS16" s="114">
        <v>2319874</v>
      </c>
      <c r="CT16" s="114">
        <v>885121</v>
      </c>
      <c r="CU16" s="114">
        <v>432347</v>
      </c>
      <c r="CV16" s="113">
        <v>10829680</v>
      </c>
      <c r="CW16" s="116">
        <v>10829680</v>
      </c>
      <c r="CX16" s="110">
        <v>71867</v>
      </c>
      <c r="CY16" s="114">
        <v>205756</v>
      </c>
      <c r="CZ16" s="113">
        <v>277623</v>
      </c>
      <c r="DA16" s="110">
        <v>0</v>
      </c>
      <c r="DB16" s="114">
        <v>927494</v>
      </c>
      <c r="DC16" s="114">
        <v>860943</v>
      </c>
      <c r="DD16" s="114">
        <v>146316</v>
      </c>
      <c r="DE16" s="114">
        <v>156692</v>
      </c>
      <c r="DF16" s="114">
        <v>6424</v>
      </c>
      <c r="DG16" s="113">
        <v>2097869</v>
      </c>
      <c r="DH16" s="116">
        <v>2375492</v>
      </c>
      <c r="DI16" s="110">
        <v>0</v>
      </c>
      <c r="DJ16" s="114">
        <v>0</v>
      </c>
      <c r="DK16" s="112">
        <v>0</v>
      </c>
      <c r="DL16" s="111">
        <v>0</v>
      </c>
      <c r="DM16" s="114">
        <v>360183</v>
      </c>
      <c r="DN16" s="114">
        <v>673908</v>
      </c>
      <c r="DO16" s="114">
        <v>1394519</v>
      </c>
      <c r="DP16" s="114">
        <v>1013404</v>
      </c>
      <c r="DQ16" s="114">
        <v>309581</v>
      </c>
      <c r="DR16" s="113">
        <v>3751595</v>
      </c>
      <c r="DS16" s="116">
        <v>3751595</v>
      </c>
      <c r="DT16" s="110">
        <v>0</v>
      </c>
      <c r="DU16" s="114">
        <v>0</v>
      </c>
      <c r="DV16" s="113">
        <v>0</v>
      </c>
      <c r="DW16" s="110">
        <v>0</v>
      </c>
      <c r="DX16" s="114">
        <v>274798</v>
      </c>
      <c r="DY16" s="114">
        <v>535015</v>
      </c>
      <c r="DZ16" s="114">
        <v>1394519</v>
      </c>
      <c r="EA16" s="114">
        <v>1013404</v>
      </c>
      <c r="EB16" s="114">
        <v>309581</v>
      </c>
      <c r="EC16" s="113">
        <v>3527317</v>
      </c>
      <c r="ED16" s="116">
        <v>3527317</v>
      </c>
      <c r="EE16" s="110">
        <v>0</v>
      </c>
      <c r="EF16" s="112">
        <v>0</v>
      </c>
      <c r="EG16" s="113">
        <v>0</v>
      </c>
      <c r="EH16" s="110">
        <v>0</v>
      </c>
      <c r="EI16" s="114">
        <v>85385</v>
      </c>
      <c r="EJ16" s="114">
        <v>138893</v>
      </c>
      <c r="EK16" s="114">
        <v>0</v>
      </c>
      <c r="EL16" s="114">
        <v>0</v>
      </c>
      <c r="EM16" s="114">
        <v>0</v>
      </c>
      <c r="EN16" s="112">
        <v>224278</v>
      </c>
      <c r="EO16" s="116">
        <v>224278</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5"/>
      <c r="FE16" s="114">
        <v>0</v>
      </c>
      <c r="FF16" s="114">
        <v>0</v>
      </c>
      <c r="FG16" s="114">
        <v>0</v>
      </c>
      <c r="FH16" s="114">
        <v>0</v>
      </c>
      <c r="FI16" s="114">
        <v>0</v>
      </c>
      <c r="FJ16" s="113">
        <v>0</v>
      </c>
      <c r="FK16" s="116">
        <v>0</v>
      </c>
      <c r="FL16" s="110">
        <v>373296</v>
      </c>
      <c r="FM16" s="114">
        <v>552356</v>
      </c>
      <c r="FN16" s="113">
        <v>925652</v>
      </c>
      <c r="FO16" s="110">
        <v>0</v>
      </c>
      <c r="FP16" s="114">
        <v>1032785</v>
      </c>
      <c r="FQ16" s="114">
        <v>1450029</v>
      </c>
      <c r="FR16" s="114">
        <v>924238</v>
      </c>
      <c r="FS16" s="114">
        <v>697676</v>
      </c>
      <c r="FT16" s="114">
        <v>744933</v>
      </c>
      <c r="FU16" s="113">
        <v>4849661</v>
      </c>
      <c r="FV16" s="116">
        <v>5775313</v>
      </c>
      <c r="FW16" s="115">
        <v>256256</v>
      </c>
      <c r="FX16" s="114">
        <v>504154</v>
      </c>
      <c r="FY16" s="112">
        <v>760410</v>
      </c>
      <c r="FZ16" s="111">
        <v>0</v>
      </c>
      <c r="GA16" s="114">
        <v>817073</v>
      </c>
      <c r="GB16" s="114">
        <v>1202873</v>
      </c>
      <c r="GC16" s="114">
        <v>829738</v>
      </c>
      <c r="GD16" s="114">
        <v>678776</v>
      </c>
      <c r="GE16" s="114">
        <v>744933</v>
      </c>
      <c r="GF16" s="113">
        <v>4273393</v>
      </c>
      <c r="GG16" s="316">
        <v>5033803</v>
      </c>
      <c r="GH16" s="115">
        <v>43120</v>
      </c>
      <c r="GI16" s="114">
        <v>16170</v>
      </c>
      <c r="GJ16" s="112">
        <v>59290</v>
      </c>
      <c r="GK16" s="111">
        <v>0</v>
      </c>
      <c r="GL16" s="114">
        <v>19712</v>
      </c>
      <c r="GM16" s="114">
        <v>23100</v>
      </c>
      <c r="GN16" s="114">
        <v>0</v>
      </c>
      <c r="GO16" s="114">
        <v>18900</v>
      </c>
      <c r="GP16" s="114">
        <v>0</v>
      </c>
      <c r="GQ16" s="113">
        <v>61712</v>
      </c>
      <c r="GR16" s="116">
        <v>121002</v>
      </c>
      <c r="GS16" s="110">
        <v>73920</v>
      </c>
      <c r="GT16" s="114">
        <v>32032</v>
      </c>
      <c r="GU16" s="113">
        <v>105952</v>
      </c>
      <c r="GV16" s="110">
        <v>0</v>
      </c>
      <c r="GW16" s="114">
        <v>196000</v>
      </c>
      <c r="GX16" s="114">
        <v>224056</v>
      </c>
      <c r="GY16" s="114">
        <v>94500</v>
      </c>
      <c r="GZ16" s="114">
        <v>0</v>
      </c>
      <c r="HA16" s="114">
        <v>0</v>
      </c>
      <c r="HB16" s="112">
        <v>514556</v>
      </c>
      <c r="HC16" s="116">
        <v>620508</v>
      </c>
      <c r="HD16" s="110">
        <v>644204</v>
      </c>
      <c r="HE16" s="114">
        <v>395002</v>
      </c>
      <c r="HF16" s="112">
        <v>1039206</v>
      </c>
      <c r="HG16" s="111">
        <v>0</v>
      </c>
      <c r="HH16" s="114">
        <v>4631560</v>
      </c>
      <c r="HI16" s="114">
        <v>4751389</v>
      </c>
      <c r="HJ16" s="114">
        <v>3146682</v>
      </c>
      <c r="HK16" s="114">
        <v>4539503</v>
      </c>
      <c r="HL16" s="114">
        <v>4960230</v>
      </c>
      <c r="HM16" s="113">
        <v>22029364</v>
      </c>
      <c r="HN16" s="109">
        <v>23068570</v>
      </c>
      <c r="HO16" s="326"/>
      <c r="HP16" s="327"/>
      <c r="HQ16" s="328"/>
      <c r="HR16" s="329"/>
      <c r="HS16" s="327"/>
      <c r="HT16" s="327"/>
      <c r="HU16" s="327"/>
      <c r="HV16" s="327"/>
      <c r="HW16" s="327"/>
      <c r="HX16" s="330"/>
      <c r="HY16" s="331"/>
      <c r="HZ16" s="150">
        <v>40399</v>
      </c>
      <c r="IA16" s="135">
        <v>70030</v>
      </c>
      <c r="IB16" s="150">
        <v>110429</v>
      </c>
      <c r="IC16" s="134">
        <v>0</v>
      </c>
      <c r="ID16" s="135">
        <v>2540103</v>
      </c>
      <c r="IE16" s="136">
        <v>2682844</v>
      </c>
      <c r="IF16" s="137">
        <v>4930254</v>
      </c>
      <c r="IG16" s="135">
        <v>3017355</v>
      </c>
      <c r="IH16" s="137">
        <v>2836869</v>
      </c>
      <c r="II16" s="138">
        <v>16007425</v>
      </c>
      <c r="IJ16" s="150">
        <v>16117854</v>
      </c>
      <c r="IK16" s="232">
        <v>0</v>
      </c>
      <c r="IL16" s="236">
        <v>0</v>
      </c>
      <c r="IM16" s="237">
        <v>0</v>
      </c>
      <c r="IN16" s="140"/>
      <c r="IO16" s="119">
        <v>0</v>
      </c>
      <c r="IP16" s="119">
        <v>109608</v>
      </c>
      <c r="IQ16" s="119">
        <v>244294</v>
      </c>
      <c r="IR16" s="119">
        <v>0</v>
      </c>
      <c r="IS16" s="119">
        <v>0</v>
      </c>
      <c r="IT16" s="141">
        <v>353902</v>
      </c>
      <c r="IU16" s="318">
        <v>353902</v>
      </c>
      <c r="IV16" s="142">
        <v>0</v>
      </c>
      <c r="IW16" s="119">
        <v>0</v>
      </c>
      <c r="IX16" s="120">
        <v>0</v>
      </c>
      <c r="IY16" s="144"/>
      <c r="IZ16" s="119">
        <v>0</v>
      </c>
      <c r="JA16" s="119">
        <v>9355</v>
      </c>
      <c r="JB16" s="119">
        <v>9355</v>
      </c>
      <c r="JC16" s="119">
        <v>0</v>
      </c>
      <c r="JD16" s="119">
        <v>0</v>
      </c>
      <c r="JE16" s="120">
        <v>18710</v>
      </c>
      <c r="JF16" s="121">
        <v>18710</v>
      </c>
      <c r="JG16" s="142">
        <v>0</v>
      </c>
      <c r="JH16" s="119">
        <v>0</v>
      </c>
      <c r="JI16" s="141">
        <v>0</v>
      </c>
      <c r="JJ16" s="118">
        <v>0</v>
      </c>
      <c r="JK16" s="119">
        <v>1053582</v>
      </c>
      <c r="JL16" s="119">
        <v>847924</v>
      </c>
      <c r="JM16" s="119">
        <v>177490</v>
      </c>
      <c r="JN16" s="119">
        <v>408113</v>
      </c>
      <c r="JO16" s="119">
        <v>233947</v>
      </c>
      <c r="JP16" s="120">
        <v>2721056</v>
      </c>
      <c r="JQ16" s="318">
        <v>2721056</v>
      </c>
      <c r="JR16" s="142">
        <v>0</v>
      </c>
      <c r="JS16" s="119">
        <v>0</v>
      </c>
      <c r="JT16" s="141">
        <v>0</v>
      </c>
      <c r="JU16" s="118">
        <v>0</v>
      </c>
      <c r="JV16" s="119">
        <v>0</v>
      </c>
      <c r="JW16" s="119">
        <v>346749</v>
      </c>
      <c r="JX16" s="119">
        <v>392870</v>
      </c>
      <c r="JY16" s="119">
        <v>0</v>
      </c>
      <c r="JZ16" s="119">
        <v>0</v>
      </c>
      <c r="KA16" s="120">
        <v>739619</v>
      </c>
      <c r="KB16" s="318">
        <v>739619</v>
      </c>
      <c r="KC16" s="234">
        <v>40399</v>
      </c>
      <c r="KD16" s="230">
        <v>70030</v>
      </c>
      <c r="KE16" s="120">
        <v>110429</v>
      </c>
      <c r="KF16" s="118">
        <v>0</v>
      </c>
      <c r="KG16" s="119">
        <v>507483</v>
      </c>
      <c r="KH16" s="119">
        <v>147844</v>
      </c>
      <c r="KI16" s="119">
        <v>823929</v>
      </c>
      <c r="KJ16" s="119">
        <v>214308</v>
      </c>
      <c r="KK16" s="119">
        <v>485059</v>
      </c>
      <c r="KL16" s="120">
        <v>2178623</v>
      </c>
      <c r="KM16" s="143">
        <v>2289052</v>
      </c>
      <c r="KN16" s="232">
        <v>0</v>
      </c>
      <c r="KO16" s="236">
        <v>0</v>
      </c>
      <c r="KP16" s="237">
        <v>0</v>
      </c>
      <c r="KQ16" s="140"/>
      <c r="KR16" s="119">
        <v>159704</v>
      </c>
      <c r="KS16" s="119">
        <v>1070890</v>
      </c>
      <c r="KT16" s="119">
        <v>1976108</v>
      </c>
      <c r="KU16" s="119">
        <v>1351451</v>
      </c>
      <c r="KV16" s="119">
        <v>1211286</v>
      </c>
      <c r="KW16" s="120">
        <v>5769439</v>
      </c>
      <c r="KX16" s="318">
        <v>5769439</v>
      </c>
      <c r="KY16" s="142">
        <v>0</v>
      </c>
      <c r="KZ16" s="119">
        <v>0</v>
      </c>
      <c r="LA16" s="120">
        <v>0</v>
      </c>
      <c r="LB16" s="145"/>
      <c r="LC16" s="119">
        <v>672915</v>
      </c>
      <c r="LD16" s="119">
        <v>150474</v>
      </c>
      <c r="LE16" s="119">
        <v>840550</v>
      </c>
      <c r="LF16" s="119">
        <v>344315</v>
      </c>
      <c r="LG16" s="119">
        <v>602352</v>
      </c>
      <c r="LH16" s="120">
        <v>2610606</v>
      </c>
      <c r="LI16" s="121">
        <v>2610606</v>
      </c>
      <c r="LJ16" s="142">
        <v>0</v>
      </c>
      <c r="LK16" s="119">
        <v>0</v>
      </c>
      <c r="LL16" s="120">
        <v>0</v>
      </c>
      <c r="LM16" s="145"/>
      <c r="LN16" s="119">
        <v>0</v>
      </c>
      <c r="LO16" s="119">
        <v>0</v>
      </c>
      <c r="LP16" s="119">
        <v>0</v>
      </c>
      <c r="LQ16" s="119">
        <v>699168</v>
      </c>
      <c r="LR16" s="119">
        <v>0</v>
      </c>
      <c r="LS16" s="120">
        <v>699168</v>
      </c>
      <c r="LT16" s="318">
        <v>699168</v>
      </c>
      <c r="LU16" s="142">
        <v>0</v>
      </c>
      <c r="LV16" s="119">
        <v>0</v>
      </c>
      <c r="LW16" s="120">
        <v>0</v>
      </c>
      <c r="LX16" s="145"/>
      <c r="LY16" s="119">
        <v>146419</v>
      </c>
      <c r="LZ16" s="119">
        <v>0</v>
      </c>
      <c r="MA16" s="119">
        <v>465658</v>
      </c>
      <c r="MB16" s="119">
        <v>0</v>
      </c>
      <c r="MC16" s="119">
        <v>304225</v>
      </c>
      <c r="MD16" s="120">
        <v>916302</v>
      </c>
      <c r="ME16" s="121">
        <v>916302</v>
      </c>
      <c r="MF16" s="142">
        <v>0</v>
      </c>
      <c r="MG16" s="119">
        <v>0</v>
      </c>
      <c r="MH16" s="120">
        <v>0</v>
      </c>
      <c r="MI16" s="145"/>
      <c r="MJ16" s="119">
        <v>332740</v>
      </c>
      <c r="MK16" s="119">
        <v>440537</v>
      </c>
      <c r="ML16" s="119">
        <v>4198531</v>
      </c>
      <c r="MM16" s="119">
        <v>4486715</v>
      </c>
      <c r="MN16" s="119">
        <v>5439875</v>
      </c>
      <c r="MO16" s="120">
        <v>14898398</v>
      </c>
      <c r="MP16" s="143">
        <v>14898398</v>
      </c>
      <c r="MQ16" s="142">
        <v>0</v>
      </c>
      <c r="MR16" s="119">
        <v>0</v>
      </c>
      <c r="MS16" s="120">
        <v>0</v>
      </c>
      <c r="MT16" s="145"/>
      <c r="MU16" s="119">
        <v>0</v>
      </c>
      <c r="MV16" s="119">
        <v>0</v>
      </c>
      <c r="MW16" s="119">
        <v>2617040</v>
      </c>
      <c r="MX16" s="119">
        <v>3321318</v>
      </c>
      <c r="MY16" s="119">
        <v>4541321</v>
      </c>
      <c r="MZ16" s="120">
        <v>10479679</v>
      </c>
      <c r="NA16" s="143">
        <v>10479679</v>
      </c>
      <c r="NB16" s="142">
        <v>0</v>
      </c>
      <c r="NC16" s="119">
        <v>0</v>
      </c>
      <c r="ND16" s="120">
        <v>0</v>
      </c>
      <c r="NE16" s="145">
        <v>0</v>
      </c>
      <c r="NF16" s="119">
        <v>332740</v>
      </c>
      <c r="NG16" s="119">
        <v>440537</v>
      </c>
      <c r="NH16" s="119">
        <v>1581491</v>
      </c>
      <c r="NI16" s="119">
        <v>1165397</v>
      </c>
      <c r="NJ16" s="119">
        <v>288892</v>
      </c>
      <c r="NK16" s="120">
        <v>3809057</v>
      </c>
      <c r="NL16" s="318">
        <v>3809057</v>
      </c>
      <c r="NM16" s="142">
        <v>0</v>
      </c>
      <c r="NN16" s="119">
        <v>0</v>
      </c>
      <c r="NO16" s="120">
        <v>0</v>
      </c>
      <c r="NP16" s="145"/>
      <c r="NQ16" s="119">
        <v>0</v>
      </c>
      <c r="NR16" s="119">
        <v>0</v>
      </c>
      <c r="NS16" s="119">
        <v>0</v>
      </c>
      <c r="NT16" s="119">
        <v>0</v>
      </c>
      <c r="NU16" s="119">
        <v>298102</v>
      </c>
      <c r="NV16" s="120">
        <v>298102</v>
      </c>
      <c r="NW16" s="121">
        <v>298102</v>
      </c>
      <c r="NX16" s="142">
        <v>0</v>
      </c>
      <c r="NY16" s="119">
        <v>0</v>
      </c>
      <c r="NZ16" s="120">
        <v>0</v>
      </c>
      <c r="OA16" s="145"/>
      <c r="OB16" s="119">
        <v>0</v>
      </c>
      <c r="OC16" s="119">
        <v>0</v>
      </c>
      <c r="OD16" s="119">
        <v>0</v>
      </c>
      <c r="OE16" s="119">
        <v>0</v>
      </c>
      <c r="OF16" s="119">
        <v>311560</v>
      </c>
      <c r="OG16" s="120">
        <v>311560</v>
      </c>
      <c r="OH16" s="121">
        <v>311560</v>
      </c>
      <c r="OI16" s="142">
        <v>1602527</v>
      </c>
      <c r="OJ16" s="119">
        <v>2115749</v>
      </c>
      <c r="OK16" s="141">
        <v>3718276</v>
      </c>
      <c r="OL16" s="118">
        <v>0</v>
      </c>
      <c r="OM16" s="119">
        <v>20823698</v>
      </c>
      <c r="ON16" s="119">
        <v>18533579</v>
      </c>
      <c r="OO16" s="119">
        <v>21576818</v>
      </c>
      <c r="OP16" s="119">
        <v>20620760</v>
      </c>
      <c r="OQ16" s="119">
        <v>21166238</v>
      </c>
      <c r="OR16" s="120">
        <v>102721093</v>
      </c>
      <c r="OS16" s="143">
        <v>106439369</v>
      </c>
    </row>
    <row r="17" spans="2:409" ht="21" customHeight="1" x14ac:dyDescent="0.2">
      <c r="B17" s="126" t="s">
        <v>11</v>
      </c>
      <c r="C17" s="110">
        <v>364755</v>
      </c>
      <c r="D17" s="114">
        <v>457604</v>
      </c>
      <c r="E17" s="171">
        <v>822359</v>
      </c>
      <c r="F17" s="111">
        <v>0</v>
      </c>
      <c r="G17" s="114">
        <v>5478312</v>
      </c>
      <c r="H17" s="114">
        <v>3917309</v>
      </c>
      <c r="I17" s="114">
        <v>5469822</v>
      </c>
      <c r="J17" s="114">
        <v>7003001</v>
      </c>
      <c r="K17" s="114">
        <v>3100783</v>
      </c>
      <c r="L17" s="109">
        <v>24969227</v>
      </c>
      <c r="M17" s="116">
        <v>25791586</v>
      </c>
      <c r="N17" s="110">
        <v>65325</v>
      </c>
      <c r="O17" s="114">
        <v>19042</v>
      </c>
      <c r="P17" s="113">
        <v>84367</v>
      </c>
      <c r="Q17" s="110">
        <v>0</v>
      </c>
      <c r="R17" s="114">
        <v>1291254</v>
      </c>
      <c r="S17" s="114">
        <v>1260257</v>
      </c>
      <c r="T17" s="114">
        <v>1004678</v>
      </c>
      <c r="U17" s="114">
        <v>2213835</v>
      </c>
      <c r="V17" s="114">
        <v>910741</v>
      </c>
      <c r="W17" s="113">
        <v>6680765</v>
      </c>
      <c r="X17" s="116">
        <v>6765132</v>
      </c>
      <c r="Y17" s="110">
        <v>0</v>
      </c>
      <c r="Z17" s="114">
        <v>0</v>
      </c>
      <c r="AA17" s="113">
        <v>0</v>
      </c>
      <c r="AB17" s="110">
        <v>0</v>
      </c>
      <c r="AC17" s="114">
        <v>440776</v>
      </c>
      <c r="AD17" s="114">
        <v>439978</v>
      </c>
      <c r="AE17" s="114">
        <v>358007</v>
      </c>
      <c r="AF17" s="114">
        <v>966614</v>
      </c>
      <c r="AG17" s="114">
        <v>563919</v>
      </c>
      <c r="AH17" s="113">
        <v>2769294</v>
      </c>
      <c r="AI17" s="116">
        <v>2769294</v>
      </c>
      <c r="AJ17" s="110">
        <v>0</v>
      </c>
      <c r="AK17" s="114">
        <v>0</v>
      </c>
      <c r="AL17" s="113">
        <v>0</v>
      </c>
      <c r="AM17" s="110">
        <v>0</v>
      </c>
      <c r="AN17" s="114">
        <v>0</v>
      </c>
      <c r="AO17" s="114">
        <v>0</v>
      </c>
      <c r="AP17" s="114">
        <v>41958</v>
      </c>
      <c r="AQ17" s="114">
        <v>206626</v>
      </c>
      <c r="AR17" s="114">
        <v>131236</v>
      </c>
      <c r="AS17" s="113">
        <v>379820</v>
      </c>
      <c r="AT17" s="116">
        <v>379820</v>
      </c>
      <c r="AU17" s="110">
        <v>34581</v>
      </c>
      <c r="AV17" s="114">
        <v>16956</v>
      </c>
      <c r="AW17" s="113">
        <v>51537</v>
      </c>
      <c r="AX17" s="110">
        <v>0</v>
      </c>
      <c r="AY17" s="114">
        <v>538530</v>
      </c>
      <c r="AZ17" s="114">
        <v>575088</v>
      </c>
      <c r="BA17" s="114">
        <v>342584</v>
      </c>
      <c r="BB17" s="114">
        <v>654237</v>
      </c>
      <c r="BC17" s="114">
        <v>72037</v>
      </c>
      <c r="BD17" s="113">
        <v>2182476</v>
      </c>
      <c r="BE17" s="116">
        <v>2234013</v>
      </c>
      <c r="BF17" s="110">
        <v>0</v>
      </c>
      <c r="BG17" s="114">
        <v>0</v>
      </c>
      <c r="BH17" s="112">
        <v>0</v>
      </c>
      <c r="BI17" s="111">
        <v>0</v>
      </c>
      <c r="BJ17" s="114">
        <v>53536</v>
      </c>
      <c r="BK17" s="114">
        <v>21814</v>
      </c>
      <c r="BL17" s="114">
        <v>0</v>
      </c>
      <c r="BM17" s="114">
        <v>46844</v>
      </c>
      <c r="BN17" s="114">
        <v>39795</v>
      </c>
      <c r="BO17" s="113">
        <v>161989</v>
      </c>
      <c r="BP17" s="116">
        <v>161989</v>
      </c>
      <c r="BQ17" s="110">
        <v>30744</v>
      </c>
      <c r="BR17" s="114">
        <v>2086</v>
      </c>
      <c r="BS17" s="113">
        <v>32830</v>
      </c>
      <c r="BT17" s="110">
        <v>0</v>
      </c>
      <c r="BU17" s="114">
        <v>258412</v>
      </c>
      <c r="BV17" s="114">
        <v>223377</v>
      </c>
      <c r="BW17" s="114">
        <v>262129</v>
      </c>
      <c r="BX17" s="114">
        <v>339514</v>
      </c>
      <c r="BY17" s="114">
        <v>103754</v>
      </c>
      <c r="BZ17" s="113">
        <v>1187186</v>
      </c>
      <c r="CA17" s="116">
        <v>1220016</v>
      </c>
      <c r="CB17" s="110">
        <v>73027</v>
      </c>
      <c r="CC17" s="114">
        <v>201228</v>
      </c>
      <c r="CD17" s="113">
        <v>274255</v>
      </c>
      <c r="CE17" s="110">
        <v>0</v>
      </c>
      <c r="CF17" s="114">
        <v>941953</v>
      </c>
      <c r="CG17" s="114">
        <v>1128186</v>
      </c>
      <c r="CH17" s="114">
        <v>1126490</v>
      </c>
      <c r="CI17" s="114">
        <v>777704</v>
      </c>
      <c r="CJ17" s="114">
        <v>272652</v>
      </c>
      <c r="CK17" s="113">
        <v>4246985</v>
      </c>
      <c r="CL17" s="116">
        <v>4521240</v>
      </c>
      <c r="CM17" s="110">
        <v>0</v>
      </c>
      <c r="CN17" s="114">
        <v>0</v>
      </c>
      <c r="CO17" s="113">
        <v>0</v>
      </c>
      <c r="CP17" s="111">
        <v>0</v>
      </c>
      <c r="CQ17" s="114">
        <v>561379</v>
      </c>
      <c r="CR17" s="114">
        <v>731878</v>
      </c>
      <c r="CS17" s="114">
        <v>716886</v>
      </c>
      <c r="CT17" s="114">
        <v>733049</v>
      </c>
      <c r="CU17" s="114">
        <v>185806</v>
      </c>
      <c r="CV17" s="113">
        <v>2928998</v>
      </c>
      <c r="CW17" s="116">
        <v>2928998</v>
      </c>
      <c r="CX17" s="110">
        <v>73027</v>
      </c>
      <c r="CY17" s="114">
        <v>201228</v>
      </c>
      <c r="CZ17" s="113">
        <v>274255</v>
      </c>
      <c r="DA17" s="110">
        <v>0</v>
      </c>
      <c r="DB17" s="114">
        <v>380574</v>
      </c>
      <c r="DC17" s="114">
        <v>396308</v>
      </c>
      <c r="DD17" s="114">
        <v>409604</v>
      </c>
      <c r="DE17" s="114">
        <v>44655</v>
      </c>
      <c r="DF17" s="114">
        <v>86846</v>
      </c>
      <c r="DG17" s="113">
        <v>1317987</v>
      </c>
      <c r="DH17" s="116">
        <v>1592242</v>
      </c>
      <c r="DI17" s="110">
        <v>0</v>
      </c>
      <c r="DJ17" s="114">
        <v>0</v>
      </c>
      <c r="DK17" s="112">
        <v>0</v>
      </c>
      <c r="DL17" s="111">
        <v>0</v>
      </c>
      <c r="DM17" s="114">
        <v>178665</v>
      </c>
      <c r="DN17" s="114">
        <v>138268</v>
      </c>
      <c r="DO17" s="114">
        <v>498475</v>
      </c>
      <c r="DP17" s="114">
        <v>337270</v>
      </c>
      <c r="DQ17" s="114">
        <v>582512</v>
      </c>
      <c r="DR17" s="113">
        <v>1735190</v>
      </c>
      <c r="DS17" s="116">
        <v>1735190</v>
      </c>
      <c r="DT17" s="110">
        <v>0</v>
      </c>
      <c r="DU17" s="114">
        <v>0</v>
      </c>
      <c r="DV17" s="113">
        <v>0</v>
      </c>
      <c r="DW17" s="110">
        <v>0</v>
      </c>
      <c r="DX17" s="114">
        <v>178665</v>
      </c>
      <c r="DY17" s="114">
        <v>138268</v>
      </c>
      <c r="DZ17" s="114">
        <v>363478</v>
      </c>
      <c r="EA17" s="114">
        <v>303607</v>
      </c>
      <c r="EB17" s="114">
        <v>249345</v>
      </c>
      <c r="EC17" s="113">
        <v>1233363</v>
      </c>
      <c r="ED17" s="116">
        <v>1233363</v>
      </c>
      <c r="EE17" s="110">
        <v>0</v>
      </c>
      <c r="EF17" s="112">
        <v>0</v>
      </c>
      <c r="EG17" s="113">
        <v>0</v>
      </c>
      <c r="EH17" s="110">
        <v>0</v>
      </c>
      <c r="EI17" s="114">
        <v>0</v>
      </c>
      <c r="EJ17" s="114">
        <v>0</v>
      </c>
      <c r="EK17" s="114">
        <v>134997</v>
      </c>
      <c r="EL17" s="114">
        <v>33663</v>
      </c>
      <c r="EM17" s="114">
        <v>333167</v>
      </c>
      <c r="EN17" s="112">
        <v>501827</v>
      </c>
      <c r="EO17" s="116">
        <v>501827</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5"/>
      <c r="FE17" s="114">
        <v>0</v>
      </c>
      <c r="FF17" s="114">
        <v>0</v>
      </c>
      <c r="FG17" s="114">
        <v>0</v>
      </c>
      <c r="FH17" s="114">
        <v>0</v>
      </c>
      <c r="FI17" s="114">
        <v>0</v>
      </c>
      <c r="FJ17" s="113">
        <v>0</v>
      </c>
      <c r="FK17" s="116">
        <v>0</v>
      </c>
      <c r="FL17" s="110">
        <v>181468</v>
      </c>
      <c r="FM17" s="114">
        <v>104181</v>
      </c>
      <c r="FN17" s="113">
        <v>285649</v>
      </c>
      <c r="FO17" s="110">
        <v>0</v>
      </c>
      <c r="FP17" s="114">
        <v>415382</v>
      </c>
      <c r="FQ17" s="114">
        <v>320523</v>
      </c>
      <c r="FR17" s="114">
        <v>500675</v>
      </c>
      <c r="FS17" s="114">
        <v>566139</v>
      </c>
      <c r="FT17" s="114">
        <v>121632</v>
      </c>
      <c r="FU17" s="113">
        <v>1924351</v>
      </c>
      <c r="FV17" s="116">
        <v>2210000</v>
      </c>
      <c r="FW17" s="115">
        <v>41468</v>
      </c>
      <c r="FX17" s="114">
        <v>104181</v>
      </c>
      <c r="FY17" s="112">
        <v>145649</v>
      </c>
      <c r="FZ17" s="111">
        <v>0</v>
      </c>
      <c r="GA17" s="114">
        <v>230153</v>
      </c>
      <c r="GB17" s="114">
        <v>320523</v>
      </c>
      <c r="GC17" s="114">
        <v>500675</v>
      </c>
      <c r="GD17" s="114">
        <v>471919</v>
      </c>
      <c r="GE17" s="114">
        <v>121632</v>
      </c>
      <c r="GF17" s="113">
        <v>1644902</v>
      </c>
      <c r="GG17" s="316">
        <v>1790551</v>
      </c>
      <c r="GH17" s="115">
        <v>0</v>
      </c>
      <c r="GI17" s="114">
        <v>0</v>
      </c>
      <c r="GJ17" s="112">
        <v>0</v>
      </c>
      <c r="GK17" s="111">
        <v>0</v>
      </c>
      <c r="GL17" s="114">
        <v>33572</v>
      </c>
      <c r="GM17" s="114">
        <v>0</v>
      </c>
      <c r="GN17" s="114">
        <v>0</v>
      </c>
      <c r="GO17" s="114">
        <v>0</v>
      </c>
      <c r="GP17" s="114">
        <v>0</v>
      </c>
      <c r="GQ17" s="113">
        <v>33572</v>
      </c>
      <c r="GR17" s="116">
        <v>33572</v>
      </c>
      <c r="GS17" s="110">
        <v>140000</v>
      </c>
      <c r="GT17" s="114">
        <v>0</v>
      </c>
      <c r="GU17" s="113">
        <v>140000</v>
      </c>
      <c r="GV17" s="110">
        <v>0</v>
      </c>
      <c r="GW17" s="114">
        <v>151657</v>
      </c>
      <c r="GX17" s="114">
        <v>0</v>
      </c>
      <c r="GY17" s="114">
        <v>0</v>
      </c>
      <c r="GZ17" s="114">
        <v>94220</v>
      </c>
      <c r="HA17" s="114">
        <v>0</v>
      </c>
      <c r="HB17" s="112">
        <v>245877</v>
      </c>
      <c r="HC17" s="116">
        <v>385877</v>
      </c>
      <c r="HD17" s="110">
        <v>44935</v>
      </c>
      <c r="HE17" s="114">
        <v>133153</v>
      </c>
      <c r="HF17" s="112">
        <v>178088</v>
      </c>
      <c r="HG17" s="111">
        <v>0</v>
      </c>
      <c r="HH17" s="114">
        <v>2651058</v>
      </c>
      <c r="HI17" s="114">
        <v>1070075</v>
      </c>
      <c r="HJ17" s="114">
        <v>2339504</v>
      </c>
      <c r="HK17" s="114">
        <v>3108053</v>
      </c>
      <c r="HL17" s="114">
        <v>1213246</v>
      </c>
      <c r="HM17" s="113">
        <v>10381936</v>
      </c>
      <c r="HN17" s="109">
        <v>10560024</v>
      </c>
      <c r="HO17" s="326"/>
      <c r="HP17" s="327"/>
      <c r="HQ17" s="328"/>
      <c r="HR17" s="329"/>
      <c r="HS17" s="327"/>
      <c r="HT17" s="327"/>
      <c r="HU17" s="327"/>
      <c r="HV17" s="327"/>
      <c r="HW17" s="327"/>
      <c r="HX17" s="330"/>
      <c r="HY17" s="331"/>
      <c r="HZ17" s="131">
        <v>0</v>
      </c>
      <c r="IA17" s="132">
        <v>61362</v>
      </c>
      <c r="IB17" s="133">
        <v>61362</v>
      </c>
      <c r="IC17" s="146">
        <v>0</v>
      </c>
      <c r="ID17" s="132">
        <v>1033711</v>
      </c>
      <c r="IE17" s="147">
        <v>1286293</v>
      </c>
      <c r="IF17" s="133">
        <v>1087640</v>
      </c>
      <c r="IG17" s="132">
        <v>1424185</v>
      </c>
      <c r="IH17" s="133">
        <v>89784</v>
      </c>
      <c r="II17" s="148">
        <v>4921613</v>
      </c>
      <c r="IJ17" s="139">
        <v>4982975</v>
      </c>
      <c r="IK17" s="232">
        <v>0</v>
      </c>
      <c r="IL17" s="236">
        <v>0</v>
      </c>
      <c r="IM17" s="237">
        <v>0</v>
      </c>
      <c r="IN17" s="140"/>
      <c r="IO17" s="119">
        <v>68271</v>
      </c>
      <c r="IP17" s="119">
        <v>110554</v>
      </c>
      <c r="IQ17" s="119">
        <v>178523</v>
      </c>
      <c r="IR17" s="119">
        <v>201158</v>
      </c>
      <c r="IS17" s="119">
        <v>0</v>
      </c>
      <c r="IT17" s="141">
        <v>558506</v>
      </c>
      <c r="IU17" s="318">
        <v>558506</v>
      </c>
      <c r="IV17" s="142">
        <v>0</v>
      </c>
      <c r="IW17" s="119">
        <v>0</v>
      </c>
      <c r="IX17" s="120">
        <v>0</v>
      </c>
      <c r="IY17" s="144"/>
      <c r="IZ17" s="119">
        <v>14732</v>
      </c>
      <c r="JA17" s="119">
        <v>14732</v>
      </c>
      <c r="JB17" s="119">
        <v>0</v>
      </c>
      <c r="JC17" s="119">
        <v>0</v>
      </c>
      <c r="JD17" s="119">
        <v>0</v>
      </c>
      <c r="JE17" s="120">
        <v>29464</v>
      </c>
      <c r="JF17" s="121">
        <v>29464</v>
      </c>
      <c r="JG17" s="142">
        <v>0</v>
      </c>
      <c r="JH17" s="119">
        <v>0</v>
      </c>
      <c r="JI17" s="141">
        <v>0</v>
      </c>
      <c r="JJ17" s="118">
        <v>0</v>
      </c>
      <c r="JK17" s="119">
        <v>923716</v>
      </c>
      <c r="JL17" s="119">
        <v>515803</v>
      </c>
      <c r="JM17" s="119">
        <v>476354</v>
      </c>
      <c r="JN17" s="119">
        <v>102151</v>
      </c>
      <c r="JO17" s="119">
        <v>89784</v>
      </c>
      <c r="JP17" s="120">
        <v>2107808</v>
      </c>
      <c r="JQ17" s="318">
        <v>2107808</v>
      </c>
      <c r="JR17" s="142">
        <v>0</v>
      </c>
      <c r="JS17" s="119">
        <v>0</v>
      </c>
      <c r="JT17" s="141">
        <v>0</v>
      </c>
      <c r="JU17" s="118">
        <v>0</v>
      </c>
      <c r="JV17" s="119">
        <v>26992</v>
      </c>
      <c r="JW17" s="119">
        <v>0</v>
      </c>
      <c r="JX17" s="119">
        <v>0</v>
      </c>
      <c r="JY17" s="119">
        <v>0</v>
      </c>
      <c r="JZ17" s="119">
        <v>0</v>
      </c>
      <c r="KA17" s="120">
        <v>26992</v>
      </c>
      <c r="KB17" s="318">
        <v>26992</v>
      </c>
      <c r="KC17" s="234">
        <v>0</v>
      </c>
      <c r="KD17" s="230">
        <v>61362</v>
      </c>
      <c r="KE17" s="120">
        <v>61362</v>
      </c>
      <c r="KF17" s="118">
        <v>0</v>
      </c>
      <c r="KG17" s="119">
        <v>0</v>
      </c>
      <c r="KH17" s="119">
        <v>72727</v>
      </c>
      <c r="KI17" s="119">
        <v>215420</v>
      </c>
      <c r="KJ17" s="119">
        <v>0</v>
      </c>
      <c r="KK17" s="119">
        <v>0</v>
      </c>
      <c r="KL17" s="120">
        <v>288147</v>
      </c>
      <c r="KM17" s="143">
        <v>349509</v>
      </c>
      <c r="KN17" s="232">
        <v>0</v>
      </c>
      <c r="KO17" s="236">
        <v>0</v>
      </c>
      <c r="KP17" s="237">
        <v>0</v>
      </c>
      <c r="KQ17" s="140"/>
      <c r="KR17" s="119">
        <v>0</v>
      </c>
      <c r="KS17" s="119">
        <v>572477</v>
      </c>
      <c r="KT17" s="119">
        <v>217343</v>
      </c>
      <c r="KU17" s="119">
        <v>1120876</v>
      </c>
      <c r="KV17" s="119">
        <v>0</v>
      </c>
      <c r="KW17" s="120">
        <v>1910696</v>
      </c>
      <c r="KX17" s="318">
        <v>1910696</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18">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209106</v>
      </c>
      <c r="MK17" s="119">
        <v>225974</v>
      </c>
      <c r="ML17" s="119">
        <v>1575227</v>
      </c>
      <c r="MM17" s="119">
        <v>1871494</v>
      </c>
      <c r="MN17" s="119">
        <v>2649913</v>
      </c>
      <c r="MO17" s="120">
        <v>6531714</v>
      </c>
      <c r="MP17" s="143">
        <v>6531714</v>
      </c>
      <c r="MQ17" s="142">
        <v>0</v>
      </c>
      <c r="MR17" s="119">
        <v>0</v>
      </c>
      <c r="MS17" s="120">
        <v>0</v>
      </c>
      <c r="MT17" s="145"/>
      <c r="MU17" s="119">
        <v>0</v>
      </c>
      <c r="MV17" s="119">
        <v>0</v>
      </c>
      <c r="MW17" s="119">
        <v>421081</v>
      </c>
      <c r="MX17" s="119">
        <v>842323</v>
      </c>
      <c r="MY17" s="119">
        <v>2189713</v>
      </c>
      <c r="MZ17" s="120">
        <v>3453117</v>
      </c>
      <c r="NA17" s="143">
        <v>3453117</v>
      </c>
      <c r="NB17" s="142">
        <v>0</v>
      </c>
      <c r="NC17" s="119">
        <v>0</v>
      </c>
      <c r="ND17" s="120">
        <v>0</v>
      </c>
      <c r="NE17" s="145">
        <v>0</v>
      </c>
      <c r="NF17" s="119">
        <v>209106</v>
      </c>
      <c r="NG17" s="119">
        <v>225974</v>
      </c>
      <c r="NH17" s="119">
        <v>1154146</v>
      </c>
      <c r="NI17" s="119">
        <v>1029171</v>
      </c>
      <c r="NJ17" s="119">
        <v>460200</v>
      </c>
      <c r="NK17" s="120">
        <v>3078597</v>
      </c>
      <c r="NL17" s="318">
        <v>3078597</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364755</v>
      </c>
      <c r="OJ17" s="119">
        <v>518966</v>
      </c>
      <c r="OK17" s="141">
        <v>883721</v>
      </c>
      <c r="OL17" s="118">
        <v>0</v>
      </c>
      <c r="OM17" s="119">
        <v>6721129</v>
      </c>
      <c r="ON17" s="119">
        <v>5429576</v>
      </c>
      <c r="OO17" s="119">
        <v>8132689</v>
      </c>
      <c r="OP17" s="119">
        <v>10298680</v>
      </c>
      <c r="OQ17" s="119">
        <v>5840480</v>
      </c>
      <c r="OR17" s="120">
        <v>36422554</v>
      </c>
      <c r="OS17" s="143">
        <v>37306275</v>
      </c>
    </row>
    <row r="18" spans="2:409" ht="21" customHeight="1" x14ac:dyDescent="0.2">
      <c r="B18" s="126" t="s">
        <v>12</v>
      </c>
      <c r="C18" s="110">
        <v>1164079</v>
      </c>
      <c r="D18" s="114">
        <v>2043854</v>
      </c>
      <c r="E18" s="113">
        <v>3207933</v>
      </c>
      <c r="F18" s="109">
        <v>0</v>
      </c>
      <c r="G18" s="114">
        <v>5960996</v>
      </c>
      <c r="H18" s="170">
        <v>5881189</v>
      </c>
      <c r="I18" s="170">
        <v>7527115</v>
      </c>
      <c r="J18" s="170">
        <v>7844565</v>
      </c>
      <c r="K18" s="170">
        <v>5789677</v>
      </c>
      <c r="L18" s="112">
        <v>33003542</v>
      </c>
      <c r="M18" s="116">
        <v>36211475</v>
      </c>
      <c r="N18" s="110">
        <v>262164</v>
      </c>
      <c r="O18" s="114">
        <v>653336</v>
      </c>
      <c r="P18" s="113">
        <v>915500</v>
      </c>
      <c r="Q18" s="110">
        <v>0</v>
      </c>
      <c r="R18" s="114">
        <v>2085967</v>
      </c>
      <c r="S18" s="114">
        <v>2109916</v>
      </c>
      <c r="T18" s="114">
        <v>2917377</v>
      </c>
      <c r="U18" s="114">
        <v>2640781</v>
      </c>
      <c r="V18" s="114">
        <v>3166282</v>
      </c>
      <c r="W18" s="113">
        <v>12920323</v>
      </c>
      <c r="X18" s="116">
        <v>13835823</v>
      </c>
      <c r="Y18" s="110">
        <v>0</v>
      </c>
      <c r="Z18" s="114">
        <v>0</v>
      </c>
      <c r="AA18" s="113">
        <v>0</v>
      </c>
      <c r="AB18" s="110">
        <v>0</v>
      </c>
      <c r="AC18" s="114">
        <v>1140604</v>
      </c>
      <c r="AD18" s="114">
        <v>1520360</v>
      </c>
      <c r="AE18" s="114">
        <v>1993257</v>
      </c>
      <c r="AF18" s="114">
        <v>1670333</v>
      </c>
      <c r="AG18" s="114">
        <v>2118713</v>
      </c>
      <c r="AH18" s="113">
        <v>8443267</v>
      </c>
      <c r="AI18" s="116">
        <v>8443267</v>
      </c>
      <c r="AJ18" s="110">
        <v>0</v>
      </c>
      <c r="AK18" s="114">
        <v>0</v>
      </c>
      <c r="AL18" s="113">
        <v>0</v>
      </c>
      <c r="AM18" s="110">
        <v>0</v>
      </c>
      <c r="AN18" s="114">
        <v>0</v>
      </c>
      <c r="AO18" s="114">
        <v>53703</v>
      </c>
      <c r="AP18" s="114">
        <v>30693</v>
      </c>
      <c r="AQ18" s="114">
        <v>51149</v>
      </c>
      <c r="AR18" s="114">
        <v>419419</v>
      </c>
      <c r="AS18" s="113">
        <v>554964</v>
      </c>
      <c r="AT18" s="116">
        <v>554964</v>
      </c>
      <c r="AU18" s="110">
        <v>157031</v>
      </c>
      <c r="AV18" s="114">
        <v>515661</v>
      </c>
      <c r="AW18" s="113">
        <v>672692</v>
      </c>
      <c r="AX18" s="110">
        <v>0</v>
      </c>
      <c r="AY18" s="114">
        <v>674118</v>
      </c>
      <c r="AZ18" s="114">
        <v>290076</v>
      </c>
      <c r="BA18" s="114">
        <v>495209</v>
      </c>
      <c r="BB18" s="114">
        <v>464443</v>
      </c>
      <c r="BC18" s="114">
        <v>450245</v>
      </c>
      <c r="BD18" s="113">
        <v>2374091</v>
      </c>
      <c r="BE18" s="116">
        <v>3046783</v>
      </c>
      <c r="BF18" s="110">
        <v>0</v>
      </c>
      <c r="BG18" s="114">
        <v>60031</v>
      </c>
      <c r="BH18" s="112">
        <v>60031</v>
      </c>
      <c r="BI18" s="111">
        <v>0</v>
      </c>
      <c r="BJ18" s="114">
        <v>83211</v>
      </c>
      <c r="BK18" s="114">
        <v>69720</v>
      </c>
      <c r="BL18" s="114">
        <v>82784</v>
      </c>
      <c r="BM18" s="114">
        <v>43578</v>
      </c>
      <c r="BN18" s="114">
        <v>0</v>
      </c>
      <c r="BO18" s="113">
        <v>279293</v>
      </c>
      <c r="BP18" s="116">
        <v>339324</v>
      </c>
      <c r="BQ18" s="110">
        <v>105133</v>
      </c>
      <c r="BR18" s="114">
        <v>77644</v>
      </c>
      <c r="BS18" s="113">
        <v>182777</v>
      </c>
      <c r="BT18" s="110">
        <v>0</v>
      </c>
      <c r="BU18" s="114">
        <v>188034</v>
      </c>
      <c r="BV18" s="114">
        <v>176057</v>
      </c>
      <c r="BW18" s="114">
        <v>315434</v>
      </c>
      <c r="BX18" s="114">
        <v>411278</v>
      </c>
      <c r="BY18" s="114">
        <v>177905</v>
      </c>
      <c r="BZ18" s="113">
        <v>1268708</v>
      </c>
      <c r="CA18" s="116">
        <v>1451485</v>
      </c>
      <c r="CB18" s="110">
        <v>260120</v>
      </c>
      <c r="CC18" s="114">
        <v>240974</v>
      </c>
      <c r="CD18" s="113">
        <v>501094</v>
      </c>
      <c r="CE18" s="110">
        <v>0</v>
      </c>
      <c r="CF18" s="114">
        <v>2370679</v>
      </c>
      <c r="CG18" s="114">
        <v>1924292</v>
      </c>
      <c r="CH18" s="114">
        <v>1346684</v>
      </c>
      <c r="CI18" s="114">
        <v>1090763</v>
      </c>
      <c r="CJ18" s="114">
        <v>645065</v>
      </c>
      <c r="CK18" s="113">
        <v>7377483</v>
      </c>
      <c r="CL18" s="116">
        <v>7878577</v>
      </c>
      <c r="CM18" s="110">
        <v>0</v>
      </c>
      <c r="CN18" s="114">
        <v>0</v>
      </c>
      <c r="CO18" s="113">
        <v>0</v>
      </c>
      <c r="CP18" s="111">
        <v>0</v>
      </c>
      <c r="CQ18" s="114">
        <v>1727108</v>
      </c>
      <c r="CR18" s="114">
        <v>1387115</v>
      </c>
      <c r="CS18" s="114">
        <v>712925</v>
      </c>
      <c r="CT18" s="114">
        <v>719301</v>
      </c>
      <c r="CU18" s="114">
        <v>645065</v>
      </c>
      <c r="CV18" s="113">
        <v>5191514</v>
      </c>
      <c r="CW18" s="116">
        <v>5191514</v>
      </c>
      <c r="CX18" s="110">
        <v>260120</v>
      </c>
      <c r="CY18" s="114">
        <v>240974</v>
      </c>
      <c r="CZ18" s="113">
        <v>501094</v>
      </c>
      <c r="DA18" s="110">
        <v>0</v>
      </c>
      <c r="DB18" s="114">
        <v>643571</v>
      </c>
      <c r="DC18" s="114">
        <v>537177</v>
      </c>
      <c r="DD18" s="114">
        <v>633759</v>
      </c>
      <c r="DE18" s="114">
        <v>371462</v>
      </c>
      <c r="DF18" s="114">
        <v>0</v>
      </c>
      <c r="DG18" s="113">
        <v>2185969</v>
      </c>
      <c r="DH18" s="116">
        <v>2687063</v>
      </c>
      <c r="DI18" s="110">
        <v>43341</v>
      </c>
      <c r="DJ18" s="114">
        <v>17686</v>
      </c>
      <c r="DK18" s="112">
        <v>61027</v>
      </c>
      <c r="DL18" s="111">
        <v>0</v>
      </c>
      <c r="DM18" s="114">
        <v>401397</v>
      </c>
      <c r="DN18" s="114">
        <v>200868</v>
      </c>
      <c r="DO18" s="114">
        <v>784983</v>
      </c>
      <c r="DP18" s="114">
        <v>608573</v>
      </c>
      <c r="DQ18" s="114">
        <v>368839</v>
      </c>
      <c r="DR18" s="113">
        <v>2364660</v>
      </c>
      <c r="DS18" s="116">
        <v>2425687</v>
      </c>
      <c r="DT18" s="110">
        <v>43341</v>
      </c>
      <c r="DU18" s="114">
        <v>17686</v>
      </c>
      <c r="DV18" s="113">
        <v>61027</v>
      </c>
      <c r="DW18" s="110">
        <v>0</v>
      </c>
      <c r="DX18" s="114">
        <v>401397</v>
      </c>
      <c r="DY18" s="114">
        <v>200868</v>
      </c>
      <c r="DZ18" s="114">
        <v>784983</v>
      </c>
      <c r="EA18" s="114">
        <v>608573</v>
      </c>
      <c r="EB18" s="114">
        <v>368839</v>
      </c>
      <c r="EC18" s="113">
        <v>2364660</v>
      </c>
      <c r="ED18" s="116">
        <v>2425687</v>
      </c>
      <c r="EE18" s="110">
        <v>0</v>
      </c>
      <c r="EF18" s="112">
        <v>0</v>
      </c>
      <c r="EG18" s="113">
        <v>0</v>
      </c>
      <c r="EH18" s="110">
        <v>0</v>
      </c>
      <c r="EI18" s="114">
        <v>0</v>
      </c>
      <c r="EJ18" s="114">
        <v>0</v>
      </c>
      <c r="EK18" s="114">
        <v>0</v>
      </c>
      <c r="EL18" s="114">
        <v>0</v>
      </c>
      <c r="EM18" s="114">
        <v>0</v>
      </c>
      <c r="EN18" s="112">
        <v>0</v>
      </c>
      <c r="EO18" s="116">
        <v>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5"/>
      <c r="FE18" s="114">
        <v>0</v>
      </c>
      <c r="FF18" s="114">
        <v>0</v>
      </c>
      <c r="FG18" s="114">
        <v>0</v>
      </c>
      <c r="FH18" s="114">
        <v>0</v>
      </c>
      <c r="FI18" s="114">
        <v>0</v>
      </c>
      <c r="FJ18" s="113">
        <v>0</v>
      </c>
      <c r="FK18" s="116">
        <v>0</v>
      </c>
      <c r="FL18" s="110">
        <v>244139</v>
      </c>
      <c r="FM18" s="114">
        <v>775460</v>
      </c>
      <c r="FN18" s="113">
        <v>1019599</v>
      </c>
      <c r="FO18" s="110">
        <v>0</v>
      </c>
      <c r="FP18" s="114">
        <v>289737</v>
      </c>
      <c r="FQ18" s="114">
        <v>713678</v>
      </c>
      <c r="FR18" s="114">
        <v>617995</v>
      </c>
      <c r="FS18" s="114">
        <v>869911</v>
      </c>
      <c r="FT18" s="114">
        <v>577423</v>
      </c>
      <c r="FU18" s="113">
        <v>3068744</v>
      </c>
      <c r="FV18" s="116">
        <v>4088343</v>
      </c>
      <c r="FW18" s="115">
        <v>104139</v>
      </c>
      <c r="FX18" s="114">
        <v>224280</v>
      </c>
      <c r="FY18" s="112">
        <v>328419</v>
      </c>
      <c r="FZ18" s="111">
        <v>0</v>
      </c>
      <c r="GA18" s="114">
        <v>196637</v>
      </c>
      <c r="GB18" s="114">
        <v>618275</v>
      </c>
      <c r="GC18" s="114">
        <v>477995</v>
      </c>
      <c r="GD18" s="114">
        <v>661731</v>
      </c>
      <c r="GE18" s="114">
        <v>453873</v>
      </c>
      <c r="GF18" s="113">
        <v>2408511</v>
      </c>
      <c r="GG18" s="316">
        <v>2736930</v>
      </c>
      <c r="GH18" s="115">
        <v>0</v>
      </c>
      <c r="GI18" s="114">
        <v>21560</v>
      </c>
      <c r="GJ18" s="112">
        <v>21560</v>
      </c>
      <c r="GK18" s="111">
        <v>0</v>
      </c>
      <c r="GL18" s="114">
        <v>0</v>
      </c>
      <c r="GM18" s="114">
        <v>95403</v>
      </c>
      <c r="GN18" s="114">
        <v>0</v>
      </c>
      <c r="GO18" s="114">
        <v>68180</v>
      </c>
      <c r="GP18" s="114">
        <v>10150</v>
      </c>
      <c r="GQ18" s="113">
        <v>173733</v>
      </c>
      <c r="GR18" s="116">
        <v>195293</v>
      </c>
      <c r="GS18" s="110">
        <v>140000</v>
      </c>
      <c r="GT18" s="114">
        <v>529620</v>
      </c>
      <c r="GU18" s="113">
        <v>669620</v>
      </c>
      <c r="GV18" s="110">
        <v>0</v>
      </c>
      <c r="GW18" s="114">
        <v>93100</v>
      </c>
      <c r="GX18" s="114">
        <v>0</v>
      </c>
      <c r="GY18" s="114">
        <v>140000</v>
      </c>
      <c r="GZ18" s="114">
        <v>140000</v>
      </c>
      <c r="HA18" s="114">
        <v>113400</v>
      </c>
      <c r="HB18" s="112">
        <v>486500</v>
      </c>
      <c r="HC18" s="116">
        <v>1156120</v>
      </c>
      <c r="HD18" s="110">
        <v>354315</v>
      </c>
      <c r="HE18" s="114">
        <v>356398</v>
      </c>
      <c r="HF18" s="112">
        <v>710713</v>
      </c>
      <c r="HG18" s="111">
        <v>0</v>
      </c>
      <c r="HH18" s="114">
        <v>813216</v>
      </c>
      <c r="HI18" s="114">
        <v>932435</v>
      </c>
      <c r="HJ18" s="114">
        <v>1860076</v>
      </c>
      <c r="HK18" s="114">
        <v>2634537</v>
      </c>
      <c r="HL18" s="114">
        <v>1032068</v>
      </c>
      <c r="HM18" s="113">
        <v>7272332</v>
      </c>
      <c r="HN18" s="109">
        <v>7983045</v>
      </c>
      <c r="HO18" s="326"/>
      <c r="HP18" s="327"/>
      <c r="HQ18" s="328"/>
      <c r="HR18" s="329"/>
      <c r="HS18" s="327"/>
      <c r="HT18" s="327"/>
      <c r="HU18" s="327"/>
      <c r="HV18" s="327"/>
      <c r="HW18" s="327"/>
      <c r="HX18" s="330"/>
      <c r="HY18" s="331"/>
      <c r="HZ18" s="150">
        <v>0</v>
      </c>
      <c r="IA18" s="135">
        <v>0</v>
      </c>
      <c r="IB18" s="150">
        <v>0</v>
      </c>
      <c r="IC18" s="134">
        <v>0</v>
      </c>
      <c r="ID18" s="135">
        <v>757565</v>
      </c>
      <c r="IE18" s="136">
        <v>1710967</v>
      </c>
      <c r="IF18" s="137">
        <v>1063472</v>
      </c>
      <c r="IG18" s="135">
        <v>3001463</v>
      </c>
      <c r="IH18" s="137">
        <v>1763029</v>
      </c>
      <c r="II18" s="138">
        <v>8296496</v>
      </c>
      <c r="IJ18" s="150">
        <v>8296496</v>
      </c>
      <c r="IK18" s="232">
        <v>0</v>
      </c>
      <c r="IL18" s="236">
        <v>0</v>
      </c>
      <c r="IM18" s="237">
        <v>0</v>
      </c>
      <c r="IN18" s="140"/>
      <c r="IO18" s="119">
        <v>0</v>
      </c>
      <c r="IP18" s="119">
        <v>0</v>
      </c>
      <c r="IQ18" s="119">
        <v>0</v>
      </c>
      <c r="IR18" s="119">
        <v>0</v>
      </c>
      <c r="IS18" s="119">
        <v>0</v>
      </c>
      <c r="IT18" s="141">
        <v>0</v>
      </c>
      <c r="IU18" s="318">
        <v>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650764</v>
      </c>
      <c r="JL18" s="119">
        <v>568680</v>
      </c>
      <c r="JM18" s="119">
        <v>394202</v>
      </c>
      <c r="JN18" s="119">
        <v>647269</v>
      </c>
      <c r="JO18" s="119">
        <v>151171</v>
      </c>
      <c r="JP18" s="120">
        <v>2412086</v>
      </c>
      <c r="JQ18" s="318">
        <v>2412086</v>
      </c>
      <c r="JR18" s="142">
        <v>0</v>
      </c>
      <c r="JS18" s="119">
        <v>0</v>
      </c>
      <c r="JT18" s="141">
        <v>0</v>
      </c>
      <c r="JU18" s="118">
        <v>0</v>
      </c>
      <c r="JV18" s="119">
        <v>0</v>
      </c>
      <c r="JW18" s="119">
        <v>0</v>
      </c>
      <c r="JX18" s="119">
        <v>0</v>
      </c>
      <c r="JY18" s="119">
        <v>0</v>
      </c>
      <c r="JZ18" s="119">
        <v>0</v>
      </c>
      <c r="KA18" s="120">
        <v>0</v>
      </c>
      <c r="KB18" s="318">
        <v>0</v>
      </c>
      <c r="KC18" s="234">
        <v>0</v>
      </c>
      <c r="KD18" s="230">
        <v>0</v>
      </c>
      <c r="KE18" s="120">
        <v>0</v>
      </c>
      <c r="KF18" s="118">
        <v>0</v>
      </c>
      <c r="KG18" s="119">
        <v>106801</v>
      </c>
      <c r="KH18" s="119">
        <v>464618</v>
      </c>
      <c r="KI18" s="119">
        <v>0</v>
      </c>
      <c r="KJ18" s="119">
        <v>691072</v>
      </c>
      <c r="KK18" s="119">
        <v>0</v>
      </c>
      <c r="KL18" s="120">
        <v>1262491</v>
      </c>
      <c r="KM18" s="143">
        <v>1262491</v>
      </c>
      <c r="KN18" s="232">
        <v>0</v>
      </c>
      <c r="KO18" s="236">
        <v>0</v>
      </c>
      <c r="KP18" s="237">
        <v>0</v>
      </c>
      <c r="KQ18" s="140"/>
      <c r="KR18" s="119">
        <v>0</v>
      </c>
      <c r="KS18" s="119">
        <v>213787</v>
      </c>
      <c r="KT18" s="119">
        <v>215828</v>
      </c>
      <c r="KU18" s="119">
        <v>441298</v>
      </c>
      <c r="KV18" s="119">
        <v>576691</v>
      </c>
      <c r="KW18" s="120">
        <v>1447604</v>
      </c>
      <c r="KX18" s="318">
        <v>1447604</v>
      </c>
      <c r="KY18" s="142">
        <v>0</v>
      </c>
      <c r="KZ18" s="119">
        <v>0</v>
      </c>
      <c r="LA18" s="120">
        <v>0</v>
      </c>
      <c r="LB18" s="145"/>
      <c r="LC18" s="119">
        <v>0</v>
      </c>
      <c r="LD18" s="119">
        <v>113162</v>
      </c>
      <c r="LE18" s="119">
        <v>0</v>
      </c>
      <c r="LF18" s="119">
        <v>374206</v>
      </c>
      <c r="LG18" s="119">
        <v>135956</v>
      </c>
      <c r="LH18" s="120">
        <v>623324</v>
      </c>
      <c r="LI18" s="121">
        <v>623324</v>
      </c>
      <c r="LJ18" s="142">
        <v>0</v>
      </c>
      <c r="LK18" s="119">
        <v>0</v>
      </c>
      <c r="LL18" s="120">
        <v>0</v>
      </c>
      <c r="LM18" s="145"/>
      <c r="LN18" s="119">
        <v>0</v>
      </c>
      <c r="LO18" s="119">
        <v>0</v>
      </c>
      <c r="LP18" s="119">
        <v>220173</v>
      </c>
      <c r="LQ18" s="119">
        <v>0</v>
      </c>
      <c r="LR18" s="119">
        <v>254510</v>
      </c>
      <c r="LS18" s="120">
        <v>474683</v>
      </c>
      <c r="LT18" s="318">
        <v>474683</v>
      </c>
      <c r="LU18" s="142">
        <v>0</v>
      </c>
      <c r="LV18" s="119">
        <v>0</v>
      </c>
      <c r="LW18" s="120">
        <v>0</v>
      </c>
      <c r="LX18" s="145"/>
      <c r="LY18" s="119">
        <v>0</v>
      </c>
      <c r="LZ18" s="119">
        <v>350720</v>
      </c>
      <c r="MA18" s="119">
        <v>233269</v>
      </c>
      <c r="MB18" s="119">
        <v>847618</v>
      </c>
      <c r="MC18" s="119">
        <v>644701</v>
      </c>
      <c r="MD18" s="120">
        <v>2076308</v>
      </c>
      <c r="ME18" s="121">
        <v>2076308</v>
      </c>
      <c r="MF18" s="142">
        <v>0</v>
      </c>
      <c r="MG18" s="119">
        <v>0</v>
      </c>
      <c r="MH18" s="120">
        <v>0</v>
      </c>
      <c r="MI18" s="145"/>
      <c r="MJ18" s="119">
        <v>0</v>
      </c>
      <c r="MK18" s="119">
        <v>814185</v>
      </c>
      <c r="ML18" s="119">
        <v>2040155</v>
      </c>
      <c r="MM18" s="119">
        <v>3715106</v>
      </c>
      <c r="MN18" s="119">
        <v>3170594</v>
      </c>
      <c r="MO18" s="120">
        <v>9740040</v>
      </c>
      <c r="MP18" s="143">
        <v>9740040</v>
      </c>
      <c r="MQ18" s="142">
        <v>0</v>
      </c>
      <c r="MR18" s="119">
        <v>0</v>
      </c>
      <c r="MS18" s="120">
        <v>0</v>
      </c>
      <c r="MT18" s="145"/>
      <c r="MU18" s="119">
        <v>0</v>
      </c>
      <c r="MV18" s="119">
        <v>155801</v>
      </c>
      <c r="MW18" s="119">
        <v>671541</v>
      </c>
      <c r="MX18" s="119">
        <v>1849771</v>
      </c>
      <c r="MY18" s="119">
        <v>2749720</v>
      </c>
      <c r="MZ18" s="120">
        <v>5426833</v>
      </c>
      <c r="NA18" s="143">
        <v>5426833</v>
      </c>
      <c r="NB18" s="142">
        <v>0</v>
      </c>
      <c r="NC18" s="119">
        <v>0</v>
      </c>
      <c r="ND18" s="120">
        <v>0</v>
      </c>
      <c r="NE18" s="145">
        <v>0</v>
      </c>
      <c r="NF18" s="119">
        <v>0</v>
      </c>
      <c r="NG18" s="119">
        <v>658384</v>
      </c>
      <c r="NH18" s="119">
        <v>1368614</v>
      </c>
      <c r="NI18" s="119">
        <v>1568757</v>
      </c>
      <c r="NJ18" s="119">
        <v>420874</v>
      </c>
      <c r="NK18" s="120">
        <v>4016629</v>
      </c>
      <c r="NL18" s="318">
        <v>4016629</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296578</v>
      </c>
      <c r="OF18" s="119">
        <v>0</v>
      </c>
      <c r="OG18" s="120">
        <v>296578</v>
      </c>
      <c r="OH18" s="121">
        <v>296578</v>
      </c>
      <c r="OI18" s="142">
        <v>1164079</v>
      </c>
      <c r="OJ18" s="119">
        <v>2043854</v>
      </c>
      <c r="OK18" s="141">
        <v>3207933</v>
      </c>
      <c r="OL18" s="118">
        <v>0</v>
      </c>
      <c r="OM18" s="119">
        <v>6718561</v>
      </c>
      <c r="ON18" s="119">
        <v>8406341</v>
      </c>
      <c r="OO18" s="119">
        <v>10630742</v>
      </c>
      <c r="OP18" s="119">
        <v>14561134</v>
      </c>
      <c r="OQ18" s="119">
        <v>10723300</v>
      </c>
      <c r="OR18" s="120">
        <v>51040078</v>
      </c>
      <c r="OS18" s="143">
        <v>54248011</v>
      </c>
    </row>
    <row r="19" spans="2:409" ht="21" customHeight="1" x14ac:dyDescent="0.2">
      <c r="B19" s="126" t="s">
        <v>13</v>
      </c>
      <c r="C19" s="110">
        <v>431788</v>
      </c>
      <c r="D19" s="114">
        <v>356918</v>
      </c>
      <c r="E19" s="113">
        <v>788706</v>
      </c>
      <c r="F19" s="110">
        <v>0</v>
      </c>
      <c r="G19" s="170">
        <v>3334178</v>
      </c>
      <c r="H19" s="114">
        <v>4700599</v>
      </c>
      <c r="I19" s="114">
        <v>3673771</v>
      </c>
      <c r="J19" s="114">
        <v>4604317</v>
      </c>
      <c r="K19" s="114">
        <v>3989876</v>
      </c>
      <c r="L19" s="112">
        <v>20302741</v>
      </c>
      <c r="M19" s="116">
        <v>21091447</v>
      </c>
      <c r="N19" s="110">
        <v>87607</v>
      </c>
      <c r="O19" s="114">
        <v>158625</v>
      </c>
      <c r="P19" s="113">
        <v>246232</v>
      </c>
      <c r="Q19" s="110">
        <v>0</v>
      </c>
      <c r="R19" s="114">
        <v>1089622</v>
      </c>
      <c r="S19" s="114">
        <v>1953750</v>
      </c>
      <c r="T19" s="114">
        <v>1775513</v>
      </c>
      <c r="U19" s="114">
        <v>1917466</v>
      </c>
      <c r="V19" s="114">
        <v>2775052</v>
      </c>
      <c r="W19" s="113">
        <v>9511403</v>
      </c>
      <c r="X19" s="116">
        <v>9757635</v>
      </c>
      <c r="Y19" s="110">
        <v>0</v>
      </c>
      <c r="Z19" s="114">
        <v>0</v>
      </c>
      <c r="AA19" s="113">
        <v>0</v>
      </c>
      <c r="AB19" s="110">
        <v>0</v>
      </c>
      <c r="AC19" s="114">
        <v>407149</v>
      </c>
      <c r="AD19" s="114">
        <v>1024448</v>
      </c>
      <c r="AE19" s="114">
        <v>1024778</v>
      </c>
      <c r="AF19" s="114">
        <v>963432</v>
      </c>
      <c r="AG19" s="114">
        <v>2011365</v>
      </c>
      <c r="AH19" s="113">
        <v>5431172</v>
      </c>
      <c r="AI19" s="116">
        <v>5431172</v>
      </c>
      <c r="AJ19" s="110">
        <v>0</v>
      </c>
      <c r="AK19" s="114">
        <v>0</v>
      </c>
      <c r="AL19" s="113">
        <v>0</v>
      </c>
      <c r="AM19" s="110">
        <v>0</v>
      </c>
      <c r="AN19" s="114">
        <v>0</v>
      </c>
      <c r="AO19" s="114">
        <v>0</v>
      </c>
      <c r="AP19" s="114">
        <v>84519</v>
      </c>
      <c r="AQ19" s="114">
        <v>196486</v>
      </c>
      <c r="AR19" s="114">
        <v>0</v>
      </c>
      <c r="AS19" s="113">
        <v>281005</v>
      </c>
      <c r="AT19" s="116">
        <v>281005</v>
      </c>
      <c r="AU19" s="110">
        <v>9697</v>
      </c>
      <c r="AV19" s="114">
        <v>101078</v>
      </c>
      <c r="AW19" s="113">
        <v>110775</v>
      </c>
      <c r="AX19" s="110">
        <v>0</v>
      </c>
      <c r="AY19" s="114">
        <v>511888</v>
      </c>
      <c r="AZ19" s="114">
        <v>390728</v>
      </c>
      <c r="BA19" s="114">
        <v>444022</v>
      </c>
      <c r="BB19" s="114">
        <v>459626</v>
      </c>
      <c r="BC19" s="114">
        <v>414488</v>
      </c>
      <c r="BD19" s="113">
        <v>2220752</v>
      </c>
      <c r="BE19" s="116">
        <v>2331527</v>
      </c>
      <c r="BF19" s="110">
        <v>0</v>
      </c>
      <c r="BG19" s="114">
        <v>0</v>
      </c>
      <c r="BH19" s="112">
        <v>0</v>
      </c>
      <c r="BI19" s="111">
        <v>0</v>
      </c>
      <c r="BJ19" s="114">
        <v>28534</v>
      </c>
      <c r="BK19" s="114">
        <v>204919</v>
      </c>
      <c r="BL19" s="114">
        <v>0</v>
      </c>
      <c r="BM19" s="114">
        <v>21863</v>
      </c>
      <c r="BN19" s="114">
        <v>93538</v>
      </c>
      <c r="BO19" s="113">
        <v>348854</v>
      </c>
      <c r="BP19" s="116">
        <v>348854</v>
      </c>
      <c r="BQ19" s="110">
        <v>77910</v>
      </c>
      <c r="BR19" s="114">
        <v>57547</v>
      </c>
      <c r="BS19" s="113">
        <v>135457</v>
      </c>
      <c r="BT19" s="110">
        <v>0</v>
      </c>
      <c r="BU19" s="114">
        <v>142051</v>
      </c>
      <c r="BV19" s="114">
        <v>333655</v>
      </c>
      <c r="BW19" s="114">
        <v>222194</v>
      </c>
      <c r="BX19" s="114">
        <v>276059</v>
      </c>
      <c r="BY19" s="114">
        <v>255661</v>
      </c>
      <c r="BZ19" s="113">
        <v>1229620</v>
      </c>
      <c r="CA19" s="116">
        <v>1365077</v>
      </c>
      <c r="CB19" s="110">
        <v>0</v>
      </c>
      <c r="CC19" s="114">
        <v>0</v>
      </c>
      <c r="CD19" s="113">
        <v>0</v>
      </c>
      <c r="CE19" s="110">
        <v>0</v>
      </c>
      <c r="CF19" s="114">
        <v>822239</v>
      </c>
      <c r="CG19" s="114">
        <v>842159</v>
      </c>
      <c r="CH19" s="114">
        <v>590026</v>
      </c>
      <c r="CI19" s="114">
        <v>461032</v>
      </c>
      <c r="CJ19" s="114">
        <v>106124</v>
      </c>
      <c r="CK19" s="113">
        <v>2821580</v>
      </c>
      <c r="CL19" s="116">
        <v>2821580</v>
      </c>
      <c r="CM19" s="110">
        <v>0</v>
      </c>
      <c r="CN19" s="114">
        <v>0</v>
      </c>
      <c r="CO19" s="113">
        <v>0</v>
      </c>
      <c r="CP19" s="111">
        <v>0</v>
      </c>
      <c r="CQ19" s="114">
        <v>802123</v>
      </c>
      <c r="CR19" s="114">
        <v>749005</v>
      </c>
      <c r="CS19" s="114">
        <v>431587</v>
      </c>
      <c r="CT19" s="114">
        <v>272533</v>
      </c>
      <c r="CU19" s="114">
        <v>17101</v>
      </c>
      <c r="CV19" s="113">
        <v>2272349</v>
      </c>
      <c r="CW19" s="116">
        <v>2272349</v>
      </c>
      <c r="CX19" s="110">
        <v>0</v>
      </c>
      <c r="CY19" s="114">
        <v>0</v>
      </c>
      <c r="CZ19" s="113">
        <v>0</v>
      </c>
      <c r="DA19" s="110">
        <v>0</v>
      </c>
      <c r="DB19" s="114">
        <v>20116</v>
      </c>
      <c r="DC19" s="114">
        <v>93154</v>
      </c>
      <c r="DD19" s="114">
        <v>158439</v>
      </c>
      <c r="DE19" s="114">
        <v>188499</v>
      </c>
      <c r="DF19" s="114">
        <v>89023</v>
      </c>
      <c r="DG19" s="113">
        <v>549231</v>
      </c>
      <c r="DH19" s="116">
        <v>549231</v>
      </c>
      <c r="DI19" s="110">
        <v>0</v>
      </c>
      <c r="DJ19" s="114">
        <v>0</v>
      </c>
      <c r="DK19" s="112">
        <v>0</v>
      </c>
      <c r="DL19" s="111">
        <v>0</v>
      </c>
      <c r="DM19" s="114">
        <v>0</v>
      </c>
      <c r="DN19" s="114">
        <v>29019</v>
      </c>
      <c r="DO19" s="114">
        <v>57117</v>
      </c>
      <c r="DP19" s="114">
        <v>220506</v>
      </c>
      <c r="DQ19" s="114">
        <v>0</v>
      </c>
      <c r="DR19" s="113">
        <v>306642</v>
      </c>
      <c r="DS19" s="116">
        <v>306642</v>
      </c>
      <c r="DT19" s="110">
        <v>0</v>
      </c>
      <c r="DU19" s="114">
        <v>0</v>
      </c>
      <c r="DV19" s="113">
        <v>0</v>
      </c>
      <c r="DW19" s="110">
        <v>0</v>
      </c>
      <c r="DX19" s="114">
        <v>0</v>
      </c>
      <c r="DY19" s="114">
        <v>29019</v>
      </c>
      <c r="DZ19" s="114">
        <v>57117</v>
      </c>
      <c r="EA19" s="114">
        <v>184510</v>
      </c>
      <c r="EB19" s="114">
        <v>0</v>
      </c>
      <c r="EC19" s="113">
        <v>270646</v>
      </c>
      <c r="ED19" s="116">
        <v>270646</v>
      </c>
      <c r="EE19" s="110">
        <v>0</v>
      </c>
      <c r="EF19" s="112">
        <v>0</v>
      </c>
      <c r="EG19" s="113">
        <v>0</v>
      </c>
      <c r="EH19" s="110">
        <v>0</v>
      </c>
      <c r="EI19" s="114">
        <v>0</v>
      </c>
      <c r="EJ19" s="114">
        <v>0</v>
      </c>
      <c r="EK19" s="114">
        <v>0</v>
      </c>
      <c r="EL19" s="114">
        <v>35996</v>
      </c>
      <c r="EM19" s="114">
        <v>0</v>
      </c>
      <c r="EN19" s="112">
        <v>35996</v>
      </c>
      <c r="EO19" s="116">
        <v>35996</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5"/>
      <c r="FE19" s="114">
        <v>0</v>
      </c>
      <c r="FF19" s="114">
        <v>0</v>
      </c>
      <c r="FG19" s="114">
        <v>0</v>
      </c>
      <c r="FH19" s="114">
        <v>0</v>
      </c>
      <c r="FI19" s="114">
        <v>0</v>
      </c>
      <c r="FJ19" s="113">
        <v>0</v>
      </c>
      <c r="FK19" s="116">
        <v>0</v>
      </c>
      <c r="FL19" s="110">
        <v>159152</v>
      </c>
      <c r="FM19" s="114">
        <v>37338</v>
      </c>
      <c r="FN19" s="113">
        <v>196490</v>
      </c>
      <c r="FO19" s="110">
        <v>0</v>
      </c>
      <c r="FP19" s="114">
        <v>122038</v>
      </c>
      <c r="FQ19" s="114">
        <v>440034</v>
      </c>
      <c r="FR19" s="114">
        <v>403770</v>
      </c>
      <c r="FS19" s="114">
        <v>287567</v>
      </c>
      <c r="FT19" s="114">
        <v>255024</v>
      </c>
      <c r="FU19" s="113">
        <v>1508433</v>
      </c>
      <c r="FV19" s="116">
        <v>1704923</v>
      </c>
      <c r="FW19" s="115">
        <v>19152</v>
      </c>
      <c r="FX19" s="114">
        <v>37338</v>
      </c>
      <c r="FY19" s="112">
        <v>56490</v>
      </c>
      <c r="FZ19" s="111">
        <v>0</v>
      </c>
      <c r="GA19" s="114">
        <v>122038</v>
      </c>
      <c r="GB19" s="114">
        <v>403998</v>
      </c>
      <c r="GC19" s="114">
        <v>306943</v>
      </c>
      <c r="GD19" s="114">
        <v>145117</v>
      </c>
      <c r="GE19" s="114">
        <v>255024</v>
      </c>
      <c r="GF19" s="113">
        <v>1233120</v>
      </c>
      <c r="GG19" s="316">
        <v>1289610</v>
      </c>
      <c r="GH19" s="115">
        <v>0</v>
      </c>
      <c r="GI19" s="114">
        <v>0</v>
      </c>
      <c r="GJ19" s="112">
        <v>0</v>
      </c>
      <c r="GK19" s="111">
        <v>0</v>
      </c>
      <c r="GL19" s="114">
        <v>0</v>
      </c>
      <c r="GM19" s="114">
        <v>36036</v>
      </c>
      <c r="GN19" s="114">
        <v>19827</v>
      </c>
      <c r="GO19" s="114">
        <v>11550</v>
      </c>
      <c r="GP19" s="114">
        <v>0</v>
      </c>
      <c r="GQ19" s="113">
        <v>67413</v>
      </c>
      <c r="GR19" s="116">
        <v>67413</v>
      </c>
      <c r="GS19" s="110">
        <v>140000</v>
      </c>
      <c r="GT19" s="114">
        <v>0</v>
      </c>
      <c r="GU19" s="113">
        <v>140000</v>
      </c>
      <c r="GV19" s="110">
        <v>0</v>
      </c>
      <c r="GW19" s="114">
        <v>0</v>
      </c>
      <c r="GX19" s="114">
        <v>0</v>
      </c>
      <c r="GY19" s="114">
        <v>77000</v>
      </c>
      <c r="GZ19" s="114">
        <v>130900</v>
      </c>
      <c r="HA19" s="114">
        <v>0</v>
      </c>
      <c r="HB19" s="112">
        <v>207900</v>
      </c>
      <c r="HC19" s="116">
        <v>347900</v>
      </c>
      <c r="HD19" s="110">
        <v>185029</v>
      </c>
      <c r="HE19" s="114">
        <v>160955</v>
      </c>
      <c r="HF19" s="112">
        <v>345984</v>
      </c>
      <c r="HG19" s="111">
        <v>0</v>
      </c>
      <c r="HH19" s="114">
        <v>1300279</v>
      </c>
      <c r="HI19" s="114">
        <v>1435637</v>
      </c>
      <c r="HJ19" s="114">
        <v>847345</v>
      </c>
      <c r="HK19" s="114">
        <v>1717746</v>
      </c>
      <c r="HL19" s="114">
        <v>853676</v>
      </c>
      <c r="HM19" s="113">
        <v>6154683</v>
      </c>
      <c r="HN19" s="109">
        <v>6500667</v>
      </c>
      <c r="HO19" s="326"/>
      <c r="HP19" s="327"/>
      <c r="HQ19" s="328"/>
      <c r="HR19" s="329"/>
      <c r="HS19" s="327"/>
      <c r="HT19" s="327"/>
      <c r="HU19" s="327"/>
      <c r="HV19" s="327"/>
      <c r="HW19" s="327"/>
      <c r="HX19" s="330"/>
      <c r="HY19" s="331"/>
      <c r="HZ19" s="131">
        <v>0</v>
      </c>
      <c r="IA19" s="132">
        <v>0</v>
      </c>
      <c r="IB19" s="133">
        <v>0</v>
      </c>
      <c r="IC19" s="146">
        <v>0</v>
      </c>
      <c r="ID19" s="132">
        <v>388625</v>
      </c>
      <c r="IE19" s="147">
        <v>966732</v>
      </c>
      <c r="IF19" s="133">
        <v>588603</v>
      </c>
      <c r="IG19" s="132">
        <v>381846</v>
      </c>
      <c r="IH19" s="133">
        <v>410082</v>
      </c>
      <c r="II19" s="148">
        <v>2735888</v>
      </c>
      <c r="IJ19" s="139">
        <v>2735888</v>
      </c>
      <c r="IK19" s="232">
        <v>0</v>
      </c>
      <c r="IL19" s="236">
        <v>0</v>
      </c>
      <c r="IM19" s="237">
        <v>0</v>
      </c>
      <c r="IN19" s="140"/>
      <c r="IO19" s="119">
        <v>0</v>
      </c>
      <c r="IP19" s="119">
        <v>0</v>
      </c>
      <c r="IQ19" s="119">
        <v>0</v>
      </c>
      <c r="IR19" s="119">
        <v>0</v>
      </c>
      <c r="IS19" s="119">
        <v>0</v>
      </c>
      <c r="IT19" s="141">
        <v>0</v>
      </c>
      <c r="IU19" s="318">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88625</v>
      </c>
      <c r="JL19" s="119">
        <v>560541</v>
      </c>
      <c r="JM19" s="119">
        <v>379467</v>
      </c>
      <c r="JN19" s="119">
        <v>157519</v>
      </c>
      <c r="JO19" s="119">
        <v>0</v>
      </c>
      <c r="JP19" s="120">
        <v>1486152</v>
      </c>
      <c r="JQ19" s="318">
        <v>1486152</v>
      </c>
      <c r="JR19" s="142">
        <v>0</v>
      </c>
      <c r="JS19" s="119">
        <v>0</v>
      </c>
      <c r="JT19" s="141">
        <v>0</v>
      </c>
      <c r="JU19" s="118">
        <v>0</v>
      </c>
      <c r="JV19" s="119">
        <v>0</v>
      </c>
      <c r="JW19" s="119">
        <v>39160</v>
      </c>
      <c r="JX19" s="119">
        <v>0</v>
      </c>
      <c r="JY19" s="119">
        <v>0</v>
      </c>
      <c r="JZ19" s="119">
        <v>0</v>
      </c>
      <c r="KA19" s="120">
        <v>39160</v>
      </c>
      <c r="KB19" s="318">
        <v>39160</v>
      </c>
      <c r="KC19" s="234">
        <v>0</v>
      </c>
      <c r="KD19" s="230">
        <v>0</v>
      </c>
      <c r="KE19" s="120">
        <v>0</v>
      </c>
      <c r="KF19" s="118">
        <v>0</v>
      </c>
      <c r="KG19" s="119">
        <v>0</v>
      </c>
      <c r="KH19" s="119">
        <v>149396</v>
      </c>
      <c r="KI19" s="119">
        <v>209136</v>
      </c>
      <c r="KJ19" s="119">
        <v>0</v>
      </c>
      <c r="KK19" s="119">
        <v>0</v>
      </c>
      <c r="KL19" s="120">
        <v>358532</v>
      </c>
      <c r="KM19" s="143">
        <v>358532</v>
      </c>
      <c r="KN19" s="232">
        <v>0</v>
      </c>
      <c r="KO19" s="236">
        <v>0</v>
      </c>
      <c r="KP19" s="237">
        <v>0</v>
      </c>
      <c r="KQ19" s="140"/>
      <c r="KR19" s="119">
        <v>0</v>
      </c>
      <c r="KS19" s="119">
        <v>217635</v>
      </c>
      <c r="KT19" s="119">
        <v>0</v>
      </c>
      <c r="KU19" s="119">
        <v>224327</v>
      </c>
      <c r="KV19" s="119">
        <v>0</v>
      </c>
      <c r="KW19" s="120">
        <v>441962</v>
      </c>
      <c r="KX19" s="318">
        <v>441962</v>
      </c>
      <c r="KY19" s="142">
        <v>0</v>
      </c>
      <c r="KZ19" s="119">
        <v>0</v>
      </c>
      <c r="LA19" s="120">
        <v>0</v>
      </c>
      <c r="LB19" s="145"/>
      <c r="LC19" s="119">
        <v>0</v>
      </c>
      <c r="LD19" s="119">
        <v>0</v>
      </c>
      <c r="LE19" s="119">
        <v>0</v>
      </c>
      <c r="LF19" s="119">
        <v>0</v>
      </c>
      <c r="LG19" s="119">
        <v>410082</v>
      </c>
      <c r="LH19" s="120">
        <v>410082</v>
      </c>
      <c r="LI19" s="121">
        <v>410082</v>
      </c>
      <c r="LJ19" s="142">
        <v>0</v>
      </c>
      <c r="LK19" s="119">
        <v>0</v>
      </c>
      <c r="LL19" s="120">
        <v>0</v>
      </c>
      <c r="LM19" s="145"/>
      <c r="LN19" s="119">
        <v>0</v>
      </c>
      <c r="LO19" s="119">
        <v>0</v>
      </c>
      <c r="LP19" s="119">
        <v>0</v>
      </c>
      <c r="LQ19" s="119">
        <v>0</v>
      </c>
      <c r="LR19" s="119">
        <v>0</v>
      </c>
      <c r="LS19" s="120">
        <v>0</v>
      </c>
      <c r="LT19" s="318">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0</v>
      </c>
      <c r="ML19" s="119">
        <v>1596850</v>
      </c>
      <c r="MM19" s="119">
        <v>1843303</v>
      </c>
      <c r="MN19" s="119">
        <v>2158555</v>
      </c>
      <c r="MO19" s="120">
        <v>5598708</v>
      </c>
      <c r="MP19" s="143">
        <v>5598708</v>
      </c>
      <c r="MQ19" s="142">
        <v>0</v>
      </c>
      <c r="MR19" s="119">
        <v>0</v>
      </c>
      <c r="MS19" s="120">
        <v>0</v>
      </c>
      <c r="MT19" s="145"/>
      <c r="MU19" s="119">
        <v>0</v>
      </c>
      <c r="MV19" s="119">
        <v>0</v>
      </c>
      <c r="MW19" s="119">
        <v>844953</v>
      </c>
      <c r="MX19" s="119">
        <v>1282044</v>
      </c>
      <c r="MY19" s="119">
        <v>1253476</v>
      </c>
      <c r="MZ19" s="120">
        <v>3380473</v>
      </c>
      <c r="NA19" s="143">
        <v>3380473</v>
      </c>
      <c r="NB19" s="142">
        <v>0</v>
      </c>
      <c r="NC19" s="119">
        <v>0</v>
      </c>
      <c r="ND19" s="120">
        <v>0</v>
      </c>
      <c r="NE19" s="145">
        <v>0</v>
      </c>
      <c r="NF19" s="119">
        <v>0</v>
      </c>
      <c r="NG19" s="119">
        <v>0</v>
      </c>
      <c r="NH19" s="119">
        <v>751897</v>
      </c>
      <c r="NI19" s="119">
        <v>561259</v>
      </c>
      <c r="NJ19" s="119">
        <v>905079</v>
      </c>
      <c r="NK19" s="120">
        <v>2218235</v>
      </c>
      <c r="NL19" s="318">
        <v>2218235</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431788</v>
      </c>
      <c r="OJ19" s="119">
        <v>356918</v>
      </c>
      <c r="OK19" s="141">
        <v>788706</v>
      </c>
      <c r="OL19" s="118">
        <v>0</v>
      </c>
      <c r="OM19" s="119">
        <v>3722803</v>
      </c>
      <c r="ON19" s="119">
        <v>5667331</v>
      </c>
      <c r="OO19" s="119">
        <v>5859224</v>
      </c>
      <c r="OP19" s="119">
        <v>6829466</v>
      </c>
      <c r="OQ19" s="119">
        <v>6558513</v>
      </c>
      <c r="OR19" s="120">
        <v>28637337</v>
      </c>
      <c r="OS19" s="143">
        <v>29426043</v>
      </c>
    </row>
    <row r="20" spans="2:409" ht="21" customHeight="1" x14ac:dyDescent="0.2">
      <c r="B20" s="126" t="s">
        <v>15</v>
      </c>
      <c r="C20" s="110">
        <v>63431</v>
      </c>
      <c r="D20" s="114">
        <v>119431</v>
      </c>
      <c r="E20" s="113">
        <v>182862</v>
      </c>
      <c r="F20" s="109">
        <v>0</v>
      </c>
      <c r="G20" s="114">
        <v>1177157</v>
      </c>
      <c r="H20" s="114">
        <v>1023715</v>
      </c>
      <c r="I20" s="114">
        <v>777138</v>
      </c>
      <c r="J20" s="114">
        <v>1362283</v>
      </c>
      <c r="K20" s="114">
        <v>1371057</v>
      </c>
      <c r="L20" s="109">
        <v>5711350</v>
      </c>
      <c r="M20" s="116">
        <v>5894212</v>
      </c>
      <c r="N20" s="110">
        <v>13174</v>
      </c>
      <c r="O20" s="114">
        <v>20653</v>
      </c>
      <c r="P20" s="113">
        <v>33827</v>
      </c>
      <c r="Q20" s="110">
        <v>0</v>
      </c>
      <c r="R20" s="114">
        <v>157513</v>
      </c>
      <c r="S20" s="114">
        <v>168542</v>
      </c>
      <c r="T20" s="114">
        <v>68621</v>
      </c>
      <c r="U20" s="114">
        <v>278915</v>
      </c>
      <c r="V20" s="114">
        <v>876065</v>
      </c>
      <c r="W20" s="113">
        <v>1549656</v>
      </c>
      <c r="X20" s="116">
        <v>1583483</v>
      </c>
      <c r="Y20" s="110">
        <v>0</v>
      </c>
      <c r="Z20" s="114">
        <v>0</v>
      </c>
      <c r="AA20" s="113">
        <v>0</v>
      </c>
      <c r="AB20" s="110">
        <v>0</v>
      </c>
      <c r="AC20" s="114">
        <v>89988</v>
      </c>
      <c r="AD20" s="114">
        <v>66340</v>
      </c>
      <c r="AE20" s="114">
        <v>3355</v>
      </c>
      <c r="AF20" s="114">
        <v>91302</v>
      </c>
      <c r="AG20" s="114">
        <v>301621</v>
      </c>
      <c r="AH20" s="113">
        <v>552606</v>
      </c>
      <c r="AI20" s="116">
        <v>552606</v>
      </c>
      <c r="AJ20" s="110">
        <v>0</v>
      </c>
      <c r="AK20" s="114">
        <v>0</v>
      </c>
      <c r="AL20" s="113">
        <v>0</v>
      </c>
      <c r="AM20" s="110">
        <v>0</v>
      </c>
      <c r="AN20" s="114">
        <v>0</v>
      </c>
      <c r="AO20" s="114">
        <v>0</v>
      </c>
      <c r="AP20" s="114">
        <v>0</v>
      </c>
      <c r="AQ20" s="114">
        <v>0</v>
      </c>
      <c r="AR20" s="114">
        <v>204601</v>
      </c>
      <c r="AS20" s="113">
        <v>204601</v>
      </c>
      <c r="AT20" s="116">
        <v>204601</v>
      </c>
      <c r="AU20" s="110">
        <v>0</v>
      </c>
      <c r="AV20" s="114">
        <v>7381</v>
      </c>
      <c r="AW20" s="113">
        <v>7381</v>
      </c>
      <c r="AX20" s="110">
        <v>0</v>
      </c>
      <c r="AY20" s="114">
        <v>37908</v>
      </c>
      <c r="AZ20" s="114">
        <v>17796</v>
      </c>
      <c r="BA20" s="114">
        <v>24050</v>
      </c>
      <c r="BB20" s="114">
        <v>133531</v>
      </c>
      <c r="BC20" s="114">
        <v>211105</v>
      </c>
      <c r="BD20" s="113">
        <v>424390</v>
      </c>
      <c r="BE20" s="116">
        <v>431771</v>
      </c>
      <c r="BF20" s="110">
        <v>0</v>
      </c>
      <c r="BG20" s="114">
        <v>0</v>
      </c>
      <c r="BH20" s="112">
        <v>0</v>
      </c>
      <c r="BI20" s="111">
        <v>0</v>
      </c>
      <c r="BJ20" s="114">
        <v>0</v>
      </c>
      <c r="BK20" s="114">
        <v>0</v>
      </c>
      <c r="BL20" s="114">
        <v>0</v>
      </c>
      <c r="BM20" s="114">
        <v>0</v>
      </c>
      <c r="BN20" s="114">
        <v>76278</v>
      </c>
      <c r="BO20" s="113">
        <v>76278</v>
      </c>
      <c r="BP20" s="116">
        <v>76278</v>
      </c>
      <c r="BQ20" s="110">
        <v>13174</v>
      </c>
      <c r="BR20" s="114">
        <v>13272</v>
      </c>
      <c r="BS20" s="113">
        <v>26446</v>
      </c>
      <c r="BT20" s="110">
        <v>0</v>
      </c>
      <c r="BU20" s="114">
        <v>29617</v>
      </c>
      <c r="BV20" s="114">
        <v>84406</v>
      </c>
      <c r="BW20" s="114">
        <v>41216</v>
      </c>
      <c r="BX20" s="114">
        <v>54082</v>
      </c>
      <c r="BY20" s="114">
        <v>82460</v>
      </c>
      <c r="BZ20" s="113">
        <v>291781</v>
      </c>
      <c r="CA20" s="116">
        <v>318227</v>
      </c>
      <c r="CB20" s="110">
        <v>0</v>
      </c>
      <c r="CC20" s="114">
        <v>0</v>
      </c>
      <c r="CD20" s="113">
        <v>0</v>
      </c>
      <c r="CE20" s="110">
        <v>0</v>
      </c>
      <c r="CF20" s="114">
        <v>157680</v>
      </c>
      <c r="CG20" s="114">
        <v>268141</v>
      </c>
      <c r="CH20" s="114">
        <v>60139</v>
      </c>
      <c r="CI20" s="114">
        <v>223791</v>
      </c>
      <c r="CJ20" s="114">
        <v>196053</v>
      </c>
      <c r="CK20" s="113">
        <v>905804</v>
      </c>
      <c r="CL20" s="116">
        <v>905804</v>
      </c>
      <c r="CM20" s="110">
        <v>0</v>
      </c>
      <c r="CN20" s="114">
        <v>0</v>
      </c>
      <c r="CO20" s="113">
        <v>0</v>
      </c>
      <c r="CP20" s="111">
        <v>0</v>
      </c>
      <c r="CQ20" s="114">
        <v>121735</v>
      </c>
      <c r="CR20" s="114">
        <v>172158</v>
      </c>
      <c r="CS20" s="114">
        <v>0</v>
      </c>
      <c r="CT20" s="114">
        <v>44305</v>
      </c>
      <c r="CU20" s="114">
        <v>0</v>
      </c>
      <c r="CV20" s="113">
        <v>338198</v>
      </c>
      <c r="CW20" s="116">
        <v>338198</v>
      </c>
      <c r="CX20" s="110">
        <v>0</v>
      </c>
      <c r="CY20" s="114">
        <v>0</v>
      </c>
      <c r="CZ20" s="113">
        <v>0</v>
      </c>
      <c r="DA20" s="110">
        <v>0</v>
      </c>
      <c r="DB20" s="114">
        <v>35945</v>
      </c>
      <c r="DC20" s="114">
        <v>95983</v>
      </c>
      <c r="DD20" s="114">
        <v>60139</v>
      </c>
      <c r="DE20" s="114">
        <v>179486</v>
      </c>
      <c r="DF20" s="114">
        <v>196053</v>
      </c>
      <c r="DG20" s="113">
        <v>567606</v>
      </c>
      <c r="DH20" s="116">
        <v>567606</v>
      </c>
      <c r="DI20" s="110">
        <v>0</v>
      </c>
      <c r="DJ20" s="114">
        <v>0</v>
      </c>
      <c r="DK20" s="112">
        <v>0</v>
      </c>
      <c r="DL20" s="111">
        <v>0</v>
      </c>
      <c r="DM20" s="114">
        <v>0</v>
      </c>
      <c r="DN20" s="114">
        <v>0</v>
      </c>
      <c r="DO20" s="114">
        <v>255895</v>
      </c>
      <c r="DP20" s="114">
        <v>164198</v>
      </c>
      <c r="DQ20" s="114">
        <v>0</v>
      </c>
      <c r="DR20" s="113">
        <v>420093</v>
      </c>
      <c r="DS20" s="116">
        <v>420093</v>
      </c>
      <c r="DT20" s="110">
        <v>0</v>
      </c>
      <c r="DU20" s="114">
        <v>0</v>
      </c>
      <c r="DV20" s="113">
        <v>0</v>
      </c>
      <c r="DW20" s="110">
        <v>0</v>
      </c>
      <c r="DX20" s="114">
        <v>0</v>
      </c>
      <c r="DY20" s="114">
        <v>0</v>
      </c>
      <c r="DZ20" s="114">
        <v>255895</v>
      </c>
      <c r="EA20" s="114">
        <v>164198</v>
      </c>
      <c r="EB20" s="114">
        <v>0</v>
      </c>
      <c r="EC20" s="113">
        <v>420093</v>
      </c>
      <c r="ED20" s="116">
        <v>420093</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5"/>
      <c r="FE20" s="114">
        <v>0</v>
      </c>
      <c r="FF20" s="114">
        <v>0</v>
      </c>
      <c r="FG20" s="114">
        <v>0</v>
      </c>
      <c r="FH20" s="114">
        <v>0</v>
      </c>
      <c r="FI20" s="114">
        <v>0</v>
      </c>
      <c r="FJ20" s="113">
        <v>0</v>
      </c>
      <c r="FK20" s="116">
        <v>0</v>
      </c>
      <c r="FL20" s="110">
        <v>0</v>
      </c>
      <c r="FM20" s="114">
        <v>17500</v>
      </c>
      <c r="FN20" s="113">
        <v>17500</v>
      </c>
      <c r="FO20" s="110">
        <v>0</v>
      </c>
      <c r="FP20" s="114">
        <v>38626</v>
      </c>
      <c r="FQ20" s="114">
        <v>127486</v>
      </c>
      <c r="FR20" s="114">
        <v>46641</v>
      </c>
      <c r="FS20" s="114">
        <v>129535</v>
      </c>
      <c r="FT20" s="114">
        <v>92134</v>
      </c>
      <c r="FU20" s="113">
        <v>434422</v>
      </c>
      <c r="FV20" s="116">
        <v>451922</v>
      </c>
      <c r="FW20" s="115">
        <v>0</v>
      </c>
      <c r="FX20" s="114">
        <v>17500</v>
      </c>
      <c r="FY20" s="112">
        <v>17500</v>
      </c>
      <c r="FZ20" s="111">
        <v>0</v>
      </c>
      <c r="GA20" s="114">
        <v>38626</v>
      </c>
      <c r="GB20" s="114">
        <v>127486</v>
      </c>
      <c r="GC20" s="114">
        <v>46641</v>
      </c>
      <c r="GD20" s="114">
        <v>129535</v>
      </c>
      <c r="GE20" s="114">
        <v>92134</v>
      </c>
      <c r="GF20" s="113">
        <v>434422</v>
      </c>
      <c r="GG20" s="316">
        <v>451922</v>
      </c>
      <c r="GH20" s="115">
        <v>0</v>
      </c>
      <c r="GI20" s="114">
        <v>0</v>
      </c>
      <c r="GJ20" s="112">
        <v>0</v>
      </c>
      <c r="GK20" s="111">
        <v>0</v>
      </c>
      <c r="GL20" s="114">
        <v>0</v>
      </c>
      <c r="GM20" s="114">
        <v>0</v>
      </c>
      <c r="GN20" s="114">
        <v>0</v>
      </c>
      <c r="GO20" s="114">
        <v>0</v>
      </c>
      <c r="GP20" s="114">
        <v>0</v>
      </c>
      <c r="GQ20" s="113">
        <v>0</v>
      </c>
      <c r="GR20" s="116">
        <v>0</v>
      </c>
      <c r="GS20" s="110">
        <v>0</v>
      </c>
      <c r="GT20" s="114">
        <v>0</v>
      </c>
      <c r="GU20" s="113">
        <v>0</v>
      </c>
      <c r="GV20" s="110">
        <v>0</v>
      </c>
      <c r="GW20" s="114">
        <v>0</v>
      </c>
      <c r="GX20" s="114">
        <v>0</v>
      </c>
      <c r="GY20" s="114">
        <v>0</v>
      </c>
      <c r="GZ20" s="114">
        <v>0</v>
      </c>
      <c r="HA20" s="114">
        <v>0</v>
      </c>
      <c r="HB20" s="112">
        <v>0</v>
      </c>
      <c r="HC20" s="116">
        <v>0</v>
      </c>
      <c r="HD20" s="110">
        <v>50257</v>
      </c>
      <c r="HE20" s="114">
        <v>81278</v>
      </c>
      <c r="HF20" s="112">
        <v>131535</v>
      </c>
      <c r="HG20" s="111">
        <v>0</v>
      </c>
      <c r="HH20" s="114">
        <v>823338</v>
      </c>
      <c r="HI20" s="114">
        <v>459546</v>
      </c>
      <c r="HJ20" s="114">
        <v>345842</v>
      </c>
      <c r="HK20" s="114">
        <v>565844</v>
      </c>
      <c r="HL20" s="114">
        <v>206805</v>
      </c>
      <c r="HM20" s="113">
        <v>2401375</v>
      </c>
      <c r="HN20" s="109">
        <v>2532910</v>
      </c>
      <c r="HO20" s="326"/>
      <c r="HP20" s="327"/>
      <c r="HQ20" s="328"/>
      <c r="HR20" s="329"/>
      <c r="HS20" s="327"/>
      <c r="HT20" s="327"/>
      <c r="HU20" s="327"/>
      <c r="HV20" s="327"/>
      <c r="HW20" s="327"/>
      <c r="HX20" s="330"/>
      <c r="HY20" s="331"/>
      <c r="HZ20" s="150">
        <v>0</v>
      </c>
      <c r="IA20" s="135">
        <v>0</v>
      </c>
      <c r="IB20" s="150">
        <v>0</v>
      </c>
      <c r="IC20" s="134">
        <v>0</v>
      </c>
      <c r="ID20" s="135">
        <v>165775</v>
      </c>
      <c r="IE20" s="136">
        <v>810826</v>
      </c>
      <c r="IF20" s="137">
        <v>297071</v>
      </c>
      <c r="IG20" s="135">
        <v>242914</v>
      </c>
      <c r="IH20" s="137">
        <v>60903</v>
      </c>
      <c r="II20" s="138">
        <v>1577489</v>
      </c>
      <c r="IJ20" s="150">
        <v>1577489</v>
      </c>
      <c r="IK20" s="232">
        <v>0</v>
      </c>
      <c r="IL20" s="236">
        <v>0</v>
      </c>
      <c r="IM20" s="237">
        <v>0</v>
      </c>
      <c r="IN20" s="140"/>
      <c r="IO20" s="119">
        <v>0</v>
      </c>
      <c r="IP20" s="119">
        <v>0</v>
      </c>
      <c r="IQ20" s="119">
        <v>171561</v>
      </c>
      <c r="IR20" s="119">
        <v>0</v>
      </c>
      <c r="IS20" s="119">
        <v>0</v>
      </c>
      <c r="IT20" s="141">
        <v>171561</v>
      </c>
      <c r="IU20" s="318">
        <v>171561</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65775</v>
      </c>
      <c r="JL20" s="119">
        <v>192423</v>
      </c>
      <c r="JM20" s="119">
        <v>125510</v>
      </c>
      <c r="JN20" s="119">
        <v>26239</v>
      </c>
      <c r="JO20" s="119">
        <v>60903</v>
      </c>
      <c r="JP20" s="120">
        <v>570850</v>
      </c>
      <c r="JQ20" s="318">
        <v>570850</v>
      </c>
      <c r="JR20" s="142">
        <v>0</v>
      </c>
      <c r="JS20" s="119">
        <v>0</v>
      </c>
      <c r="JT20" s="141">
        <v>0</v>
      </c>
      <c r="JU20" s="118">
        <v>0</v>
      </c>
      <c r="JV20" s="119">
        <v>0</v>
      </c>
      <c r="JW20" s="119">
        <v>0</v>
      </c>
      <c r="JX20" s="119">
        <v>0</v>
      </c>
      <c r="JY20" s="119">
        <v>0</v>
      </c>
      <c r="JZ20" s="119">
        <v>0</v>
      </c>
      <c r="KA20" s="120">
        <v>0</v>
      </c>
      <c r="KB20" s="318">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c r="KR20" s="119">
        <v>0</v>
      </c>
      <c r="KS20" s="119">
        <v>618403</v>
      </c>
      <c r="KT20" s="119">
        <v>0</v>
      </c>
      <c r="KU20" s="119">
        <v>216675</v>
      </c>
      <c r="KV20" s="119">
        <v>0</v>
      </c>
      <c r="KW20" s="120">
        <v>835078</v>
      </c>
      <c r="KX20" s="318">
        <v>835078</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0</v>
      </c>
      <c r="LR20" s="119">
        <v>0</v>
      </c>
      <c r="LS20" s="120">
        <v>0</v>
      </c>
      <c r="LT20" s="318">
        <v>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0</v>
      </c>
      <c r="ML20" s="119">
        <v>418468</v>
      </c>
      <c r="MM20" s="119">
        <v>403448</v>
      </c>
      <c r="MN20" s="119">
        <v>498066</v>
      </c>
      <c r="MO20" s="120">
        <v>1319982</v>
      </c>
      <c r="MP20" s="143">
        <v>1319982</v>
      </c>
      <c r="MQ20" s="142">
        <v>0</v>
      </c>
      <c r="MR20" s="119">
        <v>0</v>
      </c>
      <c r="MS20" s="120">
        <v>0</v>
      </c>
      <c r="MT20" s="145"/>
      <c r="MU20" s="119">
        <v>0</v>
      </c>
      <c r="MV20" s="119">
        <v>0</v>
      </c>
      <c r="MW20" s="119">
        <v>191009</v>
      </c>
      <c r="MX20" s="119">
        <v>403448</v>
      </c>
      <c r="MY20" s="119">
        <v>220852</v>
      </c>
      <c r="MZ20" s="120">
        <v>815309</v>
      </c>
      <c r="NA20" s="143">
        <v>815309</v>
      </c>
      <c r="NB20" s="142">
        <v>0</v>
      </c>
      <c r="NC20" s="119">
        <v>0</v>
      </c>
      <c r="ND20" s="120">
        <v>0</v>
      </c>
      <c r="NE20" s="145">
        <v>0</v>
      </c>
      <c r="NF20" s="119">
        <v>0</v>
      </c>
      <c r="NG20" s="119">
        <v>0</v>
      </c>
      <c r="NH20" s="119">
        <v>227459</v>
      </c>
      <c r="NI20" s="119">
        <v>0</v>
      </c>
      <c r="NJ20" s="119">
        <v>277214</v>
      </c>
      <c r="NK20" s="120">
        <v>504673</v>
      </c>
      <c r="NL20" s="318">
        <v>504673</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63431</v>
      </c>
      <c r="OJ20" s="119">
        <v>119431</v>
      </c>
      <c r="OK20" s="141">
        <v>182862</v>
      </c>
      <c r="OL20" s="118">
        <v>0</v>
      </c>
      <c r="OM20" s="119">
        <v>1342932</v>
      </c>
      <c r="ON20" s="119">
        <v>1834541</v>
      </c>
      <c r="OO20" s="119">
        <v>1492677</v>
      </c>
      <c r="OP20" s="119">
        <v>2008645</v>
      </c>
      <c r="OQ20" s="119">
        <v>1930026</v>
      </c>
      <c r="OR20" s="120">
        <v>8608821</v>
      </c>
      <c r="OS20" s="143">
        <v>8791683</v>
      </c>
    </row>
    <row r="21" spans="2:409" ht="21" customHeight="1" x14ac:dyDescent="0.2">
      <c r="B21" s="126" t="s">
        <v>16</v>
      </c>
      <c r="C21" s="110">
        <v>320725</v>
      </c>
      <c r="D21" s="114">
        <v>304530</v>
      </c>
      <c r="E21" s="113">
        <v>625255</v>
      </c>
      <c r="F21" s="109">
        <v>0</v>
      </c>
      <c r="G21" s="114">
        <v>3411947</v>
      </c>
      <c r="H21" s="114">
        <v>5411689</v>
      </c>
      <c r="I21" s="114">
        <v>4498605</v>
      </c>
      <c r="J21" s="114">
        <v>3504001</v>
      </c>
      <c r="K21" s="114">
        <v>2151227</v>
      </c>
      <c r="L21" s="109">
        <v>18977469</v>
      </c>
      <c r="M21" s="116">
        <v>19602724</v>
      </c>
      <c r="N21" s="110">
        <v>72279</v>
      </c>
      <c r="O21" s="114">
        <v>26159</v>
      </c>
      <c r="P21" s="113">
        <v>98438</v>
      </c>
      <c r="Q21" s="110">
        <v>0</v>
      </c>
      <c r="R21" s="114">
        <v>470677</v>
      </c>
      <c r="S21" s="114">
        <v>1357944</v>
      </c>
      <c r="T21" s="114">
        <v>1040882</v>
      </c>
      <c r="U21" s="114">
        <v>592147</v>
      </c>
      <c r="V21" s="114">
        <v>594774</v>
      </c>
      <c r="W21" s="113">
        <v>4056424</v>
      </c>
      <c r="X21" s="116">
        <v>4154862</v>
      </c>
      <c r="Y21" s="110">
        <v>0</v>
      </c>
      <c r="Z21" s="114">
        <v>0</v>
      </c>
      <c r="AA21" s="113">
        <v>0</v>
      </c>
      <c r="AB21" s="110">
        <v>0</v>
      </c>
      <c r="AC21" s="114">
        <v>204602</v>
      </c>
      <c r="AD21" s="114">
        <v>697290</v>
      </c>
      <c r="AE21" s="114">
        <v>484399</v>
      </c>
      <c r="AF21" s="114">
        <v>218414</v>
      </c>
      <c r="AG21" s="114">
        <v>176726</v>
      </c>
      <c r="AH21" s="113">
        <v>1781431</v>
      </c>
      <c r="AI21" s="116">
        <v>1781431</v>
      </c>
      <c r="AJ21" s="110">
        <v>0</v>
      </c>
      <c r="AK21" s="114">
        <v>0</v>
      </c>
      <c r="AL21" s="113">
        <v>0</v>
      </c>
      <c r="AM21" s="110">
        <v>0</v>
      </c>
      <c r="AN21" s="114">
        <v>0</v>
      </c>
      <c r="AO21" s="114">
        <v>0</v>
      </c>
      <c r="AP21" s="114">
        <v>19926</v>
      </c>
      <c r="AQ21" s="114">
        <v>39846</v>
      </c>
      <c r="AR21" s="114">
        <v>71325</v>
      </c>
      <c r="AS21" s="113">
        <v>131097</v>
      </c>
      <c r="AT21" s="116">
        <v>131097</v>
      </c>
      <c r="AU21" s="110">
        <v>58167</v>
      </c>
      <c r="AV21" s="114">
        <v>7847</v>
      </c>
      <c r="AW21" s="113">
        <v>66014</v>
      </c>
      <c r="AX21" s="110">
        <v>0</v>
      </c>
      <c r="AY21" s="114">
        <v>112654</v>
      </c>
      <c r="AZ21" s="114">
        <v>432090</v>
      </c>
      <c r="BA21" s="114">
        <v>272288</v>
      </c>
      <c r="BB21" s="114">
        <v>142738</v>
      </c>
      <c r="BC21" s="114">
        <v>217867</v>
      </c>
      <c r="BD21" s="113">
        <v>1177637</v>
      </c>
      <c r="BE21" s="116">
        <v>1243651</v>
      </c>
      <c r="BF21" s="110">
        <v>0</v>
      </c>
      <c r="BG21" s="114">
        <v>0</v>
      </c>
      <c r="BH21" s="112">
        <v>0</v>
      </c>
      <c r="BI21" s="111">
        <v>0</v>
      </c>
      <c r="BJ21" s="114">
        <v>55302</v>
      </c>
      <c r="BK21" s="114">
        <v>27650</v>
      </c>
      <c r="BL21" s="114">
        <v>39212</v>
      </c>
      <c r="BM21" s="114">
        <v>0</v>
      </c>
      <c r="BN21" s="114">
        <v>0</v>
      </c>
      <c r="BO21" s="113">
        <v>122164</v>
      </c>
      <c r="BP21" s="116">
        <v>122164</v>
      </c>
      <c r="BQ21" s="110">
        <v>14112</v>
      </c>
      <c r="BR21" s="114">
        <v>18312</v>
      </c>
      <c r="BS21" s="113">
        <v>32424</v>
      </c>
      <c r="BT21" s="110">
        <v>0</v>
      </c>
      <c r="BU21" s="114">
        <v>98119</v>
      </c>
      <c r="BV21" s="114">
        <v>200914</v>
      </c>
      <c r="BW21" s="114">
        <v>225057</v>
      </c>
      <c r="BX21" s="114">
        <v>191149</v>
      </c>
      <c r="BY21" s="114">
        <v>128856</v>
      </c>
      <c r="BZ21" s="113">
        <v>844095</v>
      </c>
      <c r="CA21" s="116">
        <v>876519</v>
      </c>
      <c r="CB21" s="110">
        <v>37629</v>
      </c>
      <c r="CC21" s="114">
        <v>137118</v>
      </c>
      <c r="CD21" s="113">
        <v>174747</v>
      </c>
      <c r="CE21" s="110">
        <v>0</v>
      </c>
      <c r="CF21" s="114">
        <v>1437320</v>
      </c>
      <c r="CG21" s="114">
        <v>1987167</v>
      </c>
      <c r="CH21" s="114">
        <v>1195257</v>
      </c>
      <c r="CI21" s="114">
        <v>392648</v>
      </c>
      <c r="CJ21" s="114">
        <v>145999</v>
      </c>
      <c r="CK21" s="113">
        <v>5158391</v>
      </c>
      <c r="CL21" s="116">
        <v>5333138</v>
      </c>
      <c r="CM21" s="110">
        <v>0</v>
      </c>
      <c r="CN21" s="114">
        <v>0</v>
      </c>
      <c r="CO21" s="113">
        <v>0</v>
      </c>
      <c r="CP21" s="111">
        <v>0</v>
      </c>
      <c r="CQ21" s="114">
        <v>1047764</v>
      </c>
      <c r="CR21" s="114">
        <v>1197873</v>
      </c>
      <c r="CS21" s="114">
        <v>732941</v>
      </c>
      <c r="CT21" s="114">
        <v>319623</v>
      </c>
      <c r="CU21" s="114">
        <v>58237</v>
      </c>
      <c r="CV21" s="113">
        <v>3356438</v>
      </c>
      <c r="CW21" s="116">
        <v>3356438</v>
      </c>
      <c r="CX21" s="110">
        <v>37629</v>
      </c>
      <c r="CY21" s="114">
        <v>137118</v>
      </c>
      <c r="CZ21" s="113">
        <v>174747</v>
      </c>
      <c r="DA21" s="110">
        <v>0</v>
      </c>
      <c r="DB21" s="114">
        <v>389556</v>
      </c>
      <c r="DC21" s="114">
        <v>789294</v>
      </c>
      <c r="DD21" s="114">
        <v>462316</v>
      </c>
      <c r="DE21" s="114">
        <v>73025</v>
      </c>
      <c r="DF21" s="114">
        <v>87762</v>
      </c>
      <c r="DG21" s="113">
        <v>1801953</v>
      </c>
      <c r="DH21" s="116">
        <v>1976700</v>
      </c>
      <c r="DI21" s="110">
        <v>0</v>
      </c>
      <c r="DJ21" s="114">
        <v>0</v>
      </c>
      <c r="DK21" s="112">
        <v>0</v>
      </c>
      <c r="DL21" s="111">
        <v>0</v>
      </c>
      <c r="DM21" s="114">
        <v>272411</v>
      </c>
      <c r="DN21" s="114">
        <v>223260</v>
      </c>
      <c r="DO21" s="114">
        <v>392397</v>
      </c>
      <c r="DP21" s="114">
        <v>42084</v>
      </c>
      <c r="DQ21" s="114">
        <v>0</v>
      </c>
      <c r="DR21" s="113">
        <v>930152</v>
      </c>
      <c r="DS21" s="116">
        <v>930152</v>
      </c>
      <c r="DT21" s="110">
        <v>0</v>
      </c>
      <c r="DU21" s="114">
        <v>0</v>
      </c>
      <c r="DV21" s="113">
        <v>0</v>
      </c>
      <c r="DW21" s="110">
        <v>0</v>
      </c>
      <c r="DX21" s="114">
        <v>251432</v>
      </c>
      <c r="DY21" s="114">
        <v>223260</v>
      </c>
      <c r="DZ21" s="114">
        <v>264571</v>
      </c>
      <c r="EA21" s="114">
        <v>42084</v>
      </c>
      <c r="EB21" s="114">
        <v>0</v>
      </c>
      <c r="EC21" s="113">
        <v>781347</v>
      </c>
      <c r="ED21" s="116">
        <v>781347</v>
      </c>
      <c r="EE21" s="110">
        <v>0</v>
      </c>
      <c r="EF21" s="112">
        <v>0</v>
      </c>
      <c r="EG21" s="113">
        <v>0</v>
      </c>
      <c r="EH21" s="110">
        <v>0</v>
      </c>
      <c r="EI21" s="114">
        <v>20979</v>
      </c>
      <c r="EJ21" s="114">
        <v>0</v>
      </c>
      <c r="EK21" s="114">
        <v>127826</v>
      </c>
      <c r="EL21" s="114">
        <v>0</v>
      </c>
      <c r="EM21" s="114">
        <v>0</v>
      </c>
      <c r="EN21" s="112">
        <v>148805</v>
      </c>
      <c r="EO21" s="116">
        <v>148805</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5"/>
      <c r="FE21" s="114">
        <v>0</v>
      </c>
      <c r="FF21" s="114">
        <v>0</v>
      </c>
      <c r="FG21" s="114">
        <v>0</v>
      </c>
      <c r="FH21" s="114">
        <v>0</v>
      </c>
      <c r="FI21" s="114">
        <v>0</v>
      </c>
      <c r="FJ21" s="113">
        <v>0</v>
      </c>
      <c r="FK21" s="116">
        <v>0</v>
      </c>
      <c r="FL21" s="110">
        <v>121912</v>
      </c>
      <c r="FM21" s="114">
        <v>61040</v>
      </c>
      <c r="FN21" s="113">
        <v>182952</v>
      </c>
      <c r="FO21" s="110">
        <v>0</v>
      </c>
      <c r="FP21" s="114">
        <v>193060</v>
      </c>
      <c r="FQ21" s="114">
        <v>604065</v>
      </c>
      <c r="FR21" s="114">
        <v>331555</v>
      </c>
      <c r="FS21" s="114">
        <v>274428</v>
      </c>
      <c r="FT21" s="114">
        <v>217595</v>
      </c>
      <c r="FU21" s="113">
        <v>1620703</v>
      </c>
      <c r="FV21" s="116">
        <v>1803655</v>
      </c>
      <c r="FW21" s="115">
        <v>32816</v>
      </c>
      <c r="FX21" s="114">
        <v>61040</v>
      </c>
      <c r="FY21" s="112">
        <v>93856</v>
      </c>
      <c r="FZ21" s="111">
        <v>0</v>
      </c>
      <c r="GA21" s="114">
        <v>126070</v>
      </c>
      <c r="GB21" s="114">
        <v>458094</v>
      </c>
      <c r="GC21" s="114">
        <v>291130</v>
      </c>
      <c r="GD21" s="114">
        <v>198604</v>
      </c>
      <c r="GE21" s="114">
        <v>217595</v>
      </c>
      <c r="GF21" s="113">
        <v>1291493</v>
      </c>
      <c r="GG21" s="316">
        <v>1385349</v>
      </c>
      <c r="GH21" s="115">
        <v>16786</v>
      </c>
      <c r="GI21" s="114">
        <v>0</v>
      </c>
      <c r="GJ21" s="112">
        <v>16786</v>
      </c>
      <c r="GK21" s="111">
        <v>0</v>
      </c>
      <c r="GL21" s="114">
        <v>0</v>
      </c>
      <c r="GM21" s="114">
        <v>47971</v>
      </c>
      <c r="GN21" s="114">
        <v>24255</v>
      </c>
      <c r="GO21" s="114">
        <v>31724</v>
      </c>
      <c r="GP21" s="114">
        <v>0</v>
      </c>
      <c r="GQ21" s="113">
        <v>103950</v>
      </c>
      <c r="GR21" s="116">
        <v>120736</v>
      </c>
      <c r="GS21" s="110">
        <v>72310</v>
      </c>
      <c r="GT21" s="114">
        <v>0</v>
      </c>
      <c r="GU21" s="113">
        <v>72310</v>
      </c>
      <c r="GV21" s="110">
        <v>0</v>
      </c>
      <c r="GW21" s="114">
        <v>66990</v>
      </c>
      <c r="GX21" s="114">
        <v>98000</v>
      </c>
      <c r="GY21" s="114">
        <v>16170</v>
      </c>
      <c r="GZ21" s="114">
        <v>44100</v>
      </c>
      <c r="HA21" s="114">
        <v>0</v>
      </c>
      <c r="HB21" s="112">
        <v>225260</v>
      </c>
      <c r="HC21" s="116">
        <v>297570</v>
      </c>
      <c r="HD21" s="110">
        <v>88905</v>
      </c>
      <c r="HE21" s="114">
        <v>80213</v>
      </c>
      <c r="HF21" s="112">
        <v>169118</v>
      </c>
      <c r="HG21" s="111">
        <v>0</v>
      </c>
      <c r="HH21" s="114">
        <v>1038479</v>
      </c>
      <c r="HI21" s="114">
        <v>1239253</v>
      </c>
      <c r="HJ21" s="114">
        <v>1538514</v>
      </c>
      <c r="HK21" s="114">
        <v>2202694</v>
      </c>
      <c r="HL21" s="114">
        <v>1192859</v>
      </c>
      <c r="HM21" s="113">
        <v>7211799</v>
      </c>
      <c r="HN21" s="109">
        <v>7380917</v>
      </c>
      <c r="HO21" s="326"/>
      <c r="HP21" s="327"/>
      <c r="HQ21" s="328"/>
      <c r="HR21" s="329"/>
      <c r="HS21" s="327"/>
      <c r="HT21" s="327"/>
      <c r="HU21" s="327"/>
      <c r="HV21" s="327"/>
      <c r="HW21" s="327"/>
      <c r="HX21" s="330"/>
      <c r="HY21" s="331"/>
      <c r="HZ21" s="131">
        <v>0</v>
      </c>
      <c r="IA21" s="132">
        <v>0</v>
      </c>
      <c r="IB21" s="133">
        <v>0</v>
      </c>
      <c r="IC21" s="146">
        <v>0</v>
      </c>
      <c r="ID21" s="132">
        <v>267649</v>
      </c>
      <c r="IE21" s="147">
        <v>1082495</v>
      </c>
      <c r="IF21" s="133">
        <v>1202371</v>
      </c>
      <c r="IG21" s="132">
        <v>367827</v>
      </c>
      <c r="IH21" s="133">
        <v>1616819</v>
      </c>
      <c r="II21" s="148">
        <v>4537161</v>
      </c>
      <c r="IJ21" s="139">
        <v>4537161</v>
      </c>
      <c r="IK21" s="232">
        <v>0</v>
      </c>
      <c r="IL21" s="236">
        <v>0</v>
      </c>
      <c r="IM21" s="237">
        <v>0</v>
      </c>
      <c r="IN21" s="140"/>
      <c r="IO21" s="119">
        <v>0</v>
      </c>
      <c r="IP21" s="119">
        <v>0</v>
      </c>
      <c r="IQ21" s="119">
        <v>58045</v>
      </c>
      <c r="IR21" s="119">
        <v>170846</v>
      </c>
      <c r="IS21" s="119">
        <v>487615</v>
      </c>
      <c r="IT21" s="141">
        <v>716506</v>
      </c>
      <c r="IU21" s="318">
        <v>716506</v>
      </c>
      <c r="IV21" s="142">
        <v>0</v>
      </c>
      <c r="IW21" s="119">
        <v>0</v>
      </c>
      <c r="IX21" s="120">
        <v>0</v>
      </c>
      <c r="IY21" s="144"/>
      <c r="IZ21" s="119">
        <v>0</v>
      </c>
      <c r="JA21" s="119">
        <v>0</v>
      </c>
      <c r="JB21" s="119">
        <v>0</v>
      </c>
      <c r="JC21" s="119">
        <v>14347</v>
      </c>
      <c r="JD21" s="119">
        <v>14347</v>
      </c>
      <c r="JE21" s="120">
        <v>28694</v>
      </c>
      <c r="JF21" s="121">
        <v>28694</v>
      </c>
      <c r="JG21" s="142">
        <v>0</v>
      </c>
      <c r="JH21" s="119">
        <v>0</v>
      </c>
      <c r="JI21" s="141">
        <v>0</v>
      </c>
      <c r="JJ21" s="118">
        <v>0</v>
      </c>
      <c r="JK21" s="119">
        <v>267649</v>
      </c>
      <c r="JL21" s="119">
        <v>290978</v>
      </c>
      <c r="JM21" s="119">
        <v>496895</v>
      </c>
      <c r="JN21" s="119">
        <v>161025</v>
      </c>
      <c r="JO21" s="119">
        <v>190227</v>
      </c>
      <c r="JP21" s="120">
        <v>1406774</v>
      </c>
      <c r="JQ21" s="318">
        <v>1406774</v>
      </c>
      <c r="JR21" s="142">
        <v>0</v>
      </c>
      <c r="JS21" s="119">
        <v>0</v>
      </c>
      <c r="JT21" s="141">
        <v>0</v>
      </c>
      <c r="JU21" s="118">
        <v>0</v>
      </c>
      <c r="JV21" s="119">
        <v>0</v>
      </c>
      <c r="JW21" s="119">
        <v>219604</v>
      </c>
      <c r="JX21" s="119">
        <v>0</v>
      </c>
      <c r="JY21" s="119">
        <v>0</v>
      </c>
      <c r="JZ21" s="119">
        <v>0</v>
      </c>
      <c r="KA21" s="120">
        <v>219604</v>
      </c>
      <c r="KB21" s="318">
        <v>219604</v>
      </c>
      <c r="KC21" s="234">
        <v>0</v>
      </c>
      <c r="KD21" s="230">
        <v>0</v>
      </c>
      <c r="KE21" s="120">
        <v>0</v>
      </c>
      <c r="KF21" s="118">
        <v>0</v>
      </c>
      <c r="KG21" s="119">
        <v>0</v>
      </c>
      <c r="KH21" s="119">
        <v>161193</v>
      </c>
      <c r="KI21" s="119">
        <v>0</v>
      </c>
      <c r="KJ21" s="119">
        <v>0</v>
      </c>
      <c r="KK21" s="119">
        <v>250973</v>
      </c>
      <c r="KL21" s="120">
        <v>412166</v>
      </c>
      <c r="KM21" s="143">
        <v>412166</v>
      </c>
      <c r="KN21" s="232">
        <v>0</v>
      </c>
      <c r="KO21" s="236">
        <v>0</v>
      </c>
      <c r="KP21" s="237">
        <v>0</v>
      </c>
      <c r="KQ21" s="140"/>
      <c r="KR21" s="119">
        <v>0</v>
      </c>
      <c r="KS21" s="119">
        <v>410720</v>
      </c>
      <c r="KT21" s="119">
        <v>647431</v>
      </c>
      <c r="KU21" s="119">
        <v>21609</v>
      </c>
      <c r="KV21" s="119">
        <v>673657</v>
      </c>
      <c r="KW21" s="120">
        <v>1753417</v>
      </c>
      <c r="KX21" s="318">
        <v>1753417</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18">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194131</v>
      </c>
      <c r="MK21" s="119">
        <v>0</v>
      </c>
      <c r="ML21" s="119">
        <v>2258010</v>
      </c>
      <c r="MM21" s="119">
        <v>2677417</v>
      </c>
      <c r="MN21" s="119">
        <v>1757930</v>
      </c>
      <c r="MO21" s="120">
        <v>6887488</v>
      </c>
      <c r="MP21" s="143">
        <v>6887488</v>
      </c>
      <c r="MQ21" s="142">
        <v>0</v>
      </c>
      <c r="MR21" s="119">
        <v>0</v>
      </c>
      <c r="MS21" s="120">
        <v>0</v>
      </c>
      <c r="MT21" s="145"/>
      <c r="MU21" s="119">
        <v>0</v>
      </c>
      <c r="MV21" s="119">
        <v>0</v>
      </c>
      <c r="MW21" s="119">
        <v>788504</v>
      </c>
      <c r="MX21" s="119">
        <v>1725798</v>
      </c>
      <c r="MY21" s="119">
        <v>662241</v>
      </c>
      <c r="MZ21" s="120">
        <v>3176543</v>
      </c>
      <c r="NA21" s="143">
        <v>3176543</v>
      </c>
      <c r="NB21" s="142">
        <v>0</v>
      </c>
      <c r="NC21" s="119">
        <v>0</v>
      </c>
      <c r="ND21" s="120">
        <v>0</v>
      </c>
      <c r="NE21" s="145">
        <v>0</v>
      </c>
      <c r="NF21" s="119">
        <v>194131</v>
      </c>
      <c r="NG21" s="119">
        <v>0</v>
      </c>
      <c r="NH21" s="119">
        <v>1160039</v>
      </c>
      <c r="NI21" s="119">
        <v>951619</v>
      </c>
      <c r="NJ21" s="119">
        <v>1095689</v>
      </c>
      <c r="NK21" s="120">
        <v>3401478</v>
      </c>
      <c r="NL21" s="318">
        <v>3401478</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309467</v>
      </c>
      <c r="OE21" s="119">
        <v>0</v>
      </c>
      <c r="OF21" s="119">
        <v>0</v>
      </c>
      <c r="OG21" s="120">
        <v>309467</v>
      </c>
      <c r="OH21" s="121">
        <v>309467</v>
      </c>
      <c r="OI21" s="142">
        <v>320725</v>
      </c>
      <c r="OJ21" s="119">
        <v>304530</v>
      </c>
      <c r="OK21" s="141">
        <v>625255</v>
      </c>
      <c r="OL21" s="118">
        <v>0</v>
      </c>
      <c r="OM21" s="119">
        <v>3873727</v>
      </c>
      <c r="ON21" s="119">
        <v>6494184</v>
      </c>
      <c r="OO21" s="119">
        <v>7958986</v>
      </c>
      <c r="OP21" s="119">
        <v>6549245</v>
      </c>
      <c r="OQ21" s="119">
        <v>5525976</v>
      </c>
      <c r="OR21" s="120">
        <v>30402118</v>
      </c>
      <c r="OS21" s="143">
        <v>31027373</v>
      </c>
    </row>
    <row r="22" spans="2:409" ht="21" customHeight="1" x14ac:dyDescent="0.2">
      <c r="B22" s="126" t="s">
        <v>17</v>
      </c>
      <c r="C22" s="110">
        <v>376707</v>
      </c>
      <c r="D22" s="114">
        <v>745262</v>
      </c>
      <c r="E22" s="113">
        <v>1121969</v>
      </c>
      <c r="F22" s="109">
        <v>0</v>
      </c>
      <c r="G22" s="114">
        <v>4734998</v>
      </c>
      <c r="H22" s="114">
        <v>5774581</v>
      </c>
      <c r="I22" s="114">
        <v>6148592</v>
      </c>
      <c r="J22" s="114">
        <v>7162182</v>
      </c>
      <c r="K22" s="114">
        <v>4070510</v>
      </c>
      <c r="L22" s="109">
        <v>27890863</v>
      </c>
      <c r="M22" s="116">
        <v>29012832</v>
      </c>
      <c r="N22" s="110">
        <v>103407</v>
      </c>
      <c r="O22" s="114">
        <v>186101</v>
      </c>
      <c r="P22" s="113">
        <v>289508</v>
      </c>
      <c r="Q22" s="110">
        <v>0</v>
      </c>
      <c r="R22" s="114">
        <v>1008240</v>
      </c>
      <c r="S22" s="114">
        <v>1529840</v>
      </c>
      <c r="T22" s="114">
        <v>2354577</v>
      </c>
      <c r="U22" s="114">
        <v>1567539</v>
      </c>
      <c r="V22" s="114">
        <v>1499518</v>
      </c>
      <c r="W22" s="113">
        <v>7959714</v>
      </c>
      <c r="X22" s="116">
        <v>8249222</v>
      </c>
      <c r="Y22" s="110">
        <v>0</v>
      </c>
      <c r="Z22" s="114">
        <v>0</v>
      </c>
      <c r="AA22" s="113">
        <v>0</v>
      </c>
      <c r="AB22" s="110">
        <v>0</v>
      </c>
      <c r="AC22" s="114">
        <v>288865</v>
      </c>
      <c r="AD22" s="114">
        <v>727715</v>
      </c>
      <c r="AE22" s="114">
        <v>1399861</v>
      </c>
      <c r="AF22" s="114">
        <v>607042</v>
      </c>
      <c r="AG22" s="114">
        <v>860283</v>
      </c>
      <c r="AH22" s="113">
        <v>3883766</v>
      </c>
      <c r="AI22" s="116">
        <v>3883766</v>
      </c>
      <c r="AJ22" s="110">
        <v>0</v>
      </c>
      <c r="AK22" s="114">
        <v>0</v>
      </c>
      <c r="AL22" s="113">
        <v>0</v>
      </c>
      <c r="AM22" s="110">
        <v>0</v>
      </c>
      <c r="AN22" s="114">
        <v>0</v>
      </c>
      <c r="AO22" s="114">
        <v>0</v>
      </c>
      <c r="AP22" s="114">
        <v>40917</v>
      </c>
      <c r="AQ22" s="114">
        <v>104978</v>
      </c>
      <c r="AR22" s="114">
        <v>94924</v>
      </c>
      <c r="AS22" s="113">
        <v>240819</v>
      </c>
      <c r="AT22" s="116">
        <v>240819</v>
      </c>
      <c r="AU22" s="110">
        <v>61659</v>
      </c>
      <c r="AV22" s="114">
        <v>121048</v>
      </c>
      <c r="AW22" s="113">
        <v>182707</v>
      </c>
      <c r="AX22" s="110">
        <v>0</v>
      </c>
      <c r="AY22" s="114">
        <v>462437</v>
      </c>
      <c r="AZ22" s="114">
        <v>608918</v>
      </c>
      <c r="BA22" s="114">
        <v>551461</v>
      </c>
      <c r="BB22" s="114">
        <v>423088</v>
      </c>
      <c r="BC22" s="114">
        <v>262365</v>
      </c>
      <c r="BD22" s="113">
        <v>2308269</v>
      </c>
      <c r="BE22" s="116">
        <v>2490976</v>
      </c>
      <c r="BF22" s="110">
        <v>0</v>
      </c>
      <c r="BG22" s="114">
        <v>20617</v>
      </c>
      <c r="BH22" s="112">
        <v>20617</v>
      </c>
      <c r="BI22" s="111">
        <v>0</v>
      </c>
      <c r="BJ22" s="114">
        <v>23355</v>
      </c>
      <c r="BK22" s="114">
        <v>0</v>
      </c>
      <c r="BL22" s="114">
        <v>86363</v>
      </c>
      <c r="BM22" s="114">
        <v>97166</v>
      </c>
      <c r="BN22" s="114">
        <v>0</v>
      </c>
      <c r="BO22" s="113">
        <v>206884</v>
      </c>
      <c r="BP22" s="116">
        <v>227501</v>
      </c>
      <c r="BQ22" s="110">
        <v>41748</v>
      </c>
      <c r="BR22" s="114">
        <v>44436</v>
      </c>
      <c r="BS22" s="113">
        <v>86184</v>
      </c>
      <c r="BT22" s="110">
        <v>0</v>
      </c>
      <c r="BU22" s="114">
        <v>233583</v>
      </c>
      <c r="BV22" s="114">
        <v>193207</v>
      </c>
      <c r="BW22" s="114">
        <v>275975</v>
      </c>
      <c r="BX22" s="114">
        <v>335265</v>
      </c>
      <c r="BY22" s="114">
        <v>281946</v>
      </c>
      <c r="BZ22" s="113">
        <v>1319976</v>
      </c>
      <c r="CA22" s="116">
        <v>1406160</v>
      </c>
      <c r="CB22" s="110">
        <v>73904</v>
      </c>
      <c r="CC22" s="114">
        <v>189357</v>
      </c>
      <c r="CD22" s="113">
        <v>263261</v>
      </c>
      <c r="CE22" s="110">
        <v>0</v>
      </c>
      <c r="CF22" s="114">
        <v>1171347</v>
      </c>
      <c r="CG22" s="114">
        <v>2187647</v>
      </c>
      <c r="CH22" s="114">
        <v>1588063</v>
      </c>
      <c r="CI22" s="114">
        <v>1150301</v>
      </c>
      <c r="CJ22" s="114">
        <v>222462</v>
      </c>
      <c r="CK22" s="113">
        <v>6319820</v>
      </c>
      <c r="CL22" s="116">
        <v>6583081</v>
      </c>
      <c r="CM22" s="110">
        <v>0</v>
      </c>
      <c r="CN22" s="114">
        <v>0</v>
      </c>
      <c r="CO22" s="113">
        <v>0</v>
      </c>
      <c r="CP22" s="111">
        <v>0</v>
      </c>
      <c r="CQ22" s="114">
        <v>903601</v>
      </c>
      <c r="CR22" s="114">
        <v>1558365</v>
      </c>
      <c r="CS22" s="114">
        <v>916668</v>
      </c>
      <c r="CT22" s="114">
        <v>759527</v>
      </c>
      <c r="CU22" s="114">
        <v>216056</v>
      </c>
      <c r="CV22" s="113">
        <v>4354217</v>
      </c>
      <c r="CW22" s="116">
        <v>4354217</v>
      </c>
      <c r="CX22" s="110">
        <v>73904</v>
      </c>
      <c r="CY22" s="114">
        <v>189357</v>
      </c>
      <c r="CZ22" s="113">
        <v>263261</v>
      </c>
      <c r="DA22" s="110">
        <v>0</v>
      </c>
      <c r="DB22" s="114">
        <v>267746</v>
      </c>
      <c r="DC22" s="114">
        <v>629282</v>
      </c>
      <c r="DD22" s="114">
        <v>671395</v>
      </c>
      <c r="DE22" s="114">
        <v>390774</v>
      </c>
      <c r="DF22" s="114">
        <v>6406</v>
      </c>
      <c r="DG22" s="113">
        <v>1965603</v>
      </c>
      <c r="DH22" s="116">
        <v>2228864</v>
      </c>
      <c r="DI22" s="110">
        <v>0</v>
      </c>
      <c r="DJ22" s="114">
        <v>12946</v>
      </c>
      <c r="DK22" s="112">
        <v>12946</v>
      </c>
      <c r="DL22" s="111">
        <v>0</v>
      </c>
      <c r="DM22" s="114">
        <v>122729</v>
      </c>
      <c r="DN22" s="114">
        <v>551792</v>
      </c>
      <c r="DO22" s="114">
        <v>197885</v>
      </c>
      <c r="DP22" s="114">
        <v>587439</v>
      </c>
      <c r="DQ22" s="114">
        <v>403833</v>
      </c>
      <c r="DR22" s="113">
        <v>1863678</v>
      </c>
      <c r="DS22" s="116">
        <v>1876624</v>
      </c>
      <c r="DT22" s="110">
        <v>0</v>
      </c>
      <c r="DU22" s="114">
        <v>12946</v>
      </c>
      <c r="DV22" s="113">
        <v>12946</v>
      </c>
      <c r="DW22" s="110">
        <v>0</v>
      </c>
      <c r="DX22" s="114">
        <v>22146</v>
      </c>
      <c r="DY22" s="114">
        <v>484477</v>
      </c>
      <c r="DZ22" s="114">
        <v>112324</v>
      </c>
      <c r="EA22" s="114">
        <v>469410</v>
      </c>
      <c r="EB22" s="114">
        <v>403833</v>
      </c>
      <c r="EC22" s="113">
        <v>1492190</v>
      </c>
      <c r="ED22" s="116">
        <v>1505136</v>
      </c>
      <c r="EE22" s="110">
        <v>0</v>
      </c>
      <c r="EF22" s="112">
        <v>0</v>
      </c>
      <c r="EG22" s="113">
        <v>0</v>
      </c>
      <c r="EH22" s="110">
        <v>0</v>
      </c>
      <c r="EI22" s="114">
        <v>100583</v>
      </c>
      <c r="EJ22" s="114">
        <v>67315</v>
      </c>
      <c r="EK22" s="114">
        <v>85561</v>
      </c>
      <c r="EL22" s="114">
        <v>118029</v>
      </c>
      <c r="EM22" s="114">
        <v>0</v>
      </c>
      <c r="EN22" s="112">
        <v>371488</v>
      </c>
      <c r="EO22" s="116">
        <v>371488</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5"/>
      <c r="FE22" s="114">
        <v>0</v>
      </c>
      <c r="FF22" s="114">
        <v>0</v>
      </c>
      <c r="FG22" s="114">
        <v>0</v>
      </c>
      <c r="FH22" s="114">
        <v>0</v>
      </c>
      <c r="FI22" s="114">
        <v>0</v>
      </c>
      <c r="FJ22" s="113">
        <v>0</v>
      </c>
      <c r="FK22" s="116">
        <v>0</v>
      </c>
      <c r="FL22" s="110">
        <v>102620</v>
      </c>
      <c r="FM22" s="114">
        <v>117194</v>
      </c>
      <c r="FN22" s="113">
        <v>219814</v>
      </c>
      <c r="FO22" s="110">
        <v>0</v>
      </c>
      <c r="FP22" s="114">
        <v>201663</v>
      </c>
      <c r="FQ22" s="114">
        <v>723129</v>
      </c>
      <c r="FR22" s="114">
        <v>628551</v>
      </c>
      <c r="FS22" s="114">
        <v>434973</v>
      </c>
      <c r="FT22" s="114">
        <v>311017</v>
      </c>
      <c r="FU22" s="113">
        <v>2299333</v>
      </c>
      <c r="FV22" s="116">
        <v>2519147</v>
      </c>
      <c r="FW22" s="115">
        <v>72800</v>
      </c>
      <c r="FX22" s="114">
        <v>117194</v>
      </c>
      <c r="FY22" s="112">
        <v>189994</v>
      </c>
      <c r="FZ22" s="111">
        <v>0</v>
      </c>
      <c r="GA22" s="114">
        <v>91763</v>
      </c>
      <c r="GB22" s="114">
        <v>559537</v>
      </c>
      <c r="GC22" s="114">
        <v>607761</v>
      </c>
      <c r="GD22" s="114">
        <v>408793</v>
      </c>
      <c r="GE22" s="114">
        <v>311017</v>
      </c>
      <c r="GF22" s="113">
        <v>1978871</v>
      </c>
      <c r="GG22" s="316">
        <v>2168865</v>
      </c>
      <c r="GH22" s="115">
        <v>29820</v>
      </c>
      <c r="GI22" s="114">
        <v>0</v>
      </c>
      <c r="GJ22" s="112">
        <v>29820</v>
      </c>
      <c r="GK22" s="111">
        <v>0</v>
      </c>
      <c r="GL22" s="114">
        <v>0</v>
      </c>
      <c r="GM22" s="114">
        <v>23592</v>
      </c>
      <c r="GN22" s="114">
        <v>20790</v>
      </c>
      <c r="GO22" s="114">
        <v>0</v>
      </c>
      <c r="GP22" s="114">
        <v>0</v>
      </c>
      <c r="GQ22" s="113">
        <v>44382</v>
      </c>
      <c r="GR22" s="116">
        <v>74202</v>
      </c>
      <c r="GS22" s="110">
        <v>0</v>
      </c>
      <c r="GT22" s="114">
        <v>0</v>
      </c>
      <c r="GU22" s="113">
        <v>0</v>
      </c>
      <c r="GV22" s="110">
        <v>0</v>
      </c>
      <c r="GW22" s="114">
        <v>109900</v>
      </c>
      <c r="GX22" s="114">
        <v>140000</v>
      </c>
      <c r="GY22" s="114">
        <v>0</v>
      </c>
      <c r="GZ22" s="114">
        <v>26180</v>
      </c>
      <c r="HA22" s="114">
        <v>0</v>
      </c>
      <c r="HB22" s="112">
        <v>276080</v>
      </c>
      <c r="HC22" s="116">
        <v>276080</v>
      </c>
      <c r="HD22" s="110">
        <v>96776</v>
      </c>
      <c r="HE22" s="114">
        <v>239664</v>
      </c>
      <c r="HF22" s="112">
        <v>336440</v>
      </c>
      <c r="HG22" s="111">
        <v>0</v>
      </c>
      <c r="HH22" s="114">
        <v>2231019</v>
      </c>
      <c r="HI22" s="114">
        <v>782173</v>
      </c>
      <c r="HJ22" s="114">
        <v>1379516</v>
      </c>
      <c r="HK22" s="114">
        <v>3421930</v>
      </c>
      <c r="HL22" s="114">
        <v>1633680</v>
      </c>
      <c r="HM22" s="113">
        <v>9448318</v>
      </c>
      <c r="HN22" s="109">
        <v>9784758</v>
      </c>
      <c r="HO22" s="326"/>
      <c r="HP22" s="327"/>
      <c r="HQ22" s="328"/>
      <c r="HR22" s="329"/>
      <c r="HS22" s="327"/>
      <c r="HT22" s="327"/>
      <c r="HU22" s="327"/>
      <c r="HV22" s="327"/>
      <c r="HW22" s="327"/>
      <c r="HX22" s="330"/>
      <c r="HY22" s="331"/>
      <c r="HZ22" s="150">
        <v>0</v>
      </c>
      <c r="IA22" s="135">
        <v>0</v>
      </c>
      <c r="IB22" s="150">
        <v>0</v>
      </c>
      <c r="IC22" s="134">
        <v>0</v>
      </c>
      <c r="ID22" s="135">
        <v>747389</v>
      </c>
      <c r="IE22" s="136">
        <v>1851653</v>
      </c>
      <c r="IF22" s="137">
        <v>1018717</v>
      </c>
      <c r="IG22" s="135">
        <v>2137107</v>
      </c>
      <c r="IH22" s="137">
        <v>1758218</v>
      </c>
      <c r="II22" s="138">
        <v>7513084</v>
      </c>
      <c r="IJ22" s="150">
        <v>7513084</v>
      </c>
      <c r="IK22" s="232">
        <v>0</v>
      </c>
      <c r="IL22" s="236">
        <v>0</v>
      </c>
      <c r="IM22" s="237">
        <v>0</v>
      </c>
      <c r="IN22" s="140"/>
      <c r="IO22" s="119">
        <v>42381</v>
      </c>
      <c r="IP22" s="119">
        <v>0</v>
      </c>
      <c r="IQ22" s="119">
        <v>0</v>
      </c>
      <c r="IR22" s="119">
        <v>0</v>
      </c>
      <c r="IS22" s="119">
        <v>0</v>
      </c>
      <c r="IT22" s="141">
        <v>42381</v>
      </c>
      <c r="IU22" s="318">
        <v>42381</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502438</v>
      </c>
      <c r="JL22" s="119">
        <v>672444</v>
      </c>
      <c r="JM22" s="119">
        <v>217646</v>
      </c>
      <c r="JN22" s="119">
        <v>550665</v>
      </c>
      <c r="JO22" s="119">
        <v>95876</v>
      </c>
      <c r="JP22" s="120">
        <v>2039069</v>
      </c>
      <c r="JQ22" s="318">
        <v>2039069</v>
      </c>
      <c r="JR22" s="142">
        <v>0</v>
      </c>
      <c r="JS22" s="119">
        <v>0</v>
      </c>
      <c r="JT22" s="141">
        <v>0</v>
      </c>
      <c r="JU22" s="118">
        <v>0</v>
      </c>
      <c r="JV22" s="119">
        <v>0</v>
      </c>
      <c r="JW22" s="119">
        <v>0</v>
      </c>
      <c r="JX22" s="119">
        <v>133688</v>
      </c>
      <c r="JY22" s="119">
        <v>0</v>
      </c>
      <c r="JZ22" s="119">
        <v>0</v>
      </c>
      <c r="KA22" s="120">
        <v>133688</v>
      </c>
      <c r="KB22" s="318">
        <v>133688</v>
      </c>
      <c r="KC22" s="234">
        <v>0</v>
      </c>
      <c r="KD22" s="230">
        <v>0</v>
      </c>
      <c r="KE22" s="120">
        <v>0</v>
      </c>
      <c r="KF22" s="118">
        <v>0</v>
      </c>
      <c r="KG22" s="119">
        <v>0</v>
      </c>
      <c r="KH22" s="119">
        <v>327960</v>
      </c>
      <c r="KI22" s="119">
        <v>223583</v>
      </c>
      <c r="KJ22" s="119">
        <v>237769</v>
      </c>
      <c r="KK22" s="119">
        <v>260416</v>
      </c>
      <c r="KL22" s="120">
        <v>1049728</v>
      </c>
      <c r="KM22" s="143">
        <v>1049728</v>
      </c>
      <c r="KN22" s="232">
        <v>0</v>
      </c>
      <c r="KO22" s="236">
        <v>0</v>
      </c>
      <c r="KP22" s="237">
        <v>0</v>
      </c>
      <c r="KQ22" s="140"/>
      <c r="KR22" s="119">
        <v>202570</v>
      </c>
      <c r="KS22" s="119">
        <v>851249</v>
      </c>
      <c r="KT22" s="119">
        <v>443800</v>
      </c>
      <c r="KU22" s="119">
        <v>897229</v>
      </c>
      <c r="KV22" s="119">
        <v>916602</v>
      </c>
      <c r="KW22" s="120">
        <v>3311450</v>
      </c>
      <c r="KX22" s="318">
        <v>3311450</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0</v>
      </c>
      <c r="LQ22" s="119">
        <v>451444</v>
      </c>
      <c r="LR22" s="119">
        <v>485324</v>
      </c>
      <c r="LS22" s="120">
        <v>936768</v>
      </c>
      <c r="LT22" s="318">
        <v>936768</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0</v>
      </c>
      <c r="MK22" s="119">
        <v>1206948</v>
      </c>
      <c r="ML22" s="119">
        <v>4072883</v>
      </c>
      <c r="MM22" s="119">
        <v>2955750</v>
      </c>
      <c r="MN22" s="119">
        <v>2193551</v>
      </c>
      <c r="MO22" s="120">
        <v>10429132</v>
      </c>
      <c r="MP22" s="143">
        <v>10429132</v>
      </c>
      <c r="MQ22" s="142">
        <v>0</v>
      </c>
      <c r="MR22" s="119">
        <v>0</v>
      </c>
      <c r="MS22" s="120">
        <v>0</v>
      </c>
      <c r="MT22" s="145"/>
      <c r="MU22" s="119">
        <v>0</v>
      </c>
      <c r="MV22" s="119">
        <v>205624</v>
      </c>
      <c r="MW22" s="119">
        <v>2056637</v>
      </c>
      <c r="MX22" s="119">
        <v>1386053</v>
      </c>
      <c r="MY22" s="119">
        <v>978570</v>
      </c>
      <c r="MZ22" s="120">
        <v>4626884</v>
      </c>
      <c r="NA22" s="143">
        <v>4626884</v>
      </c>
      <c r="NB22" s="142">
        <v>0</v>
      </c>
      <c r="NC22" s="119">
        <v>0</v>
      </c>
      <c r="ND22" s="120">
        <v>0</v>
      </c>
      <c r="NE22" s="145">
        <v>0</v>
      </c>
      <c r="NF22" s="119">
        <v>0</v>
      </c>
      <c r="NG22" s="119">
        <v>1001324</v>
      </c>
      <c r="NH22" s="119">
        <v>2016246</v>
      </c>
      <c r="NI22" s="119">
        <v>1569697</v>
      </c>
      <c r="NJ22" s="119">
        <v>865820</v>
      </c>
      <c r="NK22" s="120">
        <v>5453087</v>
      </c>
      <c r="NL22" s="318">
        <v>5453087</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49161</v>
      </c>
      <c r="OG22" s="120">
        <v>349161</v>
      </c>
      <c r="OH22" s="121">
        <v>349161</v>
      </c>
      <c r="OI22" s="142">
        <v>376707</v>
      </c>
      <c r="OJ22" s="119">
        <v>745262</v>
      </c>
      <c r="OK22" s="141">
        <v>1121969</v>
      </c>
      <c r="OL22" s="118">
        <v>0</v>
      </c>
      <c r="OM22" s="119">
        <v>5482387</v>
      </c>
      <c r="ON22" s="119">
        <v>8833182</v>
      </c>
      <c r="OO22" s="119">
        <v>11240192</v>
      </c>
      <c r="OP22" s="119">
        <v>12255039</v>
      </c>
      <c r="OQ22" s="119">
        <v>8022279</v>
      </c>
      <c r="OR22" s="120">
        <v>45833079</v>
      </c>
      <c r="OS22" s="143">
        <v>46955048</v>
      </c>
    </row>
    <row r="23" spans="2:409" ht="21" customHeight="1" x14ac:dyDescent="0.2">
      <c r="B23" s="126" t="s">
        <v>18</v>
      </c>
      <c r="C23" s="110">
        <v>536096</v>
      </c>
      <c r="D23" s="114">
        <v>727664</v>
      </c>
      <c r="E23" s="113">
        <v>1263760</v>
      </c>
      <c r="F23" s="109">
        <v>0</v>
      </c>
      <c r="G23" s="114">
        <v>5611087</v>
      </c>
      <c r="H23" s="114">
        <v>9364727</v>
      </c>
      <c r="I23" s="114">
        <v>6815460</v>
      </c>
      <c r="J23" s="114">
        <v>7438470</v>
      </c>
      <c r="K23" s="114">
        <v>5871664</v>
      </c>
      <c r="L23" s="109">
        <v>35101408</v>
      </c>
      <c r="M23" s="116">
        <v>36365168</v>
      </c>
      <c r="N23" s="110">
        <v>209177</v>
      </c>
      <c r="O23" s="114">
        <v>175998</v>
      </c>
      <c r="P23" s="113">
        <v>385175</v>
      </c>
      <c r="Q23" s="110">
        <v>0</v>
      </c>
      <c r="R23" s="114">
        <v>1787736</v>
      </c>
      <c r="S23" s="114">
        <v>2150839</v>
      </c>
      <c r="T23" s="114">
        <v>2731319</v>
      </c>
      <c r="U23" s="114">
        <v>3107944</v>
      </c>
      <c r="V23" s="114">
        <v>2293633</v>
      </c>
      <c r="W23" s="113">
        <v>12071471</v>
      </c>
      <c r="X23" s="116">
        <v>12456646</v>
      </c>
      <c r="Y23" s="110">
        <v>0</v>
      </c>
      <c r="Z23" s="114">
        <v>0</v>
      </c>
      <c r="AA23" s="113">
        <v>0</v>
      </c>
      <c r="AB23" s="110">
        <v>0</v>
      </c>
      <c r="AC23" s="114">
        <v>750630</v>
      </c>
      <c r="AD23" s="114">
        <v>791154</v>
      </c>
      <c r="AE23" s="114">
        <v>1498704</v>
      </c>
      <c r="AF23" s="114">
        <v>2376700</v>
      </c>
      <c r="AG23" s="114">
        <v>1349236</v>
      </c>
      <c r="AH23" s="113">
        <v>6766424</v>
      </c>
      <c r="AI23" s="116">
        <v>6766424</v>
      </c>
      <c r="AJ23" s="110">
        <v>0</v>
      </c>
      <c r="AK23" s="114">
        <v>0</v>
      </c>
      <c r="AL23" s="113">
        <v>0</v>
      </c>
      <c r="AM23" s="110">
        <v>0</v>
      </c>
      <c r="AN23" s="114">
        <v>0</v>
      </c>
      <c r="AO23" s="114">
        <v>0</v>
      </c>
      <c r="AP23" s="114">
        <v>81265</v>
      </c>
      <c r="AQ23" s="114">
        <v>81819</v>
      </c>
      <c r="AR23" s="114">
        <v>177839</v>
      </c>
      <c r="AS23" s="113">
        <v>340923</v>
      </c>
      <c r="AT23" s="116">
        <v>340923</v>
      </c>
      <c r="AU23" s="110">
        <v>136253</v>
      </c>
      <c r="AV23" s="114">
        <v>120747</v>
      </c>
      <c r="AW23" s="113">
        <v>257000</v>
      </c>
      <c r="AX23" s="110">
        <v>0</v>
      </c>
      <c r="AY23" s="114">
        <v>496650</v>
      </c>
      <c r="AZ23" s="114">
        <v>866653</v>
      </c>
      <c r="BA23" s="114">
        <v>684448</v>
      </c>
      <c r="BB23" s="114">
        <v>285789</v>
      </c>
      <c r="BC23" s="114">
        <v>410559</v>
      </c>
      <c r="BD23" s="113">
        <v>2744099</v>
      </c>
      <c r="BE23" s="116">
        <v>3001099</v>
      </c>
      <c r="BF23" s="110">
        <v>28180</v>
      </c>
      <c r="BG23" s="114">
        <v>0</v>
      </c>
      <c r="BH23" s="112">
        <v>28180</v>
      </c>
      <c r="BI23" s="111">
        <v>0</v>
      </c>
      <c r="BJ23" s="114">
        <v>162659</v>
      </c>
      <c r="BK23" s="114">
        <v>70680</v>
      </c>
      <c r="BL23" s="114">
        <v>101978</v>
      </c>
      <c r="BM23" s="114">
        <v>0</v>
      </c>
      <c r="BN23" s="114">
        <v>0</v>
      </c>
      <c r="BO23" s="113">
        <v>335317</v>
      </c>
      <c r="BP23" s="116">
        <v>363497</v>
      </c>
      <c r="BQ23" s="110">
        <v>44744</v>
      </c>
      <c r="BR23" s="114">
        <v>55251</v>
      </c>
      <c r="BS23" s="113">
        <v>99995</v>
      </c>
      <c r="BT23" s="110">
        <v>0</v>
      </c>
      <c r="BU23" s="114">
        <v>377797</v>
      </c>
      <c r="BV23" s="114">
        <v>422352</v>
      </c>
      <c r="BW23" s="114">
        <v>364924</v>
      </c>
      <c r="BX23" s="114">
        <v>363636</v>
      </c>
      <c r="BY23" s="114">
        <v>355999</v>
      </c>
      <c r="BZ23" s="113">
        <v>1884708</v>
      </c>
      <c r="CA23" s="116">
        <v>1984703</v>
      </c>
      <c r="CB23" s="110">
        <v>90958</v>
      </c>
      <c r="CC23" s="114">
        <v>171901</v>
      </c>
      <c r="CD23" s="113">
        <v>262859</v>
      </c>
      <c r="CE23" s="110">
        <v>0</v>
      </c>
      <c r="CF23" s="114">
        <v>1623201</v>
      </c>
      <c r="CG23" s="114">
        <v>3206590</v>
      </c>
      <c r="CH23" s="114">
        <v>1829152</v>
      </c>
      <c r="CI23" s="114">
        <v>1540701</v>
      </c>
      <c r="CJ23" s="114">
        <v>646676</v>
      </c>
      <c r="CK23" s="113">
        <v>8846320</v>
      </c>
      <c r="CL23" s="116">
        <v>9109179</v>
      </c>
      <c r="CM23" s="110">
        <v>0</v>
      </c>
      <c r="CN23" s="114">
        <v>0</v>
      </c>
      <c r="CO23" s="113">
        <v>0</v>
      </c>
      <c r="CP23" s="111">
        <v>0</v>
      </c>
      <c r="CQ23" s="114">
        <v>1141679</v>
      </c>
      <c r="CR23" s="114">
        <v>2711805</v>
      </c>
      <c r="CS23" s="114">
        <v>1496859</v>
      </c>
      <c r="CT23" s="114">
        <v>1213081</v>
      </c>
      <c r="CU23" s="114">
        <v>379041</v>
      </c>
      <c r="CV23" s="113">
        <v>6942465</v>
      </c>
      <c r="CW23" s="116">
        <v>6942465</v>
      </c>
      <c r="CX23" s="110">
        <v>90958</v>
      </c>
      <c r="CY23" s="114">
        <v>171901</v>
      </c>
      <c r="CZ23" s="113">
        <v>262859</v>
      </c>
      <c r="DA23" s="110">
        <v>0</v>
      </c>
      <c r="DB23" s="114">
        <v>481522</v>
      </c>
      <c r="DC23" s="114">
        <v>494785</v>
      </c>
      <c r="DD23" s="114">
        <v>332293</v>
      </c>
      <c r="DE23" s="114">
        <v>327620</v>
      </c>
      <c r="DF23" s="114">
        <v>267635</v>
      </c>
      <c r="DG23" s="113">
        <v>1903855</v>
      </c>
      <c r="DH23" s="116">
        <v>2166714</v>
      </c>
      <c r="DI23" s="110">
        <v>0</v>
      </c>
      <c r="DJ23" s="114">
        <v>0</v>
      </c>
      <c r="DK23" s="112">
        <v>0</v>
      </c>
      <c r="DL23" s="111">
        <v>0</v>
      </c>
      <c r="DM23" s="114">
        <v>0</v>
      </c>
      <c r="DN23" s="114">
        <v>677338</v>
      </c>
      <c r="DO23" s="114">
        <v>570184</v>
      </c>
      <c r="DP23" s="114">
        <v>646952</v>
      </c>
      <c r="DQ23" s="114">
        <v>371662</v>
      </c>
      <c r="DR23" s="113">
        <v>2266136</v>
      </c>
      <c r="DS23" s="116">
        <v>2266136</v>
      </c>
      <c r="DT23" s="110">
        <v>0</v>
      </c>
      <c r="DU23" s="114">
        <v>0</v>
      </c>
      <c r="DV23" s="113">
        <v>0</v>
      </c>
      <c r="DW23" s="110">
        <v>0</v>
      </c>
      <c r="DX23" s="114">
        <v>0</v>
      </c>
      <c r="DY23" s="114">
        <v>658181</v>
      </c>
      <c r="DZ23" s="114">
        <v>570184</v>
      </c>
      <c r="EA23" s="114">
        <v>646952</v>
      </c>
      <c r="EB23" s="114">
        <v>371662</v>
      </c>
      <c r="EC23" s="113">
        <v>2246979</v>
      </c>
      <c r="ED23" s="116">
        <v>2246979</v>
      </c>
      <c r="EE23" s="110">
        <v>0</v>
      </c>
      <c r="EF23" s="112">
        <v>0</v>
      </c>
      <c r="EG23" s="113">
        <v>0</v>
      </c>
      <c r="EH23" s="110">
        <v>0</v>
      </c>
      <c r="EI23" s="114">
        <v>0</v>
      </c>
      <c r="EJ23" s="114">
        <v>19157</v>
      </c>
      <c r="EK23" s="114">
        <v>0</v>
      </c>
      <c r="EL23" s="114">
        <v>0</v>
      </c>
      <c r="EM23" s="114">
        <v>0</v>
      </c>
      <c r="EN23" s="112">
        <v>19157</v>
      </c>
      <c r="EO23" s="116">
        <v>19157</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5"/>
      <c r="FE23" s="114">
        <v>0</v>
      </c>
      <c r="FF23" s="114">
        <v>0</v>
      </c>
      <c r="FG23" s="114">
        <v>0</v>
      </c>
      <c r="FH23" s="114">
        <v>0</v>
      </c>
      <c r="FI23" s="114">
        <v>0</v>
      </c>
      <c r="FJ23" s="113">
        <v>0</v>
      </c>
      <c r="FK23" s="116">
        <v>0</v>
      </c>
      <c r="FL23" s="110">
        <v>139062</v>
      </c>
      <c r="FM23" s="114">
        <v>177492</v>
      </c>
      <c r="FN23" s="113">
        <v>316554</v>
      </c>
      <c r="FO23" s="110">
        <v>0</v>
      </c>
      <c r="FP23" s="114">
        <v>262920</v>
      </c>
      <c r="FQ23" s="114">
        <v>687181</v>
      </c>
      <c r="FR23" s="114">
        <v>663509</v>
      </c>
      <c r="FS23" s="114">
        <v>460194</v>
      </c>
      <c r="FT23" s="114">
        <v>409465</v>
      </c>
      <c r="FU23" s="113">
        <v>2483269</v>
      </c>
      <c r="FV23" s="116">
        <v>2799823</v>
      </c>
      <c r="FW23" s="115">
        <v>43274</v>
      </c>
      <c r="FX23" s="114">
        <v>111692</v>
      </c>
      <c r="FY23" s="112">
        <v>154966</v>
      </c>
      <c r="FZ23" s="111">
        <v>0</v>
      </c>
      <c r="GA23" s="114">
        <v>262920</v>
      </c>
      <c r="GB23" s="114">
        <v>585564</v>
      </c>
      <c r="GC23" s="114">
        <v>576009</v>
      </c>
      <c r="GD23" s="114">
        <v>418544</v>
      </c>
      <c r="GE23" s="114">
        <v>387520</v>
      </c>
      <c r="GF23" s="113">
        <v>2230557</v>
      </c>
      <c r="GG23" s="316">
        <v>2385523</v>
      </c>
      <c r="GH23" s="115">
        <v>11088</v>
      </c>
      <c r="GI23" s="114">
        <v>0</v>
      </c>
      <c r="GJ23" s="112">
        <v>11088</v>
      </c>
      <c r="GK23" s="111">
        <v>0</v>
      </c>
      <c r="GL23" s="114">
        <v>0</v>
      </c>
      <c r="GM23" s="114">
        <v>17617</v>
      </c>
      <c r="GN23" s="114">
        <v>0</v>
      </c>
      <c r="GO23" s="114">
        <v>11550</v>
      </c>
      <c r="GP23" s="114">
        <v>21945</v>
      </c>
      <c r="GQ23" s="113">
        <v>51112</v>
      </c>
      <c r="GR23" s="116">
        <v>62200</v>
      </c>
      <c r="GS23" s="110">
        <v>84700</v>
      </c>
      <c r="GT23" s="114">
        <v>65800</v>
      </c>
      <c r="GU23" s="113">
        <v>150500</v>
      </c>
      <c r="GV23" s="110">
        <v>0</v>
      </c>
      <c r="GW23" s="114">
        <v>0</v>
      </c>
      <c r="GX23" s="114">
        <v>84000</v>
      </c>
      <c r="GY23" s="114">
        <v>87500</v>
      </c>
      <c r="GZ23" s="114">
        <v>30100</v>
      </c>
      <c r="HA23" s="114">
        <v>0</v>
      </c>
      <c r="HB23" s="112">
        <v>201600</v>
      </c>
      <c r="HC23" s="116">
        <v>352100</v>
      </c>
      <c r="HD23" s="110">
        <v>96899</v>
      </c>
      <c r="HE23" s="114">
        <v>202273</v>
      </c>
      <c r="HF23" s="112">
        <v>299172</v>
      </c>
      <c r="HG23" s="111">
        <v>0</v>
      </c>
      <c r="HH23" s="114">
        <v>1937230</v>
      </c>
      <c r="HI23" s="114">
        <v>2642779</v>
      </c>
      <c r="HJ23" s="114">
        <v>1021296</v>
      </c>
      <c r="HK23" s="114">
        <v>1682679</v>
      </c>
      <c r="HL23" s="114">
        <v>2150228</v>
      </c>
      <c r="HM23" s="113">
        <v>9434212</v>
      </c>
      <c r="HN23" s="109">
        <v>9733384</v>
      </c>
      <c r="HO23" s="326"/>
      <c r="HP23" s="327"/>
      <c r="HQ23" s="328"/>
      <c r="HR23" s="329"/>
      <c r="HS23" s="327"/>
      <c r="HT23" s="327"/>
      <c r="HU23" s="327"/>
      <c r="HV23" s="327"/>
      <c r="HW23" s="327"/>
      <c r="HX23" s="330"/>
      <c r="HY23" s="331"/>
      <c r="HZ23" s="131">
        <v>0</v>
      </c>
      <c r="IA23" s="132">
        <v>0</v>
      </c>
      <c r="IB23" s="133">
        <v>0</v>
      </c>
      <c r="IC23" s="146">
        <v>0</v>
      </c>
      <c r="ID23" s="132">
        <v>964643</v>
      </c>
      <c r="IE23" s="147">
        <v>1007784</v>
      </c>
      <c r="IF23" s="133">
        <v>1873573</v>
      </c>
      <c r="IG23" s="132">
        <v>1261911</v>
      </c>
      <c r="IH23" s="133">
        <v>1404993</v>
      </c>
      <c r="II23" s="148">
        <v>6512904</v>
      </c>
      <c r="IJ23" s="139">
        <v>6512904</v>
      </c>
      <c r="IK23" s="232">
        <v>0</v>
      </c>
      <c r="IL23" s="236">
        <v>0</v>
      </c>
      <c r="IM23" s="237">
        <v>0</v>
      </c>
      <c r="IN23" s="140"/>
      <c r="IO23" s="119">
        <v>0</v>
      </c>
      <c r="IP23" s="119">
        <v>0</v>
      </c>
      <c r="IQ23" s="119">
        <v>0</v>
      </c>
      <c r="IR23" s="119">
        <v>0</v>
      </c>
      <c r="IS23" s="119">
        <v>237450</v>
      </c>
      <c r="IT23" s="141">
        <v>237450</v>
      </c>
      <c r="IU23" s="318">
        <v>23745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579825</v>
      </c>
      <c r="JL23" s="119">
        <v>360271</v>
      </c>
      <c r="JM23" s="119">
        <v>479958</v>
      </c>
      <c r="JN23" s="119">
        <v>118158</v>
      </c>
      <c r="JO23" s="119">
        <v>0</v>
      </c>
      <c r="JP23" s="120">
        <v>1538212</v>
      </c>
      <c r="JQ23" s="318">
        <v>1538212</v>
      </c>
      <c r="JR23" s="142">
        <v>0</v>
      </c>
      <c r="JS23" s="119">
        <v>0</v>
      </c>
      <c r="JT23" s="141">
        <v>0</v>
      </c>
      <c r="JU23" s="118">
        <v>0</v>
      </c>
      <c r="JV23" s="119">
        <v>0</v>
      </c>
      <c r="JW23" s="119">
        <v>39952</v>
      </c>
      <c r="JX23" s="119">
        <v>296867</v>
      </c>
      <c r="JY23" s="119">
        <v>177852</v>
      </c>
      <c r="JZ23" s="119">
        <v>0</v>
      </c>
      <c r="KA23" s="120">
        <v>514671</v>
      </c>
      <c r="KB23" s="318">
        <v>514671</v>
      </c>
      <c r="KC23" s="234">
        <v>0</v>
      </c>
      <c r="KD23" s="230">
        <v>0</v>
      </c>
      <c r="KE23" s="120">
        <v>0</v>
      </c>
      <c r="KF23" s="118">
        <v>0</v>
      </c>
      <c r="KG23" s="119">
        <v>0</v>
      </c>
      <c r="KH23" s="119">
        <v>155085</v>
      </c>
      <c r="KI23" s="119">
        <v>0</v>
      </c>
      <c r="KJ23" s="119">
        <v>0</v>
      </c>
      <c r="KK23" s="119">
        <v>0</v>
      </c>
      <c r="KL23" s="120">
        <v>155085</v>
      </c>
      <c r="KM23" s="143">
        <v>155085</v>
      </c>
      <c r="KN23" s="232">
        <v>0</v>
      </c>
      <c r="KO23" s="236">
        <v>0</v>
      </c>
      <c r="KP23" s="237">
        <v>0</v>
      </c>
      <c r="KQ23" s="140"/>
      <c r="KR23" s="119">
        <v>384818</v>
      </c>
      <c r="KS23" s="119">
        <v>262321</v>
      </c>
      <c r="KT23" s="119">
        <v>1084584</v>
      </c>
      <c r="KU23" s="119">
        <v>442819</v>
      </c>
      <c r="KV23" s="119">
        <v>224533</v>
      </c>
      <c r="KW23" s="120">
        <v>2399075</v>
      </c>
      <c r="KX23" s="318">
        <v>2399075</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12164</v>
      </c>
      <c r="LQ23" s="119">
        <v>241936</v>
      </c>
      <c r="LR23" s="119">
        <v>0</v>
      </c>
      <c r="LS23" s="120">
        <v>254100</v>
      </c>
      <c r="LT23" s="318">
        <v>254100</v>
      </c>
      <c r="LU23" s="142">
        <v>0</v>
      </c>
      <c r="LV23" s="119">
        <v>0</v>
      </c>
      <c r="LW23" s="120">
        <v>0</v>
      </c>
      <c r="LX23" s="145"/>
      <c r="LY23" s="119">
        <v>0</v>
      </c>
      <c r="LZ23" s="119">
        <v>190155</v>
      </c>
      <c r="MA23" s="119">
        <v>0</v>
      </c>
      <c r="MB23" s="119">
        <v>281146</v>
      </c>
      <c r="MC23" s="119">
        <v>943010</v>
      </c>
      <c r="MD23" s="120">
        <v>1414311</v>
      </c>
      <c r="ME23" s="121">
        <v>1414311</v>
      </c>
      <c r="MF23" s="142">
        <v>0</v>
      </c>
      <c r="MG23" s="119">
        <v>0</v>
      </c>
      <c r="MH23" s="120">
        <v>0</v>
      </c>
      <c r="MI23" s="145"/>
      <c r="MJ23" s="119">
        <v>580816</v>
      </c>
      <c r="MK23" s="119">
        <v>734548</v>
      </c>
      <c r="ML23" s="119">
        <v>2530870</v>
      </c>
      <c r="MM23" s="119">
        <v>4906935</v>
      </c>
      <c r="MN23" s="119">
        <v>4330310</v>
      </c>
      <c r="MO23" s="120">
        <v>13083479</v>
      </c>
      <c r="MP23" s="143">
        <v>13083479</v>
      </c>
      <c r="MQ23" s="142">
        <v>0</v>
      </c>
      <c r="MR23" s="119">
        <v>0</v>
      </c>
      <c r="MS23" s="120">
        <v>0</v>
      </c>
      <c r="MT23" s="145"/>
      <c r="MU23" s="119">
        <v>0</v>
      </c>
      <c r="MV23" s="119">
        <v>191711</v>
      </c>
      <c r="MW23" s="119">
        <v>1292686</v>
      </c>
      <c r="MX23" s="119">
        <v>3211060</v>
      </c>
      <c r="MY23" s="119">
        <v>2929457</v>
      </c>
      <c r="MZ23" s="120">
        <v>7624914</v>
      </c>
      <c r="NA23" s="143">
        <v>7624914</v>
      </c>
      <c r="NB23" s="142">
        <v>0</v>
      </c>
      <c r="NC23" s="119">
        <v>0</v>
      </c>
      <c r="ND23" s="120">
        <v>0</v>
      </c>
      <c r="NE23" s="145">
        <v>0</v>
      </c>
      <c r="NF23" s="119">
        <v>580816</v>
      </c>
      <c r="NG23" s="119">
        <v>542837</v>
      </c>
      <c r="NH23" s="119">
        <v>1238184</v>
      </c>
      <c r="NI23" s="119">
        <v>1695875</v>
      </c>
      <c r="NJ23" s="119">
        <v>1137374</v>
      </c>
      <c r="NK23" s="120">
        <v>5195086</v>
      </c>
      <c r="NL23" s="318">
        <v>5195086</v>
      </c>
      <c r="NM23" s="142">
        <v>0</v>
      </c>
      <c r="NN23" s="119">
        <v>0</v>
      </c>
      <c r="NO23" s="120">
        <v>0</v>
      </c>
      <c r="NP23" s="145"/>
      <c r="NQ23" s="119">
        <v>0</v>
      </c>
      <c r="NR23" s="119">
        <v>0</v>
      </c>
      <c r="NS23" s="119">
        <v>0</v>
      </c>
      <c r="NT23" s="119">
        <v>0</v>
      </c>
      <c r="NU23" s="119">
        <v>263479</v>
      </c>
      <c r="NV23" s="120">
        <v>263479</v>
      </c>
      <c r="NW23" s="121">
        <v>263479</v>
      </c>
      <c r="NX23" s="142">
        <v>0</v>
      </c>
      <c r="NY23" s="119">
        <v>0</v>
      </c>
      <c r="NZ23" s="120">
        <v>0</v>
      </c>
      <c r="OA23" s="145"/>
      <c r="OB23" s="119">
        <v>0</v>
      </c>
      <c r="OC23" s="119">
        <v>0</v>
      </c>
      <c r="OD23" s="119">
        <v>0</v>
      </c>
      <c r="OE23" s="119">
        <v>0</v>
      </c>
      <c r="OF23" s="119">
        <v>0</v>
      </c>
      <c r="OG23" s="120">
        <v>0</v>
      </c>
      <c r="OH23" s="121">
        <v>0</v>
      </c>
      <c r="OI23" s="142">
        <v>536096</v>
      </c>
      <c r="OJ23" s="119">
        <v>727664</v>
      </c>
      <c r="OK23" s="141">
        <v>1263760</v>
      </c>
      <c r="OL23" s="118">
        <v>0</v>
      </c>
      <c r="OM23" s="119">
        <v>7156546</v>
      </c>
      <c r="ON23" s="119">
        <v>11107059</v>
      </c>
      <c r="OO23" s="119">
        <v>11219903</v>
      </c>
      <c r="OP23" s="119">
        <v>13607316</v>
      </c>
      <c r="OQ23" s="119">
        <v>11606967</v>
      </c>
      <c r="OR23" s="120">
        <v>54697791</v>
      </c>
      <c r="OS23" s="143">
        <v>55961551</v>
      </c>
    </row>
    <row r="24" spans="2:409" ht="21" customHeight="1" x14ac:dyDescent="0.2">
      <c r="B24" s="126" t="s">
        <v>19</v>
      </c>
      <c r="C24" s="110">
        <v>212540</v>
      </c>
      <c r="D24" s="114">
        <v>413215</v>
      </c>
      <c r="E24" s="113">
        <v>625755</v>
      </c>
      <c r="F24" s="109">
        <v>0</v>
      </c>
      <c r="G24" s="114">
        <v>2485302</v>
      </c>
      <c r="H24" s="114">
        <v>3619081</v>
      </c>
      <c r="I24" s="114">
        <v>2161013</v>
      </c>
      <c r="J24" s="114">
        <v>2734203</v>
      </c>
      <c r="K24" s="114">
        <v>1494801</v>
      </c>
      <c r="L24" s="109">
        <v>12494400</v>
      </c>
      <c r="M24" s="116">
        <v>13120155</v>
      </c>
      <c r="N24" s="110">
        <v>83194</v>
      </c>
      <c r="O24" s="114">
        <v>61338</v>
      </c>
      <c r="P24" s="113">
        <v>144532</v>
      </c>
      <c r="Q24" s="110">
        <v>0</v>
      </c>
      <c r="R24" s="114">
        <v>744100</v>
      </c>
      <c r="S24" s="114">
        <v>842550</v>
      </c>
      <c r="T24" s="114">
        <v>714655</v>
      </c>
      <c r="U24" s="114">
        <v>1075095</v>
      </c>
      <c r="V24" s="114">
        <v>510184</v>
      </c>
      <c r="W24" s="113">
        <v>3886584</v>
      </c>
      <c r="X24" s="116">
        <v>4031116</v>
      </c>
      <c r="Y24" s="110">
        <v>0</v>
      </c>
      <c r="Z24" s="114">
        <v>0</v>
      </c>
      <c r="AA24" s="113">
        <v>0</v>
      </c>
      <c r="AB24" s="110">
        <v>0</v>
      </c>
      <c r="AC24" s="114">
        <v>120449</v>
      </c>
      <c r="AD24" s="114">
        <v>290558</v>
      </c>
      <c r="AE24" s="114">
        <v>294997</v>
      </c>
      <c r="AF24" s="114">
        <v>372530</v>
      </c>
      <c r="AG24" s="114">
        <v>139373</v>
      </c>
      <c r="AH24" s="113">
        <v>1217907</v>
      </c>
      <c r="AI24" s="116">
        <v>1217907</v>
      </c>
      <c r="AJ24" s="110">
        <v>0</v>
      </c>
      <c r="AK24" s="114">
        <v>0</v>
      </c>
      <c r="AL24" s="113">
        <v>0</v>
      </c>
      <c r="AM24" s="110">
        <v>0</v>
      </c>
      <c r="AN24" s="114">
        <v>0</v>
      </c>
      <c r="AO24" s="114">
        <v>41307</v>
      </c>
      <c r="AP24" s="114">
        <v>80194</v>
      </c>
      <c r="AQ24" s="114">
        <v>79701</v>
      </c>
      <c r="AR24" s="114">
        <v>93087</v>
      </c>
      <c r="AS24" s="113">
        <v>294289</v>
      </c>
      <c r="AT24" s="116">
        <v>294289</v>
      </c>
      <c r="AU24" s="110">
        <v>52406</v>
      </c>
      <c r="AV24" s="114">
        <v>32673</v>
      </c>
      <c r="AW24" s="113">
        <v>85079</v>
      </c>
      <c r="AX24" s="110">
        <v>0</v>
      </c>
      <c r="AY24" s="114">
        <v>417016</v>
      </c>
      <c r="AZ24" s="114">
        <v>332192</v>
      </c>
      <c r="BA24" s="114">
        <v>178737</v>
      </c>
      <c r="BB24" s="114">
        <v>444450</v>
      </c>
      <c r="BC24" s="114">
        <v>191274</v>
      </c>
      <c r="BD24" s="113">
        <v>1563669</v>
      </c>
      <c r="BE24" s="116">
        <v>1648748</v>
      </c>
      <c r="BF24" s="110">
        <v>19378</v>
      </c>
      <c r="BG24" s="114">
        <v>0</v>
      </c>
      <c r="BH24" s="112">
        <v>19378</v>
      </c>
      <c r="BI24" s="111">
        <v>0</v>
      </c>
      <c r="BJ24" s="114">
        <v>95622</v>
      </c>
      <c r="BK24" s="114">
        <v>0</v>
      </c>
      <c r="BL24" s="114">
        <v>27650</v>
      </c>
      <c r="BM24" s="114">
        <v>30847</v>
      </c>
      <c r="BN24" s="114">
        <v>0</v>
      </c>
      <c r="BO24" s="113">
        <v>154119</v>
      </c>
      <c r="BP24" s="116">
        <v>173497</v>
      </c>
      <c r="BQ24" s="110">
        <v>11410</v>
      </c>
      <c r="BR24" s="114">
        <v>28665</v>
      </c>
      <c r="BS24" s="113">
        <v>40075</v>
      </c>
      <c r="BT24" s="110">
        <v>0</v>
      </c>
      <c r="BU24" s="114">
        <v>111013</v>
      </c>
      <c r="BV24" s="114">
        <v>178493</v>
      </c>
      <c r="BW24" s="114">
        <v>133077</v>
      </c>
      <c r="BX24" s="114">
        <v>147567</v>
      </c>
      <c r="BY24" s="114">
        <v>86450</v>
      </c>
      <c r="BZ24" s="113">
        <v>656600</v>
      </c>
      <c r="CA24" s="116">
        <v>696675</v>
      </c>
      <c r="CB24" s="110">
        <v>0</v>
      </c>
      <c r="CC24" s="114">
        <v>139168</v>
      </c>
      <c r="CD24" s="113">
        <v>139168</v>
      </c>
      <c r="CE24" s="110">
        <v>0</v>
      </c>
      <c r="CF24" s="114">
        <v>726918</v>
      </c>
      <c r="CG24" s="114">
        <v>930926</v>
      </c>
      <c r="CH24" s="114">
        <v>419966</v>
      </c>
      <c r="CI24" s="114">
        <v>508598</v>
      </c>
      <c r="CJ24" s="114">
        <v>426623</v>
      </c>
      <c r="CK24" s="113">
        <v>3013031</v>
      </c>
      <c r="CL24" s="116">
        <v>3152199</v>
      </c>
      <c r="CM24" s="110">
        <v>0</v>
      </c>
      <c r="CN24" s="114">
        <v>0</v>
      </c>
      <c r="CO24" s="113">
        <v>0</v>
      </c>
      <c r="CP24" s="111">
        <v>0</v>
      </c>
      <c r="CQ24" s="114">
        <v>481453</v>
      </c>
      <c r="CR24" s="114">
        <v>764804</v>
      </c>
      <c r="CS24" s="114">
        <v>210354</v>
      </c>
      <c r="CT24" s="114">
        <v>217114</v>
      </c>
      <c r="CU24" s="114">
        <v>293014</v>
      </c>
      <c r="CV24" s="113">
        <v>1966739</v>
      </c>
      <c r="CW24" s="116">
        <v>1966739</v>
      </c>
      <c r="CX24" s="110">
        <v>0</v>
      </c>
      <c r="CY24" s="114">
        <v>139168</v>
      </c>
      <c r="CZ24" s="113">
        <v>139168</v>
      </c>
      <c r="DA24" s="110">
        <v>0</v>
      </c>
      <c r="DB24" s="114">
        <v>245465</v>
      </c>
      <c r="DC24" s="114">
        <v>166122</v>
      </c>
      <c r="DD24" s="114">
        <v>209612</v>
      </c>
      <c r="DE24" s="114">
        <v>291484</v>
      </c>
      <c r="DF24" s="114">
        <v>133609</v>
      </c>
      <c r="DG24" s="113">
        <v>1046292</v>
      </c>
      <c r="DH24" s="116">
        <v>1185460</v>
      </c>
      <c r="DI24" s="110">
        <v>0</v>
      </c>
      <c r="DJ24" s="114">
        <v>16262</v>
      </c>
      <c r="DK24" s="112">
        <v>16262</v>
      </c>
      <c r="DL24" s="111">
        <v>0</v>
      </c>
      <c r="DM24" s="114">
        <v>32750</v>
      </c>
      <c r="DN24" s="114">
        <v>35891</v>
      </c>
      <c r="DO24" s="114">
        <v>107219</v>
      </c>
      <c r="DP24" s="114">
        <v>291037</v>
      </c>
      <c r="DQ24" s="114">
        <v>175806</v>
      </c>
      <c r="DR24" s="113">
        <v>642703</v>
      </c>
      <c r="DS24" s="116">
        <v>658965</v>
      </c>
      <c r="DT24" s="110">
        <v>0</v>
      </c>
      <c r="DU24" s="114">
        <v>16262</v>
      </c>
      <c r="DV24" s="113">
        <v>16262</v>
      </c>
      <c r="DW24" s="110">
        <v>0</v>
      </c>
      <c r="DX24" s="114">
        <v>32750</v>
      </c>
      <c r="DY24" s="114">
        <v>35891</v>
      </c>
      <c r="DZ24" s="114">
        <v>15826</v>
      </c>
      <c r="EA24" s="114">
        <v>189323</v>
      </c>
      <c r="EB24" s="114">
        <v>175806</v>
      </c>
      <c r="EC24" s="113">
        <v>449596</v>
      </c>
      <c r="ED24" s="116">
        <v>465858</v>
      </c>
      <c r="EE24" s="110">
        <v>0</v>
      </c>
      <c r="EF24" s="112">
        <v>0</v>
      </c>
      <c r="EG24" s="113">
        <v>0</v>
      </c>
      <c r="EH24" s="110">
        <v>0</v>
      </c>
      <c r="EI24" s="114">
        <v>0</v>
      </c>
      <c r="EJ24" s="114">
        <v>0</v>
      </c>
      <c r="EK24" s="114">
        <v>91393</v>
      </c>
      <c r="EL24" s="114">
        <v>101714</v>
      </c>
      <c r="EM24" s="114">
        <v>0</v>
      </c>
      <c r="EN24" s="112">
        <v>193107</v>
      </c>
      <c r="EO24" s="116">
        <v>193107</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5"/>
      <c r="FE24" s="114">
        <v>0</v>
      </c>
      <c r="FF24" s="114">
        <v>0</v>
      </c>
      <c r="FG24" s="114">
        <v>0</v>
      </c>
      <c r="FH24" s="114">
        <v>0</v>
      </c>
      <c r="FI24" s="114">
        <v>0</v>
      </c>
      <c r="FJ24" s="113">
        <v>0</v>
      </c>
      <c r="FK24" s="116">
        <v>0</v>
      </c>
      <c r="FL24" s="110">
        <v>129346</v>
      </c>
      <c r="FM24" s="114">
        <v>37940</v>
      </c>
      <c r="FN24" s="113">
        <v>167286</v>
      </c>
      <c r="FO24" s="110">
        <v>0</v>
      </c>
      <c r="FP24" s="114">
        <v>166383</v>
      </c>
      <c r="FQ24" s="114">
        <v>235284</v>
      </c>
      <c r="FR24" s="114">
        <v>240779</v>
      </c>
      <c r="FS24" s="114">
        <v>294273</v>
      </c>
      <c r="FT24" s="114">
        <v>179921</v>
      </c>
      <c r="FU24" s="113">
        <v>1116640</v>
      </c>
      <c r="FV24" s="116">
        <v>1283926</v>
      </c>
      <c r="FW24" s="115">
        <v>17860</v>
      </c>
      <c r="FX24" s="114">
        <v>37940</v>
      </c>
      <c r="FY24" s="112">
        <v>55800</v>
      </c>
      <c r="FZ24" s="111">
        <v>0</v>
      </c>
      <c r="GA24" s="114">
        <v>143283</v>
      </c>
      <c r="GB24" s="114">
        <v>235284</v>
      </c>
      <c r="GC24" s="114">
        <v>240779</v>
      </c>
      <c r="GD24" s="114">
        <v>294273</v>
      </c>
      <c r="GE24" s="114">
        <v>136416</v>
      </c>
      <c r="GF24" s="113">
        <v>1050035</v>
      </c>
      <c r="GG24" s="316">
        <v>1105835</v>
      </c>
      <c r="GH24" s="115">
        <v>0</v>
      </c>
      <c r="GI24" s="114">
        <v>0</v>
      </c>
      <c r="GJ24" s="112">
        <v>0</v>
      </c>
      <c r="GK24" s="111">
        <v>0</v>
      </c>
      <c r="GL24" s="114">
        <v>23100</v>
      </c>
      <c r="GM24" s="114">
        <v>0</v>
      </c>
      <c r="GN24" s="114">
        <v>0</v>
      </c>
      <c r="GO24" s="114">
        <v>0</v>
      </c>
      <c r="GP24" s="114">
        <v>43505</v>
      </c>
      <c r="GQ24" s="113">
        <v>66605</v>
      </c>
      <c r="GR24" s="116">
        <v>66605</v>
      </c>
      <c r="GS24" s="110">
        <v>111486</v>
      </c>
      <c r="GT24" s="114">
        <v>0</v>
      </c>
      <c r="GU24" s="113">
        <v>111486</v>
      </c>
      <c r="GV24" s="110">
        <v>0</v>
      </c>
      <c r="GW24" s="114">
        <v>0</v>
      </c>
      <c r="GX24" s="114">
        <v>0</v>
      </c>
      <c r="GY24" s="114">
        <v>0</v>
      </c>
      <c r="GZ24" s="114">
        <v>0</v>
      </c>
      <c r="HA24" s="114">
        <v>0</v>
      </c>
      <c r="HB24" s="112">
        <v>0</v>
      </c>
      <c r="HC24" s="116">
        <v>111486</v>
      </c>
      <c r="HD24" s="110">
        <v>0</v>
      </c>
      <c r="HE24" s="114">
        <v>158507</v>
      </c>
      <c r="HF24" s="112">
        <v>158507</v>
      </c>
      <c r="HG24" s="111">
        <v>0</v>
      </c>
      <c r="HH24" s="114">
        <v>815151</v>
      </c>
      <c r="HI24" s="114">
        <v>1574430</v>
      </c>
      <c r="HJ24" s="114">
        <v>678394</v>
      </c>
      <c r="HK24" s="114">
        <v>565200</v>
      </c>
      <c r="HL24" s="114">
        <v>202267</v>
      </c>
      <c r="HM24" s="113">
        <v>3835442</v>
      </c>
      <c r="HN24" s="109">
        <v>3993949</v>
      </c>
      <c r="HO24" s="326"/>
      <c r="HP24" s="327"/>
      <c r="HQ24" s="328"/>
      <c r="HR24" s="329"/>
      <c r="HS24" s="327"/>
      <c r="HT24" s="327"/>
      <c r="HU24" s="327"/>
      <c r="HV24" s="327"/>
      <c r="HW24" s="327"/>
      <c r="HX24" s="330"/>
      <c r="HY24" s="331"/>
      <c r="HZ24" s="150">
        <v>0</v>
      </c>
      <c r="IA24" s="135">
        <v>0</v>
      </c>
      <c r="IB24" s="150">
        <v>0</v>
      </c>
      <c r="IC24" s="134">
        <v>0</v>
      </c>
      <c r="ID24" s="135">
        <v>522348</v>
      </c>
      <c r="IE24" s="136">
        <v>457703</v>
      </c>
      <c r="IF24" s="137">
        <v>577166</v>
      </c>
      <c r="IG24" s="135">
        <v>556144</v>
      </c>
      <c r="IH24" s="137">
        <v>952086</v>
      </c>
      <c r="II24" s="138">
        <v>3065447</v>
      </c>
      <c r="IJ24" s="150">
        <v>3065447</v>
      </c>
      <c r="IK24" s="232">
        <v>0</v>
      </c>
      <c r="IL24" s="236">
        <v>0</v>
      </c>
      <c r="IM24" s="237">
        <v>0</v>
      </c>
      <c r="IN24" s="140"/>
      <c r="IO24" s="119">
        <v>0</v>
      </c>
      <c r="IP24" s="119">
        <v>97115</v>
      </c>
      <c r="IQ24" s="119">
        <v>0</v>
      </c>
      <c r="IR24" s="119">
        <v>355939</v>
      </c>
      <c r="IS24" s="119">
        <v>514351</v>
      </c>
      <c r="IT24" s="141">
        <v>967405</v>
      </c>
      <c r="IU24" s="318">
        <v>967405</v>
      </c>
      <c r="IV24" s="142">
        <v>0</v>
      </c>
      <c r="IW24" s="119">
        <v>0</v>
      </c>
      <c r="IX24" s="120">
        <v>0</v>
      </c>
      <c r="IY24" s="144"/>
      <c r="IZ24" s="119">
        <v>0</v>
      </c>
      <c r="JA24" s="119">
        <v>0</v>
      </c>
      <c r="JB24" s="119">
        <v>0</v>
      </c>
      <c r="JC24" s="119">
        <v>8913</v>
      </c>
      <c r="JD24" s="119">
        <v>0</v>
      </c>
      <c r="JE24" s="120">
        <v>8913</v>
      </c>
      <c r="JF24" s="121">
        <v>8913</v>
      </c>
      <c r="JG24" s="142">
        <v>0</v>
      </c>
      <c r="JH24" s="119">
        <v>0</v>
      </c>
      <c r="JI24" s="141">
        <v>0</v>
      </c>
      <c r="JJ24" s="118">
        <v>0</v>
      </c>
      <c r="JK24" s="119">
        <v>377500</v>
      </c>
      <c r="JL24" s="119">
        <v>154357</v>
      </c>
      <c r="JM24" s="119">
        <v>151873</v>
      </c>
      <c r="JN24" s="119">
        <v>191292</v>
      </c>
      <c r="JO24" s="119">
        <v>0</v>
      </c>
      <c r="JP24" s="120">
        <v>875022</v>
      </c>
      <c r="JQ24" s="318">
        <v>875022</v>
      </c>
      <c r="JR24" s="142">
        <v>0</v>
      </c>
      <c r="JS24" s="119">
        <v>0</v>
      </c>
      <c r="JT24" s="141">
        <v>0</v>
      </c>
      <c r="JU24" s="118">
        <v>0</v>
      </c>
      <c r="JV24" s="119">
        <v>35026</v>
      </c>
      <c r="JW24" s="119">
        <v>206231</v>
      </c>
      <c r="JX24" s="119">
        <v>0</v>
      </c>
      <c r="JY24" s="119">
        <v>0</v>
      </c>
      <c r="JZ24" s="119">
        <v>0</v>
      </c>
      <c r="KA24" s="120">
        <v>241257</v>
      </c>
      <c r="KB24" s="318">
        <v>241257</v>
      </c>
      <c r="KC24" s="234">
        <v>0</v>
      </c>
      <c r="KD24" s="230">
        <v>0</v>
      </c>
      <c r="KE24" s="120">
        <v>0</v>
      </c>
      <c r="KF24" s="118">
        <v>0</v>
      </c>
      <c r="KG24" s="119">
        <v>109822</v>
      </c>
      <c r="KH24" s="119">
        <v>0</v>
      </c>
      <c r="KI24" s="119">
        <v>209143</v>
      </c>
      <c r="KJ24" s="119">
        <v>0</v>
      </c>
      <c r="KK24" s="119">
        <v>0</v>
      </c>
      <c r="KL24" s="120">
        <v>318965</v>
      </c>
      <c r="KM24" s="143">
        <v>318965</v>
      </c>
      <c r="KN24" s="232">
        <v>0</v>
      </c>
      <c r="KO24" s="236">
        <v>0</v>
      </c>
      <c r="KP24" s="237">
        <v>0</v>
      </c>
      <c r="KQ24" s="140"/>
      <c r="KR24" s="119">
        <v>0</v>
      </c>
      <c r="KS24" s="119">
        <v>0</v>
      </c>
      <c r="KT24" s="119">
        <v>216150</v>
      </c>
      <c r="KU24" s="119">
        <v>0</v>
      </c>
      <c r="KV24" s="119">
        <v>437735</v>
      </c>
      <c r="KW24" s="120">
        <v>653885</v>
      </c>
      <c r="KX24" s="318">
        <v>653885</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18">
        <v>0</v>
      </c>
      <c r="LU24" s="142">
        <v>0</v>
      </c>
      <c r="LV24" s="119">
        <v>0</v>
      </c>
      <c r="LW24" s="120">
        <v>0</v>
      </c>
      <c r="LX24" s="145"/>
      <c r="LY24" s="119">
        <v>0</v>
      </c>
      <c r="LZ24" s="119">
        <v>0</v>
      </c>
      <c r="MA24" s="119">
        <v>0</v>
      </c>
      <c r="MB24" s="119">
        <v>0</v>
      </c>
      <c r="MC24" s="119">
        <v>0</v>
      </c>
      <c r="MD24" s="120">
        <v>0</v>
      </c>
      <c r="ME24" s="121">
        <v>0</v>
      </c>
      <c r="MF24" s="142">
        <v>0</v>
      </c>
      <c r="MG24" s="119">
        <v>0</v>
      </c>
      <c r="MH24" s="120">
        <v>0</v>
      </c>
      <c r="MI24" s="145"/>
      <c r="MJ24" s="119">
        <v>0</v>
      </c>
      <c r="MK24" s="119">
        <v>617906</v>
      </c>
      <c r="ML24" s="119">
        <v>1134108</v>
      </c>
      <c r="MM24" s="119">
        <v>823864</v>
      </c>
      <c r="MN24" s="119">
        <v>754687</v>
      </c>
      <c r="MO24" s="120">
        <v>3330565</v>
      </c>
      <c r="MP24" s="143">
        <v>3330565</v>
      </c>
      <c r="MQ24" s="142">
        <v>0</v>
      </c>
      <c r="MR24" s="119">
        <v>0</v>
      </c>
      <c r="MS24" s="120">
        <v>0</v>
      </c>
      <c r="MT24" s="145"/>
      <c r="MU24" s="119">
        <v>0</v>
      </c>
      <c r="MV24" s="119">
        <v>0</v>
      </c>
      <c r="MW24" s="119">
        <v>511655</v>
      </c>
      <c r="MX24" s="119">
        <v>349868</v>
      </c>
      <c r="MY24" s="119">
        <v>476666</v>
      </c>
      <c r="MZ24" s="120">
        <v>1338189</v>
      </c>
      <c r="NA24" s="143">
        <v>1338189</v>
      </c>
      <c r="NB24" s="142">
        <v>0</v>
      </c>
      <c r="NC24" s="119">
        <v>0</v>
      </c>
      <c r="ND24" s="120">
        <v>0</v>
      </c>
      <c r="NE24" s="145">
        <v>0</v>
      </c>
      <c r="NF24" s="119">
        <v>0</v>
      </c>
      <c r="NG24" s="119">
        <v>617906</v>
      </c>
      <c r="NH24" s="119">
        <v>622453</v>
      </c>
      <c r="NI24" s="119">
        <v>473996</v>
      </c>
      <c r="NJ24" s="119">
        <v>278021</v>
      </c>
      <c r="NK24" s="120">
        <v>1992376</v>
      </c>
      <c r="NL24" s="318">
        <v>1992376</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212540</v>
      </c>
      <c r="OJ24" s="119">
        <v>413215</v>
      </c>
      <c r="OK24" s="141">
        <v>625755</v>
      </c>
      <c r="OL24" s="118">
        <v>0</v>
      </c>
      <c r="OM24" s="119">
        <v>3007650</v>
      </c>
      <c r="ON24" s="119">
        <v>4694690</v>
      </c>
      <c r="OO24" s="119">
        <v>3872287</v>
      </c>
      <c r="OP24" s="119">
        <v>4114211</v>
      </c>
      <c r="OQ24" s="119">
        <v>3201574</v>
      </c>
      <c r="OR24" s="120">
        <v>18890412</v>
      </c>
      <c r="OS24" s="143">
        <v>19516167</v>
      </c>
    </row>
    <row r="25" spans="2:409" ht="21" customHeight="1" x14ac:dyDescent="0.2">
      <c r="B25" s="126" t="s">
        <v>20</v>
      </c>
      <c r="C25" s="110">
        <v>260148</v>
      </c>
      <c r="D25" s="114">
        <v>418363</v>
      </c>
      <c r="E25" s="113">
        <v>678511</v>
      </c>
      <c r="F25" s="110">
        <v>0</v>
      </c>
      <c r="G25" s="114">
        <v>1906042</v>
      </c>
      <c r="H25" s="114">
        <v>3696563</v>
      </c>
      <c r="I25" s="114">
        <v>3592059</v>
      </c>
      <c r="J25" s="114">
        <v>3733072</v>
      </c>
      <c r="K25" s="114">
        <v>2167677</v>
      </c>
      <c r="L25" s="173">
        <v>15095413</v>
      </c>
      <c r="M25" s="116">
        <v>15773924</v>
      </c>
      <c r="N25" s="110">
        <v>75019</v>
      </c>
      <c r="O25" s="114">
        <v>145459</v>
      </c>
      <c r="P25" s="113">
        <v>220478</v>
      </c>
      <c r="Q25" s="110">
        <v>0</v>
      </c>
      <c r="R25" s="114">
        <v>1042816</v>
      </c>
      <c r="S25" s="114">
        <v>1375476</v>
      </c>
      <c r="T25" s="114">
        <v>1174668</v>
      </c>
      <c r="U25" s="114">
        <v>1306387</v>
      </c>
      <c r="V25" s="114">
        <v>739602</v>
      </c>
      <c r="W25" s="113">
        <v>5638949</v>
      </c>
      <c r="X25" s="116">
        <v>5859427</v>
      </c>
      <c r="Y25" s="110">
        <v>0</v>
      </c>
      <c r="Z25" s="114">
        <v>0</v>
      </c>
      <c r="AA25" s="113">
        <v>0</v>
      </c>
      <c r="AB25" s="110">
        <v>0</v>
      </c>
      <c r="AC25" s="114">
        <v>379609</v>
      </c>
      <c r="AD25" s="114">
        <v>487976</v>
      </c>
      <c r="AE25" s="114">
        <v>443810</v>
      </c>
      <c r="AF25" s="114">
        <v>723850</v>
      </c>
      <c r="AG25" s="114">
        <v>295762</v>
      </c>
      <c r="AH25" s="113">
        <v>2331007</v>
      </c>
      <c r="AI25" s="116">
        <v>2331007</v>
      </c>
      <c r="AJ25" s="110">
        <v>0</v>
      </c>
      <c r="AK25" s="114">
        <v>0</v>
      </c>
      <c r="AL25" s="113">
        <v>0</v>
      </c>
      <c r="AM25" s="110">
        <v>0</v>
      </c>
      <c r="AN25" s="114">
        <v>0</v>
      </c>
      <c r="AO25" s="114">
        <v>41452</v>
      </c>
      <c r="AP25" s="114">
        <v>0</v>
      </c>
      <c r="AQ25" s="114">
        <v>123219</v>
      </c>
      <c r="AR25" s="114">
        <v>144915</v>
      </c>
      <c r="AS25" s="113">
        <v>309586</v>
      </c>
      <c r="AT25" s="116">
        <v>309586</v>
      </c>
      <c r="AU25" s="110">
        <v>33026</v>
      </c>
      <c r="AV25" s="114">
        <v>88271</v>
      </c>
      <c r="AW25" s="113">
        <v>121297</v>
      </c>
      <c r="AX25" s="110">
        <v>0</v>
      </c>
      <c r="AY25" s="114">
        <v>426690</v>
      </c>
      <c r="AZ25" s="114">
        <v>500237</v>
      </c>
      <c r="BA25" s="114">
        <v>429301</v>
      </c>
      <c r="BB25" s="114">
        <v>273377</v>
      </c>
      <c r="BC25" s="114">
        <v>152616</v>
      </c>
      <c r="BD25" s="113">
        <v>1782221</v>
      </c>
      <c r="BE25" s="116">
        <v>1903518</v>
      </c>
      <c r="BF25" s="110">
        <v>0</v>
      </c>
      <c r="BG25" s="114">
        <v>52575</v>
      </c>
      <c r="BH25" s="112">
        <v>52575</v>
      </c>
      <c r="BI25" s="111">
        <v>0</v>
      </c>
      <c r="BJ25" s="114">
        <v>142745</v>
      </c>
      <c r="BK25" s="114">
        <v>210018</v>
      </c>
      <c r="BL25" s="114">
        <v>107048</v>
      </c>
      <c r="BM25" s="114">
        <v>52136</v>
      </c>
      <c r="BN25" s="114">
        <v>16207</v>
      </c>
      <c r="BO25" s="113">
        <v>528154</v>
      </c>
      <c r="BP25" s="116">
        <v>580729</v>
      </c>
      <c r="BQ25" s="110">
        <v>41993</v>
      </c>
      <c r="BR25" s="114">
        <v>4613</v>
      </c>
      <c r="BS25" s="113">
        <v>46606</v>
      </c>
      <c r="BT25" s="110">
        <v>0</v>
      </c>
      <c r="BU25" s="114">
        <v>93772</v>
      </c>
      <c r="BV25" s="114">
        <v>135793</v>
      </c>
      <c r="BW25" s="114">
        <v>194509</v>
      </c>
      <c r="BX25" s="114">
        <v>133805</v>
      </c>
      <c r="BY25" s="114">
        <v>130102</v>
      </c>
      <c r="BZ25" s="113">
        <v>687981</v>
      </c>
      <c r="CA25" s="116">
        <v>734587</v>
      </c>
      <c r="CB25" s="110">
        <v>0</v>
      </c>
      <c r="CC25" s="114">
        <v>103478</v>
      </c>
      <c r="CD25" s="113">
        <v>103478</v>
      </c>
      <c r="CE25" s="110">
        <v>0</v>
      </c>
      <c r="CF25" s="114">
        <v>559876</v>
      </c>
      <c r="CG25" s="114">
        <v>1452596</v>
      </c>
      <c r="CH25" s="114">
        <v>1104435</v>
      </c>
      <c r="CI25" s="114">
        <v>449058</v>
      </c>
      <c r="CJ25" s="114">
        <v>494737</v>
      </c>
      <c r="CK25" s="113">
        <v>4060702</v>
      </c>
      <c r="CL25" s="116">
        <v>4164180</v>
      </c>
      <c r="CM25" s="110">
        <v>0</v>
      </c>
      <c r="CN25" s="114">
        <v>0</v>
      </c>
      <c r="CO25" s="113">
        <v>0</v>
      </c>
      <c r="CP25" s="111">
        <v>0</v>
      </c>
      <c r="CQ25" s="114">
        <v>463976</v>
      </c>
      <c r="CR25" s="114">
        <v>971172</v>
      </c>
      <c r="CS25" s="114">
        <v>998445</v>
      </c>
      <c r="CT25" s="114">
        <v>264350</v>
      </c>
      <c r="CU25" s="114">
        <v>425103</v>
      </c>
      <c r="CV25" s="113">
        <v>3123046</v>
      </c>
      <c r="CW25" s="116">
        <v>3123046</v>
      </c>
      <c r="CX25" s="110">
        <v>0</v>
      </c>
      <c r="CY25" s="114">
        <v>103478</v>
      </c>
      <c r="CZ25" s="113">
        <v>103478</v>
      </c>
      <c r="DA25" s="110">
        <v>0</v>
      </c>
      <c r="DB25" s="114">
        <v>95900</v>
      </c>
      <c r="DC25" s="114">
        <v>481424</v>
      </c>
      <c r="DD25" s="114">
        <v>105990</v>
      </c>
      <c r="DE25" s="114">
        <v>184708</v>
      </c>
      <c r="DF25" s="114">
        <v>69634</v>
      </c>
      <c r="DG25" s="113">
        <v>937656</v>
      </c>
      <c r="DH25" s="116">
        <v>1041134</v>
      </c>
      <c r="DI25" s="110">
        <v>0</v>
      </c>
      <c r="DJ25" s="114">
        <v>13662</v>
      </c>
      <c r="DK25" s="112">
        <v>13662</v>
      </c>
      <c r="DL25" s="111">
        <v>0</v>
      </c>
      <c r="DM25" s="114">
        <v>179443</v>
      </c>
      <c r="DN25" s="114">
        <v>74574</v>
      </c>
      <c r="DO25" s="114">
        <v>228467</v>
      </c>
      <c r="DP25" s="114">
        <v>761200</v>
      </c>
      <c r="DQ25" s="114">
        <v>79619</v>
      </c>
      <c r="DR25" s="113">
        <v>1323303</v>
      </c>
      <c r="DS25" s="116">
        <v>1336965</v>
      </c>
      <c r="DT25" s="110">
        <v>0</v>
      </c>
      <c r="DU25" s="114">
        <v>13662</v>
      </c>
      <c r="DV25" s="113">
        <v>13662</v>
      </c>
      <c r="DW25" s="110">
        <v>0</v>
      </c>
      <c r="DX25" s="114">
        <v>179443</v>
      </c>
      <c r="DY25" s="114">
        <v>74574</v>
      </c>
      <c r="DZ25" s="114">
        <v>228467</v>
      </c>
      <c r="EA25" s="114">
        <v>682197</v>
      </c>
      <c r="EB25" s="114">
        <v>79619</v>
      </c>
      <c r="EC25" s="113">
        <v>1244300</v>
      </c>
      <c r="ED25" s="116">
        <v>1257962</v>
      </c>
      <c r="EE25" s="110">
        <v>0</v>
      </c>
      <c r="EF25" s="112">
        <v>0</v>
      </c>
      <c r="EG25" s="113">
        <v>0</v>
      </c>
      <c r="EH25" s="110">
        <v>0</v>
      </c>
      <c r="EI25" s="114">
        <v>0</v>
      </c>
      <c r="EJ25" s="114">
        <v>0</v>
      </c>
      <c r="EK25" s="114">
        <v>0</v>
      </c>
      <c r="EL25" s="114">
        <v>79003</v>
      </c>
      <c r="EM25" s="114">
        <v>0</v>
      </c>
      <c r="EN25" s="112">
        <v>79003</v>
      </c>
      <c r="EO25" s="116">
        <v>79003</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5"/>
      <c r="FE25" s="114">
        <v>0</v>
      </c>
      <c r="FF25" s="114">
        <v>0</v>
      </c>
      <c r="FG25" s="114">
        <v>0</v>
      </c>
      <c r="FH25" s="114">
        <v>0</v>
      </c>
      <c r="FI25" s="114">
        <v>0</v>
      </c>
      <c r="FJ25" s="113">
        <v>0</v>
      </c>
      <c r="FK25" s="116">
        <v>0</v>
      </c>
      <c r="FL25" s="110">
        <v>35791</v>
      </c>
      <c r="FM25" s="114">
        <v>79310</v>
      </c>
      <c r="FN25" s="113">
        <v>115101</v>
      </c>
      <c r="FO25" s="110">
        <v>0</v>
      </c>
      <c r="FP25" s="114">
        <v>123907</v>
      </c>
      <c r="FQ25" s="114">
        <v>318038</v>
      </c>
      <c r="FR25" s="114">
        <v>265916</v>
      </c>
      <c r="FS25" s="114">
        <v>349650</v>
      </c>
      <c r="FT25" s="114">
        <v>237335</v>
      </c>
      <c r="FU25" s="113">
        <v>1294846</v>
      </c>
      <c r="FV25" s="116">
        <v>1409947</v>
      </c>
      <c r="FW25" s="115">
        <v>35791</v>
      </c>
      <c r="FX25" s="114">
        <v>79310</v>
      </c>
      <c r="FY25" s="112">
        <v>115101</v>
      </c>
      <c r="FZ25" s="111">
        <v>0</v>
      </c>
      <c r="GA25" s="114">
        <v>123907</v>
      </c>
      <c r="GB25" s="114">
        <v>318038</v>
      </c>
      <c r="GC25" s="114">
        <v>246512</v>
      </c>
      <c r="GD25" s="114">
        <v>349650</v>
      </c>
      <c r="GE25" s="114">
        <v>237335</v>
      </c>
      <c r="GF25" s="113">
        <v>1275442</v>
      </c>
      <c r="GG25" s="316">
        <v>1390543</v>
      </c>
      <c r="GH25" s="115">
        <v>0</v>
      </c>
      <c r="GI25" s="114">
        <v>0</v>
      </c>
      <c r="GJ25" s="112">
        <v>0</v>
      </c>
      <c r="GK25" s="111">
        <v>0</v>
      </c>
      <c r="GL25" s="114">
        <v>0</v>
      </c>
      <c r="GM25" s="114">
        <v>0</v>
      </c>
      <c r="GN25" s="114">
        <v>19404</v>
      </c>
      <c r="GO25" s="114">
        <v>0</v>
      </c>
      <c r="GP25" s="114">
        <v>0</v>
      </c>
      <c r="GQ25" s="113">
        <v>19404</v>
      </c>
      <c r="GR25" s="116">
        <v>19404</v>
      </c>
      <c r="GS25" s="110">
        <v>0</v>
      </c>
      <c r="GT25" s="114">
        <v>0</v>
      </c>
      <c r="GU25" s="113">
        <v>0</v>
      </c>
      <c r="GV25" s="110">
        <v>0</v>
      </c>
      <c r="GW25" s="114">
        <v>0</v>
      </c>
      <c r="GX25" s="114">
        <v>0</v>
      </c>
      <c r="GY25" s="114">
        <v>0</v>
      </c>
      <c r="GZ25" s="114">
        <v>0</v>
      </c>
      <c r="HA25" s="114">
        <v>0</v>
      </c>
      <c r="HB25" s="112">
        <v>0</v>
      </c>
      <c r="HC25" s="116">
        <v>0</v>
      </c>
      <c r="HD25" s="110">
        <v>149338</v>
      </c>
      <c r="HE25" s="114">
        <v>76454</v>
      </c>
      <c r="HF25" s="112">
        <v>225792</v>
      </c>
      <c r="HG25" s="111">
        <v>0</v>
      </c>
      <c r="HH25" s="114">
        <v>0</v>
      </c>
      <c r="HI25" s="114">
        <v>475879</v>
      </c>
      <c r="HJ25" s="114">
        <v>818573</v>
      </c>
      <c r="HK25" s="114">
        <v>866777</v>
      </c>
      <c r="HL25" s="114">
        <v>616384</v>
      </c>
      <c r="HM25" s="113">
        <v>2777613</v>
      </c>
      <c r="HN25" s="109">
        <v>3003405</v>
      </c>
      <c r="HO25" s="326"/>
      <c r="HP25" s="327"/>
      <c r="HQ25" s="328"/>
      <c r="HR25" s="329"/>
      <c r="HS25" s="327"/>
      <c r="HT25" s="327"/>
      <c r="HU25" s="327"/>
      <c r="HV25" s="327"/>
      <c r="HW25" s="327"/>
      <c r="HX25" s="330"/>
      <c r="HY25" s="331"/>
      <c r="HZ25" s="131">
        <v>0</v>
      </c>
      <c r="IA25" s="132">
        <v>64157</v>
      </c>
      <c r="IB25" s="133">
        <v>64157</v>
      </c>
      <c r="IC25" s="146">
        <v>0</v>
      </c>
      <c r="ID25" s="132">
        <v>618426</v>
      </c>
      <c r="IE25" s="147">
        <v>445522</v>
      </c>
      <c r="IF25" s="133">
        <v>637957</v>
      </c>
      <c r="IG25" s="132">
        <v>0</v>
      </c>
      <c r="IH25" s="133">
        <v>113033</v>
      </c>
      <c r="II25" s="148">
        <v>1814938</v>
      </c>
      <c r="IJ25" s="139">
        <v>1879095</v>
      </c>
      <c r="IK25" s="232">
        <v>0</v>
      </c>
      <c r="IL25" s="236">
        <v>0</v>
      </c>
      <c r="IM25" s="237">
        <v>0</v>
      </c>
      <c r="IN25" s="140"/>
      <c r="IO25" s="119">
        <v>0</v>
      </c>
      <c r="IP25" s="119">
        <v>0</v>
      </c>
      <c r="IQ25" s="119">
        <v>0</v>
      </c>
      <c r="IR25" s="119">
        <v>0</v>
      </c>
      <c r="IS25" s="119">
        <v>0</v>
      </c>
      <c r="IT25" s="141">
        <v>0</v>
      </c>
      <c r="IU25" s="318">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110791</v>
      </c>
      <c r="JL25" s="119">
        <v>233649</v>
      </c>
      <c r="JM25" s="119">
        <v>0</v>
      </c>
      <c r="JN25" s="119">
        <v>0</v>
      </c>
      <c r="JO25" s="119">
        <v>0</v>
      </c>
      <c r="JP25" s="120">
        <v>344440</v>
      </c>
      <c r="JQ25" s="318">
        <v>344440</v>
      </c>
      <c r="JR25" s="142">
        <v>0</v>
      </c>
      <c r="JS25" s="119">
        <v>0</v>
      </c>
      <c r="JT25" s="141">
        <v>0</v>
      </c>
      <c r="JU25" s="118">
        <v>0</v>
      </c>
      <c r="JV25" s="119">
        <v>0</v>
      </c>
      <c r="JW25" s="119">
        <v>0</v>
      </c>
      <c r="JX25" s="119">
        <v>0</v>
      </c>
      <c r="JY25" s="119">
        <v>0</v>
      </c>
      <c r="JZ25" s="119">
        <v>113033</v>
      </c>
      <c r="KA25" s="120">
        <v>113033</v>
      </c>
      <c r="KB25" s="318">
        <v>113033</v>
      </c>
      <c r="KC25" s="234">
        <v>0</v>
      </c>
      <c r="KD25" s="230">
        <v>64157</v>
      </c>
      <c r="KE25" s="120">
        <v>64157</v>
      </c>
      <c r="KF25" s="118">
        <v>0</v>
      </c>
      <c r="KG25" s="119">
        <v>94550</v>
      </c>
      <c r="KH25" s="119">
        <v>0</v>
      </c>
      <c r="KI25" s="119">
        <v>207637</v>
      </c>
      <c r="KJ25" s="119">
        <v>0</v>
      </c>
      <c r="KK25" s="119">
        <v>0</v>
      </c>
      <c r="KL25" s="120">
        <v>302187</v>
      </c>
      <c r="KM25" s="143">
        <v>366344</v>
      </c>
      <c r="KN25" s="232">
        <v>0</v>
      </c>
      <c r="KO25" s="236">
        <v>0</v>
      </c>
      <c r="KP25" s="237">
        <v>0</v>
      </c>
      <c r="KQ25" s="140"/>
      <c r="KR25" s="119">
        <v>413085</v>
      </c>
      <c r="KS25" s="119">
        <v>211873</v>
      </c>
      <c r="KT25" s="119">
        <v>430320</v>
      </c>
      <c r="KU25" s="119">
        <v>0</v>
      </c>
      <c r="KV25" s="119">
        <v>0</v>
      </c>
      <c r="KW25" s="120">
        <v>1055278</v>
      </c>
      <c r="KX25" s="318">
        <v>1055278</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18">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456092</v>
      </c>
      <c r="MK25" s="119">
        <v>671765</v>
      </c>
      <c r="ML25" s="119">
        <v>242697</v>
      </c>
      <c r="MM25" s="119">
        <v>2442963</v>
      </c>
      <c r="MN25" s="119">
        <v>1259796</v>
      </c>
      <c r="MO25" s="120">
        <v>5073313</v>
      </c>
      <c r="MP25" s="143">
        <v>5073313</v>
      </c>
      <c r="MQ25" s="142">
        <v>0</v>
      </c>
      <c r="MR25" s="119">
        <v>0</v>
      </c>
      <c r="MS25" s="120">
        <v>0</v>
      </c>
      <c r="MT25" s="145"/>
      <c r="MU25" s="119">
        <v>0</v>
      </c>
      <c r="MV25" s="119">
        <v>212951</v>
      </c>
      <c r="MW25" s="119">
        <v>0</v>
      </c>
      <c r="MX25" s="119">
        <v>1711748</v>
      </c>
      <c r="MY25" s="119">
        <v>1259796</v>
      </c>
      <c r="MZ25" s="120">
        <v>3184495</v>
      </c>
      <c r="NA25" s="143">
        <v>3184495</v>
      </c>
      <c r="NB25" s="142">
        <v>0</v>
      </c>
      <c r="NC25" s="119">
        <v>0</v>
      </c>
      <c r="ND25" s="120">
        <v>0</v>
      </c>
      <c r="NE25" s="145">
        <v>0</v>
      </c>
      <c r="NF25" s="119">
        <v>456092</v>
      </c>
      <c r="NG25" s="119">
        <v>458814</v>
      </c>
      <c r="NH25" s="119">
        <v>242697</v>
      </c>
      <c r="NI25" s="119">
        <v>731215</v>
      </c>
      <c r="NJ25" s="119">
        <v>0</v>
      </c>
      <c r="NK25" s="120">
        <v>1888818</v>
      </c>
      <c r="NL25" s="318">
        <v>1888818</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260148</v>
      </c>
      <c r="OJ25" s="119">
        <v>482520</v>
      </c>
      <c r="OK25" s="141">
        <v>742668</v>
      </c>
      <c r="OL25" s="118">
        <v>0</v>
      </c>
      <c r="OM25" s="119">
        <v>2980560</v>
      </c>
      <c r="ON25" s="119">
        <v>4813850</v>
      </c>
      <c r="OO25" s="119">
        <v>4472713</v>
      </c>
      <c r="OP25" s="119">
        <v>6176035</v>
      </c>
      <c r="OQ25" s="119">
        <v>3540506</v>
      </c>
      <c r="OR25" s="120">
        <v>21983664</v>
      </c>
      <c r="OS25" s="143">
        <v>22726332</v>
      </c>
    </row>
    <row r="26" spans="2:409" ht="21" customHeight="1" x14ac:dyDescent="0.2">
      <c r="B26" s="126" t="s">
        <v>21</v>
      </c>
      <c r="C26" s="110">
        <v>217579</v>
      </c>
      <c r="D26" s="114">
        <v>362816</v>
      </c>
      <c r="E26" s="113">
        <v>580395</v>
      </c>
      <c r="F26" s="109">
        <v>0</v>
      </c>
      <c r="G26" s="114">
        <v>3905680</v>
      </c>
      <c r="H26" s="114">
        <v>2867842</v>
      </c>
      <c r="I26" s="114">
        <v>2621486</v>
      </c>
      <c r="J26" s="114">
        <v>2119256</v>
      </c>
      <c r="K26" s="114">
        <v>1613779</v>
      </c>
      <c r="L26" s="173">
        <v>13128043</v>
      </c>
      <c r="M26" s="116">
        <v>13708438</v>
      </c>
      <c r="N26" s="110">
        <v>88447</v>
      </c>
      <c r="O26" s="114">
        <v>58242</v>
      </c>
      <c r="P26" s="113">
        <v>146689</v>
      </c>
      <c r="Q26" s="110">
        <v>0</v>
      </c>
      <c r="R26" s="114">
        <v>1581399</v>
      </c>
      <c r="S26" s="114">
        <v>1019938</v>
      </c>
      <c r="T26" s="114">
        <v>820161</v>
      </c>
      <c r="U26" s="114">
        <v>932196</v>
      </c>
      <c r="V26" s="114">
        <v>1017308</v>
      </c>
      <c r="W26" s="113">
        <v>5371002</v>
      </c>
      <c r="X26" s="116">
        <v>5517691</v>
      </c>
      <c r="Y26" s="110">
        <v>0</v>
      </c>
      <c r="Z26" s="114">
        <v>0</v>
      </c>
      <c r="AA26" s="113">
        <v>0</v>
      </c>
      <c r="AB26" s="110">
        <v>0</v>
      </c>
      <c r="AC26" s="114">
        <v>615316</v>
      </c>
      <c r="AD26" s="114">
        <v>451779</v>
      </c>
      <c r="AE26" s="114">
        <v>421374</v>
      </c>
      <c r="AF26" s="114">
        <v>679893</v>
      </c>
      <c r="AG26" s="114">
        <v>544059</v>
      </c>
      <c r="AH26" s="113">
        <v>2712421</v>
      </c>
      <c r="AI26" s="116">
        <v>2712421</v>
      </c>
      <c r="AJ26" s="110">
        <v>0</v>
      </c>
      <c r="AK26" s="114">
        <v>0</v>
      </c>
      <c r="AL26" s="113">
        <v>0</v>
      </c>
      <c r="AM26" s="110">
        <v>0</v>
      </c>
      <c r="AN26" s="114">
        <v>0</v>
      </c>
      <c r="AO26" s="114">
        <v>0</v>
      </c>
      <c r="AP26" s="114">
        <v>0</v>
      </c>
      <c r="AQ26" s="114">
        <v>0</v>
      </c>
      <c r="AR26" s="114">
        <v>142511</v>
      </c>
      <c r="AS26" s="113">
        <v>142511</v>
      </c>
      <c r="AT26" s="116">
        <v>142511</v>
      </c>
      <c r="AU26" s="110">
        <v>33224</v>
      </c>
      <c r="AV26" s="114">
        <v>37284</v>
      </c>
      <c r="AW26" s="113">
        <v>70508</v>
      </c>
      <c r="AX26" s="110">
        <v>0</v>
      </c>
      <c r="AY26" s="114">
        <v>567384</v>
      </c>
      <c r="AZ26" s="114">
        <v>329807</v>
      </c>
      <c r="BA26" s="114">
        <v>215401</v>
      </c>
      <c r="BB26" s="114">
        <v>98716</v>
      </c>
      <c r="BC26" s="114">
        <v>246789</v>
      </c>
      <c r="BD26" s="113">
        <v>1458097</v>
      </c>
      <c r="BE26" s="116">
        <v>1528605</v>
      </c>
      <c r="BF26" s="110">
        <v>0</v>
      </c>
      <c r="BG26" s="114">
        <v>0</v>
      </c>
      <c r="BH26" s="112">
        <v>0</v>
      </c>
      <c r="BI26" s="111">
        <v>0</v>
      </c>
      <c r="BJ26" s="114">
        <v>0</v>
      </c>
      <c r="BK26" s="114">
        <v>18314</v>
      </c>
      <c r="BL26" s="114">
        <v>0</v>
      </c>
      <c r="BM26" s="114">
        <v>0</v>
      </c>
      <c r="BN26" s="114">
        <v>28026</v>
      </c>
      <c r="BO26" s="113">
        <v>46340</v>
      </c>
      <c r="BP26" s="116">
        <v>46340</v>
      </c>
      <c r="BQ26" s="110">
        <v>55223</v>
      </c>
      <c r="BR26" s="114">
        <v>20958</v>
      </c>
      <c r="BS26" s="113">
        <v>76181</v>
      </c>
      <c r="BT26" s="110">
        <v>0</v>
      </c>
      <c r="BU26" s="114">
        <v>398699</v>
      </c>
      <c r="BV26" s="114">
        <v>220038</v>
      </c>
      <c r="BW26" s="114">
        <v>183386</v>
      </c>
      <c r="BX26" s="114">
        <v>153587</v>
      </c>
      <c r="BY26" s="114">
        <v>55923</v>
      </c>
      <c r="BZ26" s="113">
        <v>1011633</v>
      </c>
      <c r="CA26" s="116">
        <v>1087814</v>
      </c>
      <c r="CB26" s="110">
        <v>0</v>
      </c>
      <c r="CC26" s="114">
        <v>33187</v>
      </c>
      <c r="CD26" s="113">
        <v>33187</v>
      </c>
      <c r="CE26" s="110">
        <v>0</v>
      </c>
      <c r="CF26" s="114">
        <v>994191</v>
      </c>
      <c r="CG26" s="114">
        <v>749534</v>
      </c>
      <c r="CH26" s="114">
        <v>163011</v>
      </c>
      <c r="CI26" s="114">
        <v>323531</v>
      </c>
      <c r="CJ26" s="114">
        <v>293538</v>
      </c>
      <c r="CK26" s="113">
        <v>2523805</v>
      </c>
      <c r="CL26" s="116">
        <v>2556992</v>
      </c>
      <c r="CM26" s="110">
        <v>0</v>
      </c>
      <c r="CN26" s="114">
        <v>0</v>
      </c>
      <c r="CO26" s="113">
        <v>0</v>
      </c>
      <c r="CP26" s="111">
        <v>0</v>
      </c>
      <c r="CQ26" s="114">
        <v>900012</v>
      </c>
      <c r="CR26" s="114">
        <v>540628</v>
      </c>
      <c r="CS26" s="114">
        <v>163011</v>
      </c>
      <c r="CT26" s="114">
        <v>277671</v>
      </c>
      <c r="CU26" s="114">
        <v>160364</v>
      </c>
      <c r="CV26" s="113">
        <v>2041686</v>
      </c>
      <c r="CW26" s="116">
        <v>2041686</v>
      </c>
      <c r="CX26" s="110">
        <v>0</v>
      </c>
      <c r="CY26" s="114">
        <v>33187</v>
      </c>
      <c r="CZ26" s="113">
        <v>33187</v>
      </c>
      <c r="DA26" s="110">
        <v>0</v>
      </c>
      <c r="DB26" s="114">
        <v>94179</v>
      </c>
      <c r="DC26" s="114">
        <v>208906</v>
      </c>
      <c r="DD26" s="114">
        <v>0</v>
      </c>
      <c r="DE26" s="114">
        <v>45860</v>
      </c>
      <c r="DF26" s="114">
        <v>133174</v>
      </c>
      <c r="DG26" s="113">
        <v>482119</v>
      </c>
      <c r="DH26" s="116">
        <v>515306</v>
      </c>
      <c r="DI26" s="110">
        <v>0</v>
      </c>
      <c r="DJ26" s="114">
        <v>48002</v>
      </c>
      <c r="DK26" s="112">
        <v>48002</v>
      </c>
      <c r="DL26" s="111">
        <v>0</v>
      </c>
      <c r="DM26" s="114">
        <v>122168</v>
      </c>
      <c r="DN26" s="114">
        <v>203174</v>
      </c>
      <c r="DO26" s="114">
        <v>222939</v>
      </c>
      <c r="DP26" s="114">
        <v>60933</v>
      </c>
      <c r="DQ26" s="114">
        <v>157823</v>
      </c>
      <c r="DR26" s="113">
        <v>767037</v>
      </c>
      <c r="DS26" s="116">
        <v>815039</v>
      </c>
      <c r="DT26" s="110">
        <v>0</v>
      </c>
      <c r="DU26" s="114">
        <v>48002</v>
      </c>
      <c r="DV26" s="113">
        <v>48002</v>
      </c>
      <c r="DW26" s="110">
        <v>0</v>
      </c>
      <c r="DX26" s="114">
        <v>122168</v>
      </c>
      <c r="DY26" s="114">
        <v>203174</v>
      </c>
      <c r="DZ26" s="114">
        <v>222939</v>
      </c>
      <c r="EA26" s="114">
        <v>60933</v>
      </c>
      <c r="EB26" s="114">
        <v>157823</v>
      </c>
      <c r="EC26" s="113">
        <v>767037</v>
      </c>
      <c r="ED26" s="116">
        <v>815039</v>
      </c>
      <c r="EE26" s="110">
        <v>0</v>
      </c>
      <c r="EF26" s="112">
        <v>0</v>
      </c>
      <c r="EG26" s="113">
        <v>0</v>
      </c>
      <c r="EH26" s="110">
        <v>0</v>
      </c>
      <c r="EI26" s="114">
        <v>0</v>
      </c>
      <c r="EJ26" s="114">
        <v>0</v>
      </c>
      <c r="EK26" s="114">
        <v>0</v>
      </c>
      <c r="EL26" s="114">
        <v>0</v>
      </c>
      <c r="EM26" s="114">
        <v>0</v>
      </c>
      <c r="EN26" s="112">
        <v>0</v>
      </c>
      <c r="EO26" s="116">
        <v>0</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5"/>
      <c r="FE26" s="114">
        <v>0</v>
      </c>
      <c r="FF26" s="114">
        <v>0</v>
      </c>
      <c r="FG26" s="114">
        <v>0</v>
      </c>
      <c r="FH26" s="114">
        <v>0</v>
      </c>
      <c r="FI26" s="114">
        <v>0</v>
      </c>
      <c r="FJ26" s="113">
        <v>0</v>
      </c>
      <c r="FK26" s="116">
        <v>0</v>
      </c>
      <c r="FL26" s="110">
        <v>34790</v>
      </c>
      <c r="FM26" s="114">
        <v>142912</v>
      </c>
      <c r="FN26" s="113">
        <v>177702</v>
      </c>
      <c r="FO26" s="110">
        <v>0</v>
      </c>
      <c r="FP26" s="114">
        <v>94430</v>
      </c>
      <c r="FQ26" s="114">
        <v>271936</v>
      </c>
      <c r="FR26" s="114">
        <v>72471</v>
      </c>
      <c r="FS26" s="114">
        <v>138012</v>
      </c>
      <c r="FT26" s="114">
        <v>145110</v>
      </c>
      <c r="FU26" s="113">
        <v>721959</v>
      </c>
      <c r="FV26" s="116">
        <v>899661</v>
      </c>
      <c r="FW26" s="115">
        <v>34790</v>
      </c>
      <c r="FX26" s="114">
        <v>30912</v>
      </c>
      <c r="FY26" s="112">
        <v>65702</v>
      </c>
      <c r="FZ26" s="111">
        <v>0</v>
      </c>
      <c r="GA26" s="114">
        <v>73640</v>
      </c>
      <c r="GB26" s="114">
        <v>271936</v>
      </c>
      <c r="GC26" s="114">
        <v>72471</v>
      </c>
      <c r="GD26" s="114">
        <v>138012</v>
      </c>
      <c r="GE26" s="114">
        <v>145110</v>
      </c>
      <c r="GF26" s="113">
        <v>701169</v>
      </c>
      <c r="GG26" s="316">
        <v>766871</v>
      </c>
      <c r="GH26" s="115">
        <v>0</v>
      </c>
      <c r="GI26" s="114">
        <v>0</v>
      </c>
      <c r="GJ26" s="112">
        <v>0</v>
      </c>
      <c r="GK26" s="111">
        <v>0</v>
      </c>
      <c r="GL26" s="114">
        <v>20790</v>
      </c>
      <c r="GM26" s="114">
        <v>0</v>
      </c>
      <c r="GN26" s="114">
        <v>0</v>
      </c>
      <c r="GO26" s="114">
        <v>0</v>
      </c>
      <c r="GP26" s="114">
        <v>0</v>
      </c>
      <c r="GQ26" s="113">
        <v>20790</v>
      </c>
      <c r="GR26" s="116">
        <v>20790</v>
      </c>
      <c r="GS26" s="110">
        <v>0</v>
      </c>
      <c r="GT26" s="114">
        <v>112000</v>
      </c>
      <c r="GU26" s="113">
        <v>112000</v>
      </c>
      <c r="GV26" s="110">
        <v>0</v>
      </c>
      <c r="GW26" s="114">
        <v>0</v>
      </c>
      <c r="GX26" s="114">
        <v>0</v>
      </c>
      <c r="GY26" s="114">
        <v>0</v>
      </c>
      <c r="GZ26" s="114">
        <v>0</v>
      </c>
      <c r="HA26" s="114">
        <v>0</v>
      </c>
      <c r="HB26" s="112">
        <v>0</v>
      </c>
      <c r="HC26" s="116">
        <v>112000</v>
      </c>
      <c r="HD26" s="110">
        <v>94342</v>
      </c>
      <c r="HE26" s="114">
        <v>80473</v>
      </c>
      <c r="HF26" s="112">
        <v>174815</v>
      </c>
      <c r="HG26" s="111">
        <v>0</v>
      </c>
      <c r="HH26" s="114">
        <v>1113492</v>
      </c>
      <c r="HI26" s="114">
        <v>623260</v>
      </c>
      <c r="HJ26" s="114">
        <v>1342904</v>
      </c>
      <c r="HK26" s="114">
        <v>664584</v>
      </c>
      <c r="HL26" s="114">
        <v>0</v>
      </c>
      <c r="HM26" s="113">
        <v>3744240</v>
      </c>
      <c r="HN26" s="109">
        <v>3919055</v>
      </c>
      <c r="HO26" s="326"/>
      <c r="HP26" s="327"/>
      <c r="HQ26" s="328"/>
      <c r="HR26" s="329"/>
      <c r="HS26" s="327"/>
      <c r="HT26" s="327"/>
      <c r="HU26" s="327"/>
      <c r="HV26" s="327"/>
      <c r="HW26" s="327"/>
      <c r="HX26" s="330"/>
      <c r="HY26" s="331"/>
      <c r="HZ26" s="150">
        <v>0</v>
      </c>
      <c r="IA26" s="135">
        <v>0</v>
      </c>
      <c r="IB26" s="150">
        <v>0</v>
      </c>
      <c r="IC26" s="134">
        <v>0</v>
      </c>
      <c r="ID26" s="135">
        <v>724574</v>
      </c>
      <c r="IE26" s="136">
        <v>566369</v>
      </c>
      <c r="IF26" s="137">
        <v>396427</v>
      </c>
      <c r="IG26" s="135">
        <v>532074</v>
      </c>
      <c r="IH26" s="137">
        <v>0</v>
      </c>
      <c r="II26" s="138">
        <v>2219444</v>
      </c>
      <c r="IJ26" s="150">
        <v>2219444</v>
      </c>
      <c r="IK26" s="232">
        <v>0</v>
      </c>
      <c r="IL26" s="236">
        <v>0</v>
      </c>
      <c r="IM26" s="237">
        <v>0</v>
      </c>
      <c r="IN26" s="140"/>
      <c r="IO26" s="119">
        <v>63042</v>
      </c>
      <c r="IP26" s="119">
        <v>0</v>
      </c>
      <c r="IQ26" s="119">
        <v>0</v>
      </c>
      <c r="IR26" s="119">
        <v>0</v>
      </c>
      <c r="IS26" s="119">
        <v>0</v>
      </c>
      <c r="IT26" s="141">
        <v>63042</v>
      </c>
      <c r="IU26" s="318">
        <v>63042</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367649</v>
      </c>
      <c r="JL26" s="119">
        <v>137602</v>
      </c>
      <c r="JM26" s="119">
        <v>179845</v>
      </c>
      <c r="JN26" s="119">
        <v>96364</v>
      </c>
      <c r="JO26" s="119">
        <v>0</v>
      </c>
      <c r="JP26" s="120">
        <v>781460</v>
      </c>
      <c r="JQ26" s="318">
        <v>781460</v>
      </c>
      <c r="JR26" s="142">
        <v>0</v>
      </c>
      <c r="JS26" s="119">
        <v>0</v>
      </c>
      <c r="JT26" s="141">
        <v>0</v>
      </c>
      <c r="JU26" s="118">
        <v>0</v>
      </c>
      <c r="JV26" s="119">
        <v>0</v>
      </c>
      <c r="JW26" s="119">
        <v>0</v>
      </c>
      <c r="JX26" s="119">
        <v>0</v>
      </c>
      <c r="JY26" s="119">
        <v>0</v>
      </c>
      <c r="JZ26" s="119">
        <v>0</v>
      </c>
      <c r="KA26" s="120">
        <v>0</v>
      </c>
      <c r="KB26" s="318">
        <v>0</v>
      </c>
      <c r="KC26" s="234">
        <v>0</v>
      </c>
      <c r="KD26" s="230">
        <v>0</v>
      </c>
      <c r="KE26" s="120">
        <v>0</v>
      </c>
      <c r="KF26" s="118">
        <v>0</v>
      </c>
      <c r="KG26" s="119">
        <v>93043</v>
      </c>
      <c r="KH26" s="119">
        <v>0</v>
      </c>
      <c r="KI26" s="119">
        <v>0</v>
      </c>
      <c r="KJ26" s="119">
        <v>223137</v>
      </c>
      <c r="KK26" s="119">
        <v>0</v>
      </c>
      <c r="KL26" s="120">
        <v>316180</v>
      </c>
      <c r="KM26" s="143">
        <v>316180</v>
      </c>
      <c r="KN26" s="232">
        <v>0</v>
      </c>
      <c r="KO26" s="236">
        <v>0</v>
      </c>
      <c r="KP26" s="237">
        <v>0</v>
      </c>
      <c r="KQ26" s="140"/>
      <c r="KR26" s="119">
        <v>200840</v>
      </c>
      <c r="KS26" s="119">
        <v>428767</v>
      </c>
      <c r="KT26" s="119">
        <v>216582</v>
      </c>
      <c r="KU26" s="119">
        <v>212573</v>
      </c>
      <c r="KV26" s="119">
        <v>0</v>
      </c>
      <c r="KW26" s="120">
        <v>1058762</v>
      </c>
      <c r="KX26" s="318">
        <v>1058762</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18">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853173</v>
      </c>
      <c r="ML26" s="119">
        <v>1123561</v>
      </c>
      <c r="MM26" s="119">
        <v>1659359</v>
      </c>
      <c r="MN26" s="119">
        <v>1455833</v>
      </c>
      <c r="MO26" s="120">
        <v>5091926</v>
      </c>
      <c r="MP26" s="143">
        <v>5091926</v>
      </c>
      <c r="MQ26" s="142">
        <v>0</v>
      </c>
      <c r="MR26" s="119">
        <v>0</v>
      </c>
      <c r="MS26" s="120">
        <v>0</v>
      </c>
      <c r="MT26" s="145"/>
      <c r="MU26" s="119">
        <v>0</v>
      </c>
      <c r="MV26" s="119">
        <v>0</v>
      </c>
      <c r="MW26" s="119">
        <v>897094</v>
      </c>
      <c r="MX26" s="119">
        <v>1141780</v>
      </c>
      <c r="MY26" s="119">
        <v>518553</v>
      </c>
      <c r="MZ26" s="120">
        <v>2557427</v>
      </c>
      <c r="NA26" s="143">
        <v>2557427</v>
      </c>
      <c r="NB26" s="142">
        <v>0</v>
      </c>
      <c r="NC26" s="119">
        <v>0</v>
      </c>
      <c r="ND26" s="120">
        <v>0</v>
      </c>
      <c r="NE26" s="145">
        <v>0</v>
      </c>
      <c r="NF26" s="119">
        <v>0</v>
      </c>
      <c r="NG26" s="119">
        <v>853173</v>
      </c>
      <c r="NH26" s="119">
        <v>226467</v>
      </c>
      <c r="NI26" s="119">
        <v>517579</v>
      </c>
      <c r="NJ26" s="119">
        <v>256031</v>
      </c>
      <c r="NK26" s="120">
        <v>1853250</v>
      </c>
      <c r="NL26" s="318">
        <v>1853250</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681249</v>
      </c>
      <c r="OG26" s="120">
        <v>681249</v>
      </c>
      <c r="OH26" s="121">
        <v>681249</v>
      </c>
      <c r="OI26" s="142">
        <v>217579</v>
      </c>
      <c r="OJ26" s="119">
        <v>362816</v>
      </c>
      <c r="OK26" s="141">
        <v>580395</v>
      </c>
      <c r="OL26" s="118">
        <v>0</v>
      </c>
      <c r="OM26" s="119">
        <v>4630254</v>
      </c>
      <c r="ON26" s="119">
        <v>4287384</v>
      </c>
      <c r="OO26" s="119">
        <v>4141474</v>
      </c>
      <c r="OP26" s="119">
        <v>4310689</v>
      </c>
      <c r="OQ26" s="119">
        <v>3069612</v>
      </c>
      <c r="OR26" s="120">
        <v>20439413</v>
      </c>
      <c r="OS26" s="143">
        <v>21019808</v>
      </c>
    </row>
    <row r="27" spans="2:409" ht="21" customHeight="1" x14ac:dyDescent="0.2">
      <c r="B27" s="126" t="s">
        <v>22</v>
      </c>
      <c r="C27" s="110">
        <v>26139</v>
      </c>
      <c r="D27" s="114">
        <v>18452</v>
      </c>
      <c r="E27" s="113">
        <v>44591</v>
      </c>
      <c r="F27" s="109">
        <v>0</v>
      </c>
      <c r="G27" s="114">
        <v>1177829</v>
      </c>
      <c r="H27" s="114">
        <v>1207553</v>
      </c>
      <c r="I27" s="114">
        <v>877519</v>
      </c>
      <c r="J27" s="114">
        <v>1468111</v>
      </c>
      <c r="K27" s="114">
        <v>1986503</v>
      </c>
      <c r="L27" s="173">
        <v>6717515</v>
      </c>
      <c r="M27" s="116">
        <v>6762106</v>
      </c>
      <c r="N27" s="110">
        <v>10725</v>
      </c>
      <c r="O27" s="114">
        <v>3192</v>
      </c>
      <c r="P27" s="113">
        <v>13917</v>
      </c>
      <c r="Q27" s="110">
        <v>0</v>
      </c>
      <c r="R27" s="114">
        <v>297878</v>
      </c>
      <c r="S27" s="114">
        <v>126700</v>
      </c>
      <c r="T27" s="114">
        <v>216670</v>
      </c>
      <c r="U27" s="114">
        <v>217659</v>
      </c>
      <c r="V27" s="114">
        <v>1273248</v>
      </c>
      <c r="W27" s="113">
        <v>2132155</v>
      </c>
      <c r="X27" s="116">
        <v>2146072</v>
      </c>
      <c r="Y27" s="110">
        <v>0</v>
      </c>
      <c r="Z27" s="114">
        <v>0</v>
      </c>
      <c r="AA27" s="113">
        <v>0</v>
      </c>
      <c r="AB27" s="110">
        <v>0</v>
      </c>
      <c r="AC27" s="114">
        <v>92197</v>
      </c>
      <c r="AD27" s="114">
        <v>0</v>
      </c>
      <c r="AE27" s="114">
        <v>140557</v>
      </c>
      <c r="AF27" s="114">
        <v>8421</v>
      </c>
      <c r="AG27" s="114">
        <v>352254</v>
      </c>
      <c r="AH27" s="113">
        <v>593429</v>
      </c>
      <c r="AI27" s="116">
        <v>593429</v>
      </c>
      <c r="AJ27" s="110">
        <v>0</v>
      </c>
      <c r="AK27" s="114">
        <v>0</v>
      </c>
      <c r="AL27" s="113">
        <v>0</v>
      </c>
      <c r="AM27" s="110">
        <v>0</v>
      </c>
      <c r="AN27" s="114">
        <v>0</v>
      </c>
      <c r="AO27" s="114">
        <v>0</v>
      </c>
      <c r="AP27" s="114">
        <v>0</v>
      </c>
      <c r="AQ27" s="114">
        <v>0</v>
      </c>
      <c r="AR27" s="114">
        <v>492368</v>
      </c>
      <c r="AS27" s="113">
        <v>492368</v>
      </c>
      <c r="AT27" s="116">
        <v>492368</v>
      </c>
      <c r="AU27" s="110">
        <v>10725</v>
      </c>
      <c r="AV27" s="114">
        <v>3192</v>
      </c>
      <c r="AW27" s="113">
        <v>13917</v>
      </c>
      <c r="AX27" s="110">
        <v>0</v>
      </c>
      <c r="AY27" s="114">
        <v>110033</v>
      </c>
      <c r="AZ27" s="114">
        <v>79254</v>
      </c>
      <c r="BA27" s="114">
        <v>59313</v>
      </c>
      <c r="BB27" s="114">
        <v>77008</v>
      </c>
      <c r="BC27" s="114">
        <v>420226</v>
      </c>
      <c r="BD27" s="113">
        <v>745834</v>
      </c>
      <c r="BE27" s="116">
        <v>759751</v>
      </c>
      <c r="BF27" s="110">
        <v>0</v>
      </c>
      <c r="BG27" s="114">
        <v>0</v>
      </c>
      <c r="BH27" s="112">
        <v>0</v>
      </c>
      <c r="BI27" s="111">
        <v>0</v>
      </c>
      <c r="BJ27" s="114">
        <v>46844</v>
      </c>
      <c r="BK27" s="114">
        <v>26768</v>
      </c>
      <c r="BL27" s="114">
        <v>0</v>
      </c>
      <c r="BM27" s="114">
        <v>53417</v>
      </c>
      <c r="BN27" s="114">
        <v>0</v>
      </c>
      <c r="BO27" s="113">
        <v>127029</v>
      </c>
      <c r="BP27" s="116">
        <v>127029</v>
      </c>
      <c r="BQ27" s="110">
        <v>0</v>
      </c>
      <c r="BR27" s="114">
        <v>0</v>
      </c>
      <c r="BS27" s="113">
        <v>0</v>
      </c>
      <c r="BT27" s="110">
        <v>0</v>
      </c>
      <c r="BU27" s="114">
        <v>48804</v>
      </c>
      <c r="BV27" s="114">
        <v>20678</v>
      </c>
      <c r="BW27" s="114">
        <v>16800</v>
      </c>
      <c r="BX27" s="114">
        <v>78813</v>
      </c>
      <c r="BY27" s="114">
        <v>8400</v>
      </c>
      <c r="BZ27" s="113">
        <v>173495</v>
      </c>
      <c r="CA27" s="116">
        <v>173495</v>
      </c>
      <c r="CB27" s="110">
        <v>0</v>
      </c>
      <c r="CC27" s="114">
        <v>0</v>
      </c>
      <c r="CD27" s="113">
        <v>0</v>
      </c>
      <c r="CE27" s="110">
        <v>0</v>
      </c>
      <c r="CF27" s="114">
        <v>271932</v>
      </c>
      <c r="CG27" s="114">
        <v>257978</v>
      </c>
      <c r="CH27" s="114">
        <v>158222</v>
      </c>
      <c r="CI27" s="114">
        <v>388108</v>
      </c>
      <c r="CJ27" s="114">
        <v>170961</v>
      </c>
      <c r="CK27" s="113">
        <v>1247201</v>
      </c>
      <c r="CL27" s="116">
        <v>1247201</v>
      </c>
      <c r="CM27" s="110">
        <v>0</v>
      </c>
      <c r="CN27" s="114">
        <v>0</v>
      </c>
      <c r="CO27" s="113">
        <v>0</v>
      </c>
      <c r="CP27" s="111">
        <v>0</v>
      </c>
      <c r="CQ27" s="114">
        <v>212124</v>
      </c>
      <c r="CR27" s="114">
        <v>121548</v>
      </c>
      <c r="CS27" s="114">
        <v>85599</v>
      </c>
      <c r="CT27" s="114">
        <v>311640</v>
      </c>
      <c r="CU27" s="114">
        <v>149905</v>
      </c>
      <c r="CV27" s="113">
        <v>880816</v>
      </c>
      <c r="CW27" s="116">
        <v>880816</v>
      </c>
      <c r="CX27" s="110">
        <v>0</v>
      </c>
      <c r="CY27" s="114">
        <v>0</v>
      </c>
      <c r="CZ27" s="113">
        <v>0</v>
      </c>
      <c r="DA27" s="110">
        <v>0</v>
      </c>
      <c r="DB27" s="114">
        <v>59808</v>
      </c>
      <c r="DC27" s="114">
        <v>136430</v>
      </c>
      <c r="DD27" s="114">
        <v>72623</v>
      </c>
      <c r="DE27" s="114">
        <v>76468</v>
      </c>
      <c r="DF27" s="114">
        <v>21056</v>
      </c>
      <c r="DG27" s="113">
        <v>366385</v>
      </c>
      <c r="DH27" s="116">
        <v>366385</v>
      </c>
      <c r="DI27" s="110">
        <v>0</v>
      </c>
      <c r="DJ27" s="114">
        <v>0</v>
      </c>
      <c r="DK27" s="112">
        <v>0</v>
      </c>
      <c r="DL27" s="111">
        <v>0</v>
      </c>
      <c r="DM27" s="114">
        <v>157107</v>
      </c>
      <c r="DN27" s="114">
        <v>111498</v>
      </c>
      <c r="DO27" s="114">
        <v>263062</v>
      </c>
      <c r="DP27" s="114">
        <v>75644</v>
      </c>
      <c r="DQ27" s="114">
        <v>196889</v>
      </c>
      <c r="DR27" s="113">
        <v>804200</v>
      </c>
      <c r="DS27" s="116">
        <v>804200</v>
      </c>
      <c r="DT27" s="110">
        <v>0</v>
      </c>
      <c r="DU27" s="114">
        <v>0</v>
      </c>
      <c r="DV27" s="113">
        <v>0</v>
      </c>
      <c r="DW27" s="110">
        <v>0</v>
      </c>
      <c r="DX27" s="114">
        <v>157107</v>
      </c>
      <c r="DY27" s="114">
        <v>111498</v>
      </c>
      <c r="DZ27" s="114">
        <v>200265</v>
      </c>
      <c r="EA27" s="114">
        <v>75644</v>
      </c>
      <c r="EB27" s="114">
        <v>196889</v>
      </c>
      <c r="EC27" s="113">
        <v>741403</v>
      </c>
      <c r="ED27" s="116">
        <v>741403</v>
      </c>
      <c r="EE27" s="110">
        <v>0</v>
      </c>
      <c r="EF27" s="112">
        <v>0</v>
      </c>
      <c r="EG27" s="113">
        <v>0</v>
      </c>
      <c r="EH27" s="110">
        <v>0</v>
      </c>
      <c r="EI27" s="114">
        <v>0</v>
      </c>
      <c r="EJ27" s="114">
        <v>0</v>
      </c>
      <c r="EK27" s="114">
        <v>62797</v>
      </c>
      <c r="EL27" s="114">
        <v>0</v>
      </c>
      <c r="EM27" s="114">
        <v>0</v>
      </c>
      <c r="EN27" s="112">
        <v>62797</v>
      </c>
      <c r="EO27" s="116">
        <v>62797</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5"/>
      <c r="FE27" s="114">
        <v>0</v>
      </c>
      <c r="FF27" s="114">
        <v>0</v>
      </c>
      <c r="FG27" s="114">
        <v>0</v>
      </c>
      <c r="FH27" s="114">
        <v>0</v>
      </c>
      <c r="FI27" s="114">
        <v>0</v>
      </c>
      <c r="FJ27" s="113">
        <v>0</v>
      </c>
      <c r="FK27" s="116">
        <v>0</v>
      </c>
      <c r="FL27" s="110">
        <v>15414</v>
      </c>
      <c r="FM27" s="114">
        <v>15260</v>
      </c>
      <c r="FN27" s="113">
        <v>30674</v>
      </c>
      <c r="FO27" s="110">
        <v>0</v>
      </c>
      <c r="FP27" s="114">
        <v>60585</v>
      </c>
      <c r="FQ27" s="114">
        <v>108304</v>
      </c>
      <c r="FR27" s="114">
        <v>65184</v>
      </c>
      <c r="FS27" s="114">
        <v>64862</v>
      </c>
      <c r="FT27" s="114">
        <v>144214</v>
      </c>
      <c r="FU27" s="113">
        <v>443149</v>
      </c>
      <c r="FV27" s="116">
        <v>473823</v>
      </c>
      <c r="FW27" s="115">
        <v>15414</v>
      </c>
      <c r="FX27" s="114">
        <v>15260</v>
      </c>
      <c r="FY27" s="112">
        <v>30674</v>
      </c>
      <c r="FZ27" s="111">
        <v>0</v>
      </c>
      <c r="GA27" s="114">
        <v>60585</v>
      </c>
      <c r="GB27" s="114">
        <v>41272</v>
      </c>
      <c r="GC27" s="114">
        <v>65184</v>
      </c>
      <c r="GD27" s="114">
        <v>64862</v>
      </c>
      <c r="GE27" s="114">
        <v>144214</v>
      </c>
      <c r="GF27" s="113">
        <v>376117</v>
      </c>
      <c r="GG27" s="316">
        <v>406791</v>
      </c>
      <c r="GH27" s="115">
        <v>0</v>
      </c>
      <c r="GI27" s="114">
        <v>0</v>
      </c>
      <c r="GJ27" s="112">
        <v>0</v>
      </c>
      <c r="GK27" s="111">
        <v>0</v>
      </c>
      <c r="GL27" s="114">
        <v>0</v>
      </c>
      <c r="GM27" s="114">
        <v>0</v>
      </c>
      <c r="GN27" s="114">
        <v>0</v>
      </c>
      <c r="GO27" s="114">
        <v>0</v>
      </c>
      <c r="GP27" s="114">
        <v>0</v>
      </c>
      <c r="GQ27" s="113">
        <v>0</v>
      </c>
      <c r="GR27" s="116">
        <v>0</v>
      </c>
      <c r="GS27" s="110">
        <v>0</v>
      </c>
      <c r="GT27" s="114">
        <v>0</v>
      </c>
      <c r="GU27" s="113">
        <v>0</v>
      </c>
      <c r="GV27" s="110">
        <v>0</v>
      </c>
      <c r="GW27" s="114">
        <v>0</v>
      </c>
      <c r="GX27" s="114">
        <v>67032</v>
      </c>
      <c r="GY27" s="114">
        <v>0</v>
      </c>
      <c r="GZ27" s="114">
        <v>0</v>
      </c>
      <c r="HA27" s="114">
        <v>0</v>
      </c>
      <c r="HB27" s="112">
        <v>67032</v>
      </c>
      <c r="HC27" s="116">
        <v>67032</v>
      </c>
      <c r="HD27" s="110">
        <v>0</v>
      </c>
      <c r="HE27" s="114">
        <v>0</v>
      </c>
      <c r="HF27" s="112">
        <v>0</v>
      </c>
      <c r="HG27" s="111">
        <v>0</v>
      </c>
      <c r="HH27" s="114">
        <v>390327</v>
      </c>
      <c r="HI27" s="114">
        <v>603073</v>
      </c>
      <c r="HJ27" s="114">
        <v>174381</v>
      </c>
      <c r="HK27" s="114">
        <v>721838</v>
      </c>
      <c r="HL27" s="114">
        <v>201191</v>
      </c>
      <c r="HM27" s="113">
        <v>2090810</v>
      </c>
      <c r="HN27" s="109">
        <v>2090810</v>
      </c>
      <c r="HO27" s="326"/>
      <c r="HP27" s="327"/>
      <c r="HQ27" s="328"/>
      <c r="HR27" s="329"/>
      <c r="HS27" s="327"/>
      <c r="HT27" s="327"/>
      <c r="HU27" s="327"/>
      <c r="HV27" s="327"/>
      <c r="HW27" s="327"/>
      <c r="HX27" s="330"/>
      <c r="HY27" s="331"/>
      <c r="HZ27" s="131">
        <v>0</v>
      </c>
      <c r="IA27" s="132">
        <v>0</v>
      </c>
      <c r="IB27" s="133">
        <v>0</v>
      </c>
      <c r="IC27" s="146">
        <v>0</v>
      </c>
      <c r="ID27" s="132">
        <v>646478</v>
      </c>
      <c r="IE27" s="147">
        <v>451507</v>
      </c>
      <c r="IF27" s="133">
        <v>214382</v>
      </c>
      <c r="IG27" s="132">
        <v>0</v>
      </c>
      <c r="IH27" s="133">
        <v>0</v>
      </c>
      <c r="II27" s="148">
        <v>1312367</v>
      </c>
      <c r="IJ27" s="139">
        <v>1312367</v>
      </c>
      <c r="IK27" s="232">
        <v>0</v>
      </c>
      <c r="IL27" s="236">
        <v>0</v>
      </c>
      <c r="IM27" s="237">
        <v>0</v>
      </c>
      <c r="IN27" s="140"/>
      <c r="IO27" s="119">
        <v>102172</v>
      </c>
      <c r="IP27" s="119">
        <v>0</v>
      </c>
      <c r="IQ27" s="119">
        <v>148834</v>
      </c>
      <c r="IR27" s="119">
        <v>0</v>
      </c>
      <c r="IS27" s="119">
        <v>0</v>
      </c>
      <c r="IT27" s="141">
        <v>251006</v>
      </c>
      <c r="IU27" s="318">
        <v>251006</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263305</v>
      </c>
      <c r="JL27" s="119">
        <v>62664</v>
      </c>
      <c r="JM27" s="119">
        <v>0</v>
      </c>
      <c r="JN27" s="119">
        <v>0</v>
      </c>
      <c r="JO27" s="119">
        <v>0</v>
      </c>
      <c r="JP27" s="120">
        <v>325969</v>
      </c>
      <c r="JQ27" s="318">
        <v>325969</v>
      </c>
      <c r="JR27" s="142">
        <v>0</v>
      </c>
      <c r="JS27" s="119">
        <v>0</v>
      </c>
      <c r="JT27" s="141">
        <v>0</v>
      </c>
      <c r="JU27" s="118">
        <v>0</v>
      </c>
      <c r="JV27" s="119">
        <v>0</v>
      </c>
      <c r="JW27" s="119">
        <v>0</v>
      </c>
      <c r="JX27" s="119">
        <v>65548</v>
      </c>
      <c r="JY27" s="119">
        <v>0</v>
      </c>
      <c r="JZ27" s="119">
        <v>0</v>
      </c>
      <c r="KA27" s="120">
        <v>65548</v>
      </c>
      <c r="KB27" s="318">
        <v>65548</v>
      </c>
      <c r="KC27" s="234">
        <v>0</v>
      </c>
      <c r="KD27" s="230">
        <v>0</v>
      </c>
      <c r="KE27" s="120">
        <v>0</v>
      </c>
      <c r="KF27" s="118">
        <v>0</v>
      </c>
      <c r="KG27" s="119">
        <v>80472</v>
      </c>
      <c r="KH27" s="119">
        <v>388843</v>
      </c>
      <c r="KI27" s="119">
        <v>0</v>
      </c>
      <c r="KJ27" s="119">
        <v>0</v>
      </c>
      <c r="KK27" s="119">
        <v>0</v>
      </c>
      <c r="KL27" s="120">
        <v>469315</v>
      </c>
      <c r="KM27" s="143">
        <v>469315</v>
      </c>
      <c r="KN27" s="232">
        <v>0</v>
      </c>
      <c r="KO27" s="236">
        <v>0</v>
      </c>
      <c r="KP27" s="237">
        <v>0</v>
      </c>
      <c r="KQ27" s="140"/>
      <c r="KR27" s="119">
        <v>200529</v>
      </c>
      <c r="KS27" s="119">
        <v>0</v>
      </c>
      <c r="KT27" s="119">
        <v>0</v>
      </c>
      <c r="KU27" s="119">
        <v>0</v>
      </c>
      <c r="KV27" s="119">
        <v>0</v>
      </c>
      <c r="KW27" s="120">
        <v>200529</v>
      </c>
      <c r="KX27" s="318">
        <v>200529</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0</v>
      </c>
      <c r="LR27" s="119">
        <v>0</v>
      </c>
      <c r="LS27" s="120">
        <v>0</v>
      </c>
      <c r="LT27" s="318">
        <v>0</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194527</v>
      </c>
      <c r="MK27" s="119">
        <v>0</v>
      </c>
      <c r="ML27" s="119">
        <v>629878</v>
      </c>
      <c r="MM27" s="119">
        <v>445018</v>
      </c>
      <c r="MN27" s="119">
        <v>238350</v>
      </c>
      <c r="MO27" s="120">
        <v>1507773</v>
      </c>
      <c r="MP27" s="143">
        <v>1507773</v>
      </c>
      <c r="MQ27" s="142">
        <v>0</v>
      </c>
      <c r="MR27" s="119">
        <v>0</v>
      </c>
      <c r="MS27" s="120">
        <v>0</v>
      </c>
      <c r="MT27" s="145"/>
      <c r="MU27" s="119">
        <v>0</v>
      </c>
      <c r="MV27" s="119">
        <v>0</v>
      </c>
      <c r="MW27" s="119">
        <v>189252</v>
      </c>
      <c r="MX27" s="119">
        <v>445018</v>
      </c>
      <c r="MY27" s="119">
        <v>238350</v>
      </c>
      <c r="MZ27" s="120">
        <v>872620</v>
      </c>
      <c r="NA27" s="143">
        <v>872620</v>
      </c>
      <c r="NB27" s="142">
        <v>0</v>
      </c>
      <c r="NC27" s="119">
        <v>0</v>
      </c>
      <c r="ND27" s="120">
        <v>0</v>
      </c>
      <c r="NE27" s="145">
        <v>0</v>
      </c>
      <c r="NF27" s="119">
        <v>194527</v>
      </c>
      <c r="NG27" s="119">
        <v>0</v>
      </c>
      <c r="NH27" s="119">
        <v>440626</v>
      </c>
      <c r="NI27" s="119">
        <v>0</v>
      </c>
      <c r="NJ27" s="119">
        <v>0</v>
      </c>
      <c r="NK27" s="120">
        <v>635153</v>
      </c>
      <c r="NL27" s="318">
        <v>635153</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26139</v>
      </c>
      <c r="OJ27" s="119">
        <v>18452</v>
      </c>
      <c r="OK27" s="141">
        <v>44591</v>
      </c>
      <c r="OL27" s="118">
        <v>0</v>
      </c>
      <c r="OM27" s="119">
        <v>2018834</v>
      </c>
      <c r="ON27" s="119">
        <v>1659060</v>
      </c>
      <c r="OO27" s="119">
        <v>1721779</v>
      </c>
      <c r="OP27" s="119">
        <v>1913129</v>
      </c>
      <c r="OQ27" s="119">
        <v>2224853</v>
      </c>
      <c r="OR27" s="120">
        <v>9537655</v>
      </c>
      <c r="OS27" s="143">
        <v>9582246</v>
      </c>
    </row>
    <row r="28" spans="2:409" ht="21" customHeight="1" x14ac:dyDescent="0.2">
      <c r="B28" s="126" t="s">
        <v>23</v>
      </c>
      <c r="C28" s="110">
        <v>76305</v>
      </c>
      <c r="D28" s="114">
        <v>109884</v>
      </c>
      <c r="E28" s="113">
        <v>186189</v>
      </c>
      <c r="F28" s="109">
        <v>0</v>
      </c>
      <c r="G28" s="114">
        <v>1391816</v>
      </c>
      <c r="H28" s="114">
        <v>1905804</v>
      </c>
      <c r="I28" s="114">
        <v>1876320</v>
      </c>
      <c r="J28" s="114">
        <v>3483531</v>
      </c>
      <c r="K28" s="114">
        <v>1361954</v>
      </c>
      <c r="L28" s="173">
        <v>10019425</v>
      </c>
      <c r="M28" s="116">
        <v>10205614</v>
      </c>
      <c r="N28" s="110">
        <v>65021</v>
      </c>
      <c r="O28" s="114">
        <v>93518</v>
      </c>
      <c r="P28" s="113">
        <v>158539</v>
      </c>
      <c r="Q28" s="110">
        <v>0</v>
      </c>
      <c r="R28" s="114">
        <v>171003</v>
      </c>
      <c r="S28" s="114">
        <v>432016</v>
      </c>
      <c r="T28" s="114">
        <v>857107</v>
      </c>
      <c r="U28" s="114">
        <v>456533</v>
      </c>
      <c r="V28" s="114">
        <v>256657</v>
      </c>
      <c r="W28" s="113">
        <v>2173316</v>
      </c>
      <c r="X28" s="116">
        <v>2331855</v>
      </c>
      <c r="Y28" s="110">
        <v>0</v>
      </c>
      <c r="Z28" s="114">
        <v>0</v>
      </c>
      <c r="AA28" s="113">
        <v>0</v>
      </c>
      <c r="AB28" s="110">
        <v>0</v>
      </c>
      <c r="AC28" s="114">
        <v>6449</v>
      </c>
      <c r="AD28" s="114">
        <v>125562</v>
      </c>
      <c r="AE28" s="114">
        <v>566684</v>
      </c>
      <c r="AF28" s="114">
        <v>46149</v>
      </c>
      <c r="AG28" s="114">
        <v>0</v>
      </c>
      <c r="AH28" s="113">
        <v>744844</v>
      </c>
      <c r="AI28" s="116">
        <v>744844</v>
      </c>
      <c r="AJ28" s="110">
        <v>0</v>
      </c>
      <c r="AK28" s="114">
        <v>0</v>
      </c>
      <c r="AL28" s="113">
        <v>0</v>
      </c>
      <c r="AM28" s="110">
        <v>0</v>
      </c>
      <c r="AN28" s="114">
        <v>40917</v>
      </c>
      <c r="AO28" s="114">
        <v>0</v>
      </c>
      <c r="AP28" s="114">
        <v>31095</v>
      </c>
      <c r="AQ28" s="114">
        <v>0</v>
      </c>
      <c r="AR28" s="114">
        <v>40348</v>
      </c>
      <c r="AS28" s="113">
        <v>112360</v>
      </c>
      <c r="AT28" s="116">
        <v>112360</v>
      </c>
      <c r="AU28" s="110">
        <v>54997</v>
      </c>
      <c r="AV28" s="114">
        <v>66477</v>
      </c>
      <c r="AW28" s="113">
        <v>121474</v>
      </c>
      <c r="AX28" s="110">
        <v>0</v>
      </c>
      <c r="AY28" s="114">
        <v>81294</v>
      </c>
      <c r="AZ28" s="114">
        <v>235329</v>
      </c>
      <c r="BA28" s="114">
        <v>152403</v>
      </c>
      <c r="BB28" s="114">
        <v>114483</v>
      </c>
      <c r="BC28" s="114">
        <v>83610</v>
      </c>
      <c r="BD28" s="113">
        <v>667119</v>
      </c>
      <c r="BE28" s="116">
        <v>788593</v>
      </c>
      <c r="BF28" s="110">
        <v>0</v>
      </c>
      <c r="BG28" s="114">
        <v>27041</v>
      </c>
      <c r="BH28" s="112">
        <v>27041</v>
      </c>
      <c r="BI28" s="111">
        <v>0</v>
      </c>
      <c r="BJ28" s="114">
        <v>0</v>
      </c>
      <c r="BK28" s="114">
        <v>57048</v>
      </c>
      <c r="BL28" s="114">
        <v>0</v>
      </c>
      <c r="BM28" s="114">
        <v>52987</v>
      </c>
      <c r="BN28" s="114">
        <v>0</v>
      </c>
      <c r="BO28" s="113">
        <v>110035</v>
      </c>
      <c r="BP28" s="116">
        <v>137076</v>
      </c>
      <c r="BQ28" s="110">
        <v>10024</v>
      </c>
      <c r="BR28" s="114">
        <v>0</v>
      </c>
      <c r="BS28" s="113">
        <v>10024</v>
      </c>
      <c r="BT28" s="110">
        <v>0</v>
      </c>
      <c r="BU28" s="114">
        <v>42343</v>
      </c>
      <c r="BV28" s="114">
        <v>14077</v>
      </c>
      <c r="BW28" s="114">
        <v>106925</v>
      </c>
      <c r="BX28" s="114">
        <v>242914</v>
      </c>
      <c r="BY28" s="114">
        <v>132699</v>
      </c>
      <c r="BZ28" s="113">
        <v>538958</v>
      </c>
      <c r="CA28" s="116">
        <v>548982</v>
      </c>
      <c r="CB28" s="110">
        <v>0</v>
      </c>
      <c r="CC28" s="114">
        <v>0</v>
      </c>
      <c r="CD28" s="113">
        <v>0</v>
      </c>
      <c r="CE28" s="110">
        <v>0</v>
      </c>
      <c r="CF28" s="114">
        <v>642202</v>
      </c>
      <c r="CG28" s="114">
        <v>1055381</v>
      </c>
      <c r="CH28" s="114">
        <v>709802</v>
      </c>
      <c r="CI28" s="114">
        <v>491087</v>
      </c>
      <c r="CJ28" s="114">
        <v>10328</v>
      </c>
      <c r="CK28" s="113">
        <v>2908800</v>
      </c>
      <c r="CL28" s="116">
        <v>2908800</v>
      </c>
      <c r="CM28" s="110">
        <v>0</v>
      </c>
      <c r="CN28" s="114">
        <v>0</v>
      </c>
      <c r="CO28" s="113">
        <v>0</v>
      </c>
      <c r="CP28" s="111">
        <v>0</v>
      </c>
      <c r="CQ28" s="114">
        <v>536628</v>
      </c>
      <c r="CR28" s="114">
        <v>1001827</v>
      </c>
      <c r="CS28" s="114">
        <v>423717</v>
      </c>
      <c r="CT28" s="114">
        <v>211412</v>
      </c>
      <c r="CU28" s="114">
        <v>10328</v>
      </c>
      <c r="CV28" s="113">
        <v>2183912</v>
      </c>
      <c r="CW28" s="116">
        <v>2183912</v>
      </c>
      <c r="CX28" s="110">
        <v>0</v>
      </c>
      <c r="CY28" s="114">
        <v>0</v>
      </c>
      <c r="CZ28" s="113">
        <v>0</v>
      </c>
      <c r="DA28" s="110">
        <v>0</v>
      </c>
      <c r="DB28" s="114">
        <v>105574</v>
      </c>
      <c r="DC28" s="114">
        <v>53554</v>
      </c>
      <c r="DD28" s="114">
        <v>286085</v>
      </c>
      <c r="DE28" s="114">
        <v>279675</v>
      </c>
      <c r="DF28" s="114">
        <v>0</v>
      </c>
      <c r="DG28" s="113">
        <v>724888</v>
      </c>
      <c r="DH28" s="116">
        <v>724888</v>
      </c>
      <c r="DI28" s="110">
        <v>0</v>
      </c>
      <c r="DJ28" s="114">
        <v>0</v>
      </c>
      <c r="DK28" s="112">
        <v>0</v>
      </c>
      <c r="DL28" s="111">
        <v>0</v>
      </c>
      <c r="DM28" s="114">
        <v>120992</v>
      </c>
      <c r="DN28" s="114">
        <v>82386</v>
      </c>
      <c r="DO28" s="114">
        <v>30056</v>
      </c>
      <c r="DP28" s="114">
        <v>53282</v>
      </c>
      <c r="DQ28" s="114">
        <v>0</v>
      </c>
      <c r="DR28" s="113">
        <v>286716</v>
      </c>
      <c r="DS28" s="116">
        <v>286716</v>
      </c>
      <c r="DT28" s="110">
        <v>0</v>
      </c>
      <c r="DU28" s="114">
        <v>0</v>
      </c>
      <c r="DV28" s="113">
        <v>0</v>
      </c>
      <c r="DW28" s="110">
        <v>0</v>
      </c>
      <c r="DX28" s="114">
        <v>120992</v>
      </c>
      <c r="DY28" s="114">
        <v>82386</v>
      </c>
      <c r="DZ28" s="114">
        <v>30056</v>
      </c>
      <c r="EA28" s="114">
        <v>53282</v>
      </c>
      <c r="EB28" s="114">
        <v>0</v>
      </c>
      <c r="EC28" s="113">
        <v>286716</v>
      </c>
      <c r="ED28" s="116">
        <v>286716</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5"/>
      <c r="FE28" s="114">
        <v>0</v>
      </c>
      <c r="FF28" s="114">
        <v>0</v>
      </c>
      <c r="FG28" s="114">
        <v>0</v>
      </c>
      <c r="FH28" s="114">
        <v>0</v>
      </c>
      <c r="FI28" s="114">
        <v>0</v>
      </c>
      <c r="FJ28" s="113">
        <v>0</v>
      </c>
      <c r="FK28" s="116">
        <v>0</v>
      </c>
      <c r="FL28" s="110">
        <v>11284</v>
      </c>
      <c r="FM28" s="114">
        <v>16366</v>
      </c>
      <c r="FN28" s="113">
        <v>27650</v>
      </c>
      <c r="FO28" s="110">
        <v>0</v>
      </c>
      <c r="FP28" s="114">
        <v>74732</v>
      </c>
      <c r="FQ28" s="114">
        <v>336021</v>
      </c>
      <c r="FR28" s="114">
        <v>105910</v>
      </c>
      <c r="FS28" s="114">
        <v>133140</v>
      </c>
      <c r="FT28" s="114">
        <v>62328</v>
      </c>
      <c r="FU28" s="113">
        <v>712131</v>
      </c>
      <c r="FV28" s="116">
        <v>739781</v>
      </c>
      <c r="FW28" s="115">
        <v>11284</v>
      </c>
      <c r="FX28" s="114">
        <v>16366</v>
      </c>
      <c r="FY28" s="112">
        <v>27650</v>
      </c>
      <c r="FZ28" s="111">
        <v>0</v>
      </c>
      <c r="GA28" s="114">
        <v>74732</v>
      </c>
      <c r="GB28" s="114">
        <v>196021</v>
      </c>
      <c r="GC28" s="114">
        <v>105910</v>
      </c>
      <c r="GD28" s="114">
        <v>133140</v>
      </c>
      <c r="GE28" s="114">
        <v>62328</v>
      </c>
      <c r="GF28" s="113">
        <v>572131</v>
      </c>
      <c r="GG28" s="316">
        <v>599781</v>
      </c>
      <c r="GH28" s="115">
        <v>0</v>
      </c>
      <c r="GI28" s="114">
        <v>0</v>
      </c>
      <c r="GJ28" s="112">
        <v>0</v>
      </c>
      <c r="GK28" s="111">
        <v>0</v>
      </c>
      <c r="GL28" s="114">
        <v>0</v>
      </c>
      <c r="GM28" s="114">
        <v>0</v>
      </c>
      <c r="GN28" s="114">
        <v>0</v>
      </c>
      <c r="GO28" s="114">
        <v>0</v>
      </c>
      <c r="GP28" s="114">
        <v>0</v>
      </c>
      <c r="GQ28" s="113">
        <v>0</v>
      </c>
      <c r="GR28" s="116">
        <v>0</v>
      </c>
      <c r="GS28" s="110">
        <v>0</v>
      </c>
      <c r="GT28" s="114">
        <v>0</v>
      </c>
      <c r="GU28" s="113">
        <v>0</v>
      </c>
      <c r="GV28" s="110">
        <v>0</v>
      </c>
      <c r="GW28" s="114">
        <v>0</v>
      </c>
      <c r="GX28" s="114">
        <v>140000</v>
      </c>
      <c r="GY28" s="114">
        <v>0</v>
      </c>
      <c r="GZ28" s="114">
        <v>0</v>
      </c>
      <c r="HA28" s="114">
        <v>0</v>
      </c>
      <c r="HB28" s="112">
        <v>140000</v>
      </c>
      <c r="HC28" s="116">
        <v>140000</v>
      </c>
      <c r="HD28" s="110">
        <v>0</v>
      </c>
      <c r="HE28" s="114">
        <v>0</v>
      </c>
      <c r="HF28" s="112">
        <v>0</v>
      </c>
      <c r="HG28" s="111">
        <v>0</v>
      </c>
      <c r="HH28" s="114">
        <v>382887</v>
      </c>
      <c r="HI28" s="114">
        <v>0</v>
      </c>
      <c r="HJ28" s="114">
        <v>173445</v>
      </c>
      <c r="HK28" s="114">
        <v>2349489</v>
      </c>
      <c r="HL28" s="114">
        <v>1032641</v>
      </c>
      <c r="HM28" s="113">
        <v>3938462</v>
      </c>
      <c r="HN28" s="109">
        <v>3938462</v>
      </c>
      <c r="HO28" s="326"/>
      <c r="HP28" s="327"/>
      <c r="HQ28" s="328"/>
      <c r="HR28" s="329"/>
      <c r="HS28" s="327"/>
      <c r="HT28" s="327"/>
      <c r="HU28" s="327"/>
      <c r="HV28" s="327"/>
      <c r="HW28" s="327"/>
      <c r="HX28" s="330"/>
      <c r="HY28" s="331"/>
      <c r="HZ28" s="150">
        <v>0</v>
      </c>
      <c r="IA28" s="135">
        <v>0</v>
      </c>
      <c r="IB28" s="150">
        <v>0</v>
      </c>
      <c r="IC28" s="134">
        <v>0</v>
      </c>
      <c r="ID28" s="135">
        <v>0</v>
      </c>
      <c r="IE28" s="136">
        <v>89951</v>
      </c>
      <c r="IF28" s="137">
        <v>737099</v>
      </c>
      <c r="IG28" s="135">
        <v>228044</v>
      </c>
      <c r="IH28" s="137">
        <v>458327</v>
      </c>
      <c r="II28" s="138">
        <v>1513421</v>
      </c>
      <c r="IJ28" s="150">
        <v>1513421</v>
      </c>
      <c r="IK28" s="232">
        <v>0</v>
      </c>
      <c r="IL28" s="236">
        <v>0</v>
      </c>
      <c r="IM28" s="237">
        <v>0</v>
      </c>
      <c r="IN28" s="140"/>
      <c r="IO28" s="119">
        <v>0</v>
      </c>
      <c r="IP28" s="119">
        <v>0</v>
      </c>
      <c r="IQ28" s="119">
        <v>0</v>
      </c>
      <c r="IR28" s="119">
        <v>0</v>
      </c>
      <c r="IS28" s="119">
        <v>232199</v>
      </c>
      <c r="IT28" s="141">
        <v>232199</v>
      </c>
      <c r="IU28" s="318">
        <v>232199</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0</v>
      </c>
      <c r="JL28" s="119">
        <v>89951</v>
      </c>
      <c r="JM28" s="119">
        <v>80931</v>
      </c>
      <c r="JN28" s="119">
        <v>0</v>
      </c>
      <c r="JO28" s="119">
        <v>226128</v>
      </c>
      <c r="JP28" s="120">
        <v>397010</v>
      </c>
      <c r="JQ28" s="318">
        <v>397010</v>
      </c>
      <c r="JR28" s="142">
        <v>0</v>
      </c>
      <c r="JS28" s="119">
        <v>0</v>
      </c>
      <c r="JT28" s="141">
        <v>0</v>
      </c>
      <c r="JU28" s="118">
        <v>0</v>
      </c>
      <c r="JV28" s="119">
        <v>0</v>
      </c>
      <c r="JW28" s="119">
        <v>0</v>
      </c>
      <c r="JX28" s="119">
        <v>0</v>
      </c>
      <c r="JY28" s="119">
        <v>0</v>
      </c>
      <c r="JZ28" s="119">
        <v>0</v>
      </c>
      <c r="KA28" s="120">
        <v>0</v>
      </c>
      <c r="KB28" s="318">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0</v>
      </c>
      <c r="KS28" s="119">
        <v>0</v>
      </c>
      <c r="KT28" s="119">
        <v>656168</v>
      </c>
      <c r="KU28" s="119">
        <v>228044</v>
      </c>
      <c r="KV28" s="119">
        <v>0</v>
      </c>
      <c r="KW28" s="120">
        <v>884212</v>
      </c>
      <c r="KX28" s="318">
        <v>884212</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18">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0</v>
      </c>
      <c r="ML28" s="119">
        <v>441134</v>
      </c>
      <c r="MM28" s="119">
        <v>1512518</v>
      </c>
      <c r="MN28" s="119">
        <v>1285376</v>
      </c>
      <c r="MO28" s="120">
        <v>3239028</v>
      </c>
      <c r="MP28" s="143">
        <v>3239028</v>
      </c>
      <c r="MQ28" s="142">
        <v>0</v>
      </c>
      <c r="MR28" s="119">
        <v>0</v>
      </c>
      <c r="MS28" s="120">
        <v>0</v>
      </c>
      <c r="MT28" s="145"/>
      <c r="MU28" s="119">
        <v>0</v>
      </c>
      <c r="MV28" s="119">
        <v>0</v>
      </c>
      <c r="MW28" s="119">
        <v>210149</v>
      </c>
      <c r="MX28" s="119">
        <v>448108</v>
      </c>
      <c r="MY28" s="119">
        <v>459936</v>
      </c>
      <c r="MZ28" s="120">
        <v>1118193</v>
      </c>
      <c r="NA28" s="143">
        <v>1118193</v>
      </c>
      <c r="NB28" s="142">
        <v>0</v>
      </c>
      <c r="NC28" s="119">
        <v>0</v>
      </c>
      <c r="ND28" s="120">
        <v>0</v>
      </c>
      <c r="NE28" s="145">
        <v>0</v>
      </c>
      <c r="NF28" s="119">
        <v>0</v>
      </c>
      <c r="NG28" s="119">
        <v>0</v>
      </c>
      <c r="NH28" s="119">
        <v>230985</v>
      </c>
      <c r="NI28" s="119">
        <v>818860</v>
      </c>
      <c r="NJ28" s="119">
        <v>512078</v>
      </c>
      <c r="NK28" s="120">
        <v>1561923</v>
      </c>
      <c r="NL28" s="318">
        <v>1561923</v>
      </c>
      <c r="NM28" s="142">
        <v>0</v>
      </c>
      <c r="NN28" s="119">
        <v>0</v>
      </c>
      <c r="NO28" s="120">
        <v>0</v>
      </c>
      <c r="NP28" s="145"/>
      <c r="NQ28" s="119">
        <v>0</v>
      </c>
      <c r="NR28" s="119">
        <v>0</v>
      </c>
      <c r="NS28" s="119">
        <v>0</v>
      </c>
      <c r="NT28" s="119">
        <v>245550</v>
      </c>
      <c r="NU28" s="119">
        <v>0</v>
      </c>
      <c r="NV28" s="120">
        <v>245550</v>
      </c>
      <c r="NW28" s="121">
        <v>245550</v>
      </c>
      <c r="NX28" s="142">
        <v>0</v>
      </c>
      <c r="NY28" s="119">
        <v>0</v>
      </c>
      <c r="NZ28" s="120">
        <v>0</v>
      </c>
      <c r="OA28" s="145"/>
      <c r="OB28" s="119">
        <v>0</v>
      </c>
      <c r="OC28" s="119">
        <v>0</v>
      </c>
      <c r="OD28" s="119">
        <v>0</v>
      </c>
      <c r="OE28" s="119">
        <v>0</v>
      </c>
      <c r="OF28" s="119">
        <v>313362</v>
      </c>
      <c r="OG28" s="120">
        <v>313362</v>
      </c>
      <c r="OH28" s="121">
        <v>313362</v>
      </c>
      <c r="OI28" s="142">
        <v>76305</v>
      </c>
      <c r="OJ28" s="119">
        <v>109884</v>
      </c>
      <c r="OK28" s="141">
        <v>186189</v>
      </c>
      <c r="OL28" s="118">
        <v>0</v>
      </c>
      <c r="OM28" s="119">
        <v>1391816</v>
      </c>
      <c r="ON28" s="119">
        <v>1995755</v>
      </c>
      <c r="OO28" s="119">
        <v>3054553</v>
      </c>
      <c r="OP28" s="119">
        <v>5224093</v>
      </c>
      <c r="OQ28" s="119">
        <v>3105657</v>
      </c>
      <c r="OR28" s="120">
        <v>14771874</v>
      </c>
      <c r="OS28" s="143">
        <v>14958063</v>
      </c>
    </row>
    <row r="29" spans="2:409" ht="21" customHeight="1" x14ac:dyDescent="0.2">
      <c r="B29" s="126" t="s">
        <v>24</v>
      </c>
      <c r="C29" s="110">
        <v>162428</v>
      </c>
      <c r="D29" s="114">
        <v>270452</v>
      </c>
      <c r="E29" s="113">
        <v>432880</v>
      </c>
      <c r="F29" s="109">
        <v>0</v>
      </c>
      <c r="G29" s="114">
        <v>1884131</v>
      </c>
      <c r="H29" s="114">
        <v>2273693</v>
      </c>
      <c r="I29" s="114">
        <v>1934868</v>
      </c>
      <c r="J29" s="114">
        <v>1436495</v>
      </c>
      <c r="K29" s="114">
        <v>2626915</v>
      </c>
      <c r="L29" s="173">
        <v>10156102</v>
      </c>
      <c r="M29" s="116">
        <v>10588982</v>
      </c>
      <c r="N29" s="110">
        <v>30744</v>
      </c>
      <c r="O29" s="114">
        <v>148494</v>
      </c>
      <c r="P29" s="113">
        <v>179238</v>
      </c>
      <c r="Q29" s="110">
        <v>0</v>
      </c>
      <c r="R29" s="114">
        <v>487249</v>
      </c>
      <c r="S29" s="114">
        <v>356686</v>
      </c>
      <c r="T29" s="114">
        <v>740262</v>
      </c>
      <c r="U29" s="114">
        <v>545394</v>
      </c>
      <c r="V29" s="114">
        <v>1147405</v>
      </c>
      <c r="W29" s="113">
        <v>3276996</v>
      </c>
      <c r="X29" s="116">
        <v>3456234</v>
      </c>
      <c r="Y29" s="110">
        <v>0</v>
      </c>
      <c r="Z29" s="114">
        <v>0</v>
      </c>
      <c r="AA29" s="113">
        <v>0</v>
      </c>
      <c r="AB29" s="110">
        <v>0</v>
      </c>
      <c r="AC29" s="114">
        <v>217090</v>
      </c>
      <c r="AD29" s="114">
        <v>193008</v>
      </c>
      <c r="AE29" s="114">
        <v>414767</v>
      </c>
      <c r="AF29" s="114">
        <v>206004</v>
      </c>
      <c r="AG29" s="114">
        <v>778139</v>
      </c>
      <c r="AH29" s="113">
        <v>1809008</v>
      </c>
      <c r="AI29" s="116">
        <v>1809008</v>
      </c>
      <c r="AJ29" s="110">
        <v>0</v>
      </c>
      <c r="AK29" s="114">
        <v>0</v>
      </c>
      <c r="AL29" s="113">
        <v>0</v>
      </c>
      <c r="AM29" s="110">
        <v>0</v>
      </c>
      <c r="AN29" s="114">
        <v>0</v>
      </c>
      <c r="AO29" s="114">
        <v>0</v>
      </c>
      <c r="AP29" s="114">
        <v>0</v>
      </c>
      <c r="AQ29" s="114">
        <v>0</v>
      </c>
      <c r="AR29" s="114">
        <v>125429</v>
      </c>
      <c r="AS29" s="113">
        <v>125429</v>
      </c>
      <c r="AT29" s="116">
        <v>125429</v>
      </c>
      <c r="AU29" s="110">
        <v>7294</v>
      </c>
      <c r="AV29" s="114">
        <v>128082</v>
      </c>
      <c r="AW29" s="113">
        <v>135376</v>
      </c>
      <c r="AX29" s="110">
        <v>0</v>
      </c>
      <c r="AY29" s="114">
        <v>178634</v>
      </c>
      <c r="AZ29" s="114">
        <v>35809</v>
      </c>
      <c r="BA29" s="114">
        <v>228342</v>
      </c>
      <c r="BB29" s="114">
        <v>222315</v>
      </c>
      <c r="BC29" s="114">
        <v>74895</v>
      </c>
      <c r="BD29" s="113">
        <v>739995</v>
      </c>
      <c r="BE29" s="116">
        <v>875371</v>
      </c>
      <c r="BF29" s="110">
        <v>0</v>
      </c>
      <c r="BG29" s="114">
        <v>0</v>
      </c>
      <c r="BH29" s="112">
        <v>0</v>
      </c>
      <c r="BI29" s="111">
        <v>0</v>
      </c>
      <c r="BJ29" s="114">
        <v>0</v>
      </c>
      <c r="BK29" s="114">
        <v>0</v>
      </c>
      <c r="BL29" s="114">
        <v>0</v>
      </c>
      <c r="BM29" s="114">
        <v>0</v>
      </c>
      <c r="BN29" s="114">
        <v>9496</v>
      </c>
      <c r="BO29" s="113">
        <v>9496</v>
      </c>
      <c r="BP29" s="116">
        <v>9496</v>
      </c>
      <c r="BQ29" s="110">
        <v>23450</v>
      </c>
      <c r="BR29" s="114">
        <v>20412</v>
      </c>
      <c r="BS29" s="113">
        <v>43862</v>
      </c>
      <c r="BT29" s="110">
        <v>0</v>
      </c>
      <c r="BU29" s="114">
        <v>91525</v>
      </c>
      <c r="BV29" s="114">
        <v>127869</v>
      </c>
      <c r="BW29" s="114">
        <v>97153</v>
      </c>
      <c r="BX29" s="114">
        <v>117075</v>
      </c>
      <c r="BY29" s="114">
        <v>159446</v>
      </c>
      <c r="BZ29" s="113">
        <v>593068</v>
      </c>
      <c r="CA29" s="116">
        <v>636930</v>
      </c>
      <c r="CB29" s="110">
        <v>17874</v>
      </c>
      <c r="CC29" s="114">
        <v>0</v>
      </c>
      <c r="CD29" s="113">
        <v>17874</v>
      </c>
      <c r="CE29" s="110">
        <v>0</v>
      </c>
      <c r="CF29" s="114">
        <v>560032</v>
      </c>
      <c r="CG29" s="114">
        <v>625906</v>
      </c>
      <c r="CH29" s="114">
        <v>231973</v>
      </c>
      <c r="CI29" s="114">
        <v>68166</v>
      </c>
      <c r="CJ29" s="114">
        <v>367326</v>
      </c>
      <c r="CK29" s="113">
        <v>1853403</v>
      </c>
      <c r="CL29" s="116">
        <v>1871277</v>
      </c>
      <c r="CM29" s="110">
        <v>0</v>
      </c>
      <c r="CN29" s="114">
        <v>0</v>
      </c>
      <c r="CO29" s="113">
        <v>0</v>
      </c>
      <c r="CP29" s="111">
        <v>0</v>
      </c>
      <c r="CQ29" s="114">
        <v>416826</v>
      </c>
      <c r="CR29" s="114">
        <v>275234</v>
      </c>
      <c r="CS29" s="114">
        <v>205357</v>
      </c>
      <c r="CT29" s="114">
        <v>68166</v>
      </c>
      <c r="CU29" s="114">
        <v>161136</v>
      </c>
      <c r="CV29" s="113">
        <v>1126719</v>
      </c>
      <c r="CW29" s="116">
        <v>1126719</v>
      </c>
      <c r="CX29" s="110">
        <v>17874</v>
      </c>
      <c r="CY29" s="114">
        <v>0</v>
      </c>
      <c r="CZ29" s="113">
        <v>17874</v>
      </c>
      <c r="DA29" s="110">
        <v>0</v>
      </c>
      <c r="DB29" s="114">
        <v>143206</v>
      </c>
      <c r="DC29" s="114">
        <v>350672</v>
      </c>
      <c r="DD29" s="114">
        <v>26616</v>
      </c>
      <c r="DE29" s="114">
        <v>0</v>
      </c>
      <c r="DF29" s="114">
        <v>206190</v>
      </c>
      <c r="DG29" s="113">
        <v>726684</v>
      </c>
      <c r="DH29" s="116">
        <v>744558</v>
      </c>
      <c r="DI29" s="110">
        <v>0</v>
      </c>
      <c r="DJ29" s="114">
        <v>0</v>
      </c>
      <c r="DK29" s="112">
        <v>0</v>
      </c>
      <c r="DL29" s="111">
        <v>0</v>
      </c>
      <c r="DM29" s="114">
        <v>26356</v>
      </c>
      <c r="DN29" s="114">
        <v>130277</v>
      </c>
      <c r="DO29" s="114">
        <v>291081</v>
      </c>
      <c r="DP29" s="114">
        <v>0</v>
      </c>
      <c r="DQ29" s="114">
        <v>106372</v>
      </c>
      <c r="DR29" s="113">
        <v>554086</v>
      </c>
      <c r="DS29" s="116">
        <v>554086</v>
      </c>
      <c r="DT29" s="110">
        <v>0</v>
      </c>
      <c r="DU29" s="114">
        <v>0</v>
      </c>
      <c r="DV29" s="113">
        <v>0</v>
      </c>
      <c r="DW29" s="110">
        <v>0</v>
      </c>
      <c r="DX29" s="114">
        <v>26356</v>
      </c>
      <c r="DY29" s="114">
        <v>130277</v>
      </c>
      <c r="DZ29" s="114">
        <v>291081</v>
      </c>
      <c r="EA29" s="114">
        <v>0</v>
      </c>
      <c r="EB29" s="114">
        <v>106372</v>
      </c>
      <c r="EC29" s="113">
        <v>554086</v>
      </c>
      <c r="ED29" s="116">
        <v>554086</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5"/>
      <c r="FE29" s="114">
        <v>0</v>
      </c>
      <c r="FF29" s="114">
        <v>0</v>
      </c>
      <c r="FG29" s="114">
        <v>0</v>
      </c>
      <c r="FH29" s="114">
        <v>0</v>
      </c>
      <c r="FI29" s="114">
        <v>0</v>
      </c>
      <c r="FJ29" s="113">
        <v>0</v>
      </c>
      <c r="FK29" s="116">
        <v>0</v>
      </c>
      <c r="FL29" s="110">
        <v>21490</v>
      </c>
      <c r="FM29" s="114">
        <v>44943</v>
      </c>
      <c r="FN29" s="113">
        <v>66433</v>
      </c>
      <c r="FO29" s="110">
        <v>0</v>
      </c>
      <c r="FP29" s="114">
        <v>120288</v>
      </c>
      <c r="FQ29" s="114">
        <v>169330</v>
      </c>
      <c r="FR29" s="114">
        <v>153615</v>
      </c>
      <c r="FS29" s="114">
        <v>85225</v>
      </c>
      <c r="FT29" s="114">
        <v>195734</v>
      </c>
      <c r="FU29" s="113">
        <v>724192</v>
      </c>
      <c r="FV29" s="116">
        <v>790625</v>
      </c>
      <c r="FW29" s="115">
        <v>21490</v>
      </c>
      <c r="FX29" s="114">
        <v>32816</v>
      </c>
      <c r="FY29" s="112">
        <v>54306</v>
      </c>
      <c r="FZ29" s="111">
        <v>0</v>
      </c>
      <c r="GA29" s="114">
        <v>34188</v>
      </c>
      <c r="GB29" s="114">
        <v>152530</v>
      </c>
      <c r="GC29" s="114">
        <v>153615</v>
      </c>
      <c r="GD29" s="114">
        <v>85225</v>
      </c>
      <c r="GE29" s="114">
        <v>195734</v>
      </c>
      <c r="GF29" s="113">
        <v>621292</v>
      </c>
      <c r="GG29" s="316">
        <v>675598</v>
      </c>
      <c r="GH29" s="115">
        <v>0</v>
      </c>
      <c r="GI29" s="114">
        <v>12127</v>
      </c>
      <c r="GJ29" s="112">
        <v>12127</v>
      </c>
      <c r="GK29" s="111">
        <v>0</v>
      </c>
      <c r="GL29" s="114">
        <v>0</v>
      </c>
      <c r="GM29" s="114">
        <v>0</v>
      </c>
      <c r="GN29" s="114">
        <v>0</v>
      </c>
      <c r="GO29" s="114">
        <v>0</v>
      </c>
      <c r="GP29" s="114">
        <v>0</v>
      </c>
      <c r="GQ29" s="113">
        <v>0</v>
      </c>
      <c r="GR29" s="116">
        <v>12127</v>
      </c>
      <c r="GS29" s="110">
        <v>0</v>
      </c>
      <c r="GT29" s="114">
        <v>0</v>
      </c>
      <c r="GU29" s="113">
        <v>0</v>
      </c>
      <c r="GV29" s="110">
        <v>0</v>
      </c>
      <c r="GW29" s="114">
        <v>86100</v>
      </c>
      <c r="GX29" s="114">
        <v>16800</v>
      </c>
      <c r="GY29" s="114">
        <v>0</v>
      </c>
      <c r="GZ29" s="114">
        <v>0</v>
      </c>
      <c r="HA29" s="114">
        <v>0</v>
      </c>
      <c r="HB29" s="112">
        <v>102900</v>
      </c>
      <c r="HC29" s="116">
        <v>102900</v>
      </c>
      <c r="HD29" s="110">
        <v>92320</v>
      </c>
      <c r="HE29" s="114">
        <v>77015</v>
      </c>
      <c r="HF29" s="112">
        <v>169335</v>
      </c>
      <c r="HG29" s="111">
        <v>0</v>
      </c>
      <c r="HH29" s="114">
        <v>690206</v>
      </c>
      <c r="HI29" s="114">
        <v>991494</v>
      </c>
      <c r="HJ29" s="114">
        <v>517937</v>
      </c>
      <c r="HK29" s="114">
        <v>737710</v>
      </c>
      <c r="HL29" s="114">
        <v>810078</v>
      </c>
      <c r="HM29" s="113">
        <v>3747425</v>
      </c>
      <c r="HN29" s="109">
        <v>3916760</v>
      </c>
      <c r="HO29" s="326"/>
      <c r="HP29" s="327"/>
      <c r="HQ29" s="328"/>
      <c r="HR29" s="329"/>
      <c r="HS29" s="327"/>
      <c r="HT29" s="327"/>
      <c r="HU29" s="327"/>
      <c r="HV29" s="327"/>
      <c r="HW29" s="327"/>
      <c r="HX29" s="330"/>
      <c r="HY29" s="331"/>
      <c r="HZ29" s="131">
        <v>0</v>
      </c>
      <c r="IA29" s="132">
        <v>0</v>
      </c>
      <c r="IB29" s="133">
        <v>0</v>
      </c>
      <c r="IC29" s="146">
        <v>0</v>
      </c>
      <c r="ID29" s="132">
        <v>267883</v>
      </c>
      <c r="IE29" s="147">
        <v>0</v>
      </c>
      <c r="IF29" s="133">
        <v>741294</v>
      </c>
      <c r="IG29" s="132">
        <v>189329</v>
      </c>
      <c r="IH29" s="133">
        <v>326376</v>
      </c>
      <c r="II29" s="148">
        <v>1524882</v>
      </c>
      <c r="IJ29" s="139">
        <v>1524882</v>
      </c>
      <c r="IK29" s="232">
        <v>0</v>
      </c>
      <c r="IL29" s="236">
        <v>0</v>
      </c>
      <c r="IM29" s="237">
        <v>0</v>
      </c>
      <c r="IN29" s="140"/>
      <c r="IO29" s="119">
        <v>0</v>
      </c>
      <c r="IP29" s="119">
        <v>0</v>
      </c>
      <c r="IQ29" s="119">
        <v>78270</v>
      </c>
      <c r="IR29" s="119">
        <v>189329</v>
      </c>
      <c r="IS29" s="119">
        <v>0</v>
      </c>
      <c r="IT29" s="141">
        <v>267599</v>
      </c>
      <c r="IU29" s="318">
        <v>267599</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0</v>
      </c>
      <c r="JM29" s="119">
        <v>10402</v>
      </c>
      <c r="JN29" s="119">
        <v>0</v>
      </c>
      <c r="JO29" s="119">
        <v>0</v>
      </c>
      <c r="JP29" s="120">
        <v>10402</v>
      </c>
      <c r="JQ29" s="318">
        <v>10402</v>
      </c>
      <c r="JR29" s="142">
        <v>0</v>
      </c>
      <c r="JS29" s="119">
        <v>0</v>
      </c>
      <c r="JT29" s="141">
        <v>0</v>
      </c>
      <c r="JU29" s="118">
        <v>0</v>
      </c>
      <c r="JV29" s="119">
        <v>0</v>
      </c>
      <c r="JW29" s="119">
        <v>0</v>
      </c>
      <c r="JX29" s="119">
        <v>87430</v>
      </c>
      <c r="JY29" s="119">
        <v>0</v>
      </c>
      <c r="JZ29" s="119">
        <v>113280</v>
      </c>
      <c r="KA29" s="120">
        <v>200710</v>
      </c>
      <c r="KB29" s="318">
        <v>200710</v>
      </c>
      <c r="KC29" s="234">
        <v>0</v>
      </c>
      <c r="KD29" s="230">
        <v>0</v>
      </c>
      <c r="KE29" s="120">
        <v>0</v>
      </c>
      <c r="KF29" s="118">
        <v>0</v>
      </c>
      <c r="KG29" s="119">
        <v>267883</v>
      </c>
      <c r="KH29" s="119">
        <v>0</v>
      </c>
      <c r="KI29" s="119">
        <v>358078</v>
      </c>
      <c r="KJ29" s="119">
        <v>0</v>
      </c>
      <c r="KK29" s="119">
        <v>0</v>
      </c>
      <c r="KL29" s="120">
        <v>625961</v>
      </c>
      <c r="KM29" s="143">
        <v>625961</v>
      </c>
      <c r="KN29" s="232">
        <v>0</v>
      </c>
      <c r="KO29" s="236">
        <v>0</v>
      </c>
      <c r="KP29" s="237">
        <v>0</v>
      </c>
      <c r="KQ29" s="140"/>
      <c r="KR29" s="119">
        <v>0</v>
      </c>
      <c r="KS29" s="119">
        <v>0</v>
      </c>
      <c r="KT29" s="119">
        <v>207114</v>
      </c>
      <c r="KU29" s="119">
        <v>0</v>
      </c>
      <c r="KV29" s="119">
        <v>213096</v>
      </c>
      <c r="KW29" s="120">
        <v>420210</v>
      </c>
      <c r="KX29" s="318">
        <v>420210</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18">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432553</v>
      </c>
      <c r="MM29" s="119">
        <v>1178887</v>
      </c>
      <c r="MN29" s="119">
        <v>482962</v>
      </c>
      <c r="MO29" s="120">
        <v>2094402</v>
      </c>
      <c r="MP29" s="143">
        <v>2094402</v>
      </c>
      <c r="MQ29" s="142">
        <v>0</v>
      </c>
      <c r="MR29" s="119">
        <v>0</v>
      </c>
      <c r="MS29" s="120">
        <v>0</v>
      </c>
      <c r="MT29" s="145"/>
      <c r="MU29" s="119">
        <v>0</v>
      </c>
      <c r="MV29" s="119">
        <v>0</v>
      </c>
      <c r="MW29" s="119">
        <v>432553</v>
      </c>
      <c r="MX29" s="119">
        <v>676446</v>
      </c>
      <c r="MY29" s="119">
        <v>482962</v>
      </c>
      <c r="MZ29" s="120">
        <v>1591961</v>
      </c>
      <c r="NA29" s="143">
        <v>1591961</v>
      </c>
      <c r="NB29" s="142">
        <v>0</v>
      </c>
      <c r="NC29" s="119">
        <v>0</v>
      </c>
      <c r="ND29" s="120">
        <v>0</v>
      </c>
      <c r="NE29" s="145">
        <v>0</v>
      </c>
      <c r="NF29" s="119">
        <v>0</v>
      </c>
      <c r="NG29" s="119">
        <v>0</v>
      </c>
      <c r="NH29" s="119">
        <v>0</v>
      </c>
      <c r="NI29" s="119">
        <v>502441</v>
      </c>
      <c r="NJ29" s="119">
        <v>0</v>
      </c>
      <c r="NK29" s="120">
        <v>502441</v>
      </c>
      <c r="NL29" s="318">
        <v>502441</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162428</v>
      </c>
      <c r="OJ29" s="119">
        <v>270452</v>
      </c>
      <c r="OK29" s="141">
        <v>432880</v>
      </c>
      <c r="OL29" s="118">
        <v>0</v>
      </c>
      <c r="OM29" s="119">
        <v>2152014</v>
      </c>
      <c r="ON29" s="119">
        <v>2273693</v>
      </c>
      <c r="OO29" s="119">
        <v>3108715</v>
      </c>
      <c r="OP29" s="119">
        <v>2804711</v>
      </c>
      <c r="OQ29" s="119">
        <v>3436253</v>
      </c>
      <c r="OR29" s="120">
        <v>13775386</v>
      </c>
      <c r="OS29" s="143">
        <v>14208266</v>
      </c>
    </row>
    <row r="30" spans="2:409" ht="21" customHeight="1" x14ac:dyDescent="0.2">
      <c r="B30" s="126" t="s">
        <v>25</v>
      </c>
      <c r="C30" s="110">
        <v>51191</v>
      </c>
      <c r="D30" s="114">
        <v>217292</v>
      </c>
      <c r="E30" s="113">
        <v>268483</v>
      </c>
      <c r="F30" s="109">
        <v>0</v>
      </c>
      <c r="G30" s="114">
        <v>653494</v>
      </c>
      <c r="H30" s="114">
        <v>1112963</v>
      </c>
      <c r="I30" s="114">
        <v>892088</v>
      </c>
      <c r="J30" s="114">
        <v>1352399</v>
      </c>
      <c r="K30" s="114">
        <v>1127724</v>
      </c>
      <c r="L30" s="173">
        <v>5138668</v>
      </c>
      <c r="M30" s="116">
        <v>5407151</v>
      </c>
      <c r="N30" s="110">
        <v>42203</v>
      </c>
      <c r="O30" s="114">
        <v>81568</v>
      </c>
      <c r="P30" s="113">
        <v>123771</v>
      </c>
      <c r="Q30" s="110">
        <v>0</v>
      </c>
      <c r="R30" s="114">
        <v>247017</v>
      </c>
      <c r="S30" s="114">
        <v>244512</v>
      </c>
      <c r="T30" s="114">
        <v>66333</v>
      </c>
      <c r="U30" s="114">
        <v>773457</v>
      </c>
      <c r="V30" s="114">
        <v>420379</v>
      </c>
      <c r="W30" s="113">
        <v>1751698</v>
      </c>
      <c r="X30" s="116">
        <v>1875469</v>
      </c>
      <c r="Y30" s="110">
        <v>0</v>
      </c>
      <c r="Z30" s="114">
        <v>0</v>
      </c>
      <c r="AA30" s="113">
        <v>0</v>
      </c>
      <c r="AB30" s="110">
        <v>0</v>
      </c>
      <c r="AC30" s="114">
        <v>107708</v>
      </c>
      <c r="AD30" s="114">
        <v>81100</v>
      </c>
      <c r="AE30" s="114">
        <v>19345</v>
      </c>
      <c r="AF30" s="114">
        <v>298909</v>
      </c>
      <c r="AG30" s="114">
        <v>22297</v>
      </c>
      <c r="AH30" s="113">
        <v>529359</v>
      </c>
      <c r="AI30" s="116">
        <v>529359</v>
      </c>
      <c r="AJ30" s="110">
        <v>0</v>
      </c>
      <c r="AK30" s="114">
        <v>0</v>
      </c>
      <c r="AL30" s="113">
        <v>0</v>
      </c>
      <c r="AM30" s="110">
        <v>0</v>
      </c>
      <c r="AN30" s="114">
        <v>0</v>
      </c>
      <c r="AO30" s="114">
        <v>0</v>
      </c>
      <c r="AP30" s="114">
        <v>0</v>
      </c>
      <c r="AQ30" s="114">
        <v>340658</v>
      </c>
      <c r="AR30" s="114">
        <v>264873</v>
      </c>
      <c r="AS30" s="113">
        <v>605531</v>
      </c>
      <c r="AT30" s="116">
        <v>605531</v>
      </c>
      <c r="AU30" s="110">
        <v>21525</v>
      </c>
      <c r="AV30" s="114">
        <v>75310</v>
      </c>
      <c r="AW30" s="113">
        <v>96835</v>
      </c>
      <c r="AX30" s="110">
        <v>0</v>
      </c>
      <c r="AY30" s="114">
        <v>121725</v>
      </c>
      <c r="AZ30" s="114">
        <v>159786</v>
      </c>
      <c r="BA30" s="114">
        <v>19968</v>
      </c>
      <c r="BB30" s="114">
        <v>106828</v>
      </c>
      <c r="BC30" s="114">
        <v>95990</v>
      </c>
      <c r="BD30" s="113">
        <v>504297</v>
      </c>
      <c r="BE30" s="116">
        <v>601132</v>
      </c>
      <c r="BF30" s="110">
        <v>0</v>
      </c>
      <c r="BG30" s="114">
        <v>0</v>
      </c>
      <c r="BH30" s="112">
        <v>0</v>
      </c>
      <c r="BI30" s="111">
        <v>0</v>
      </c>
      <c r="BJ30" s="114">
        <v>0</v>
      </c>
      <c r="BK30" s="114">
        <v>0</v>
      </c>
      <c r="BL30" s="114">
        <v>0</v>
      </c>
      <c r="BM30" s="114">
        <v>0</v>
      </c>
      <c r="BN30" s="114">
        <v>0</v>
      </c>
      <c r="BO30" s="113">
        <v>0</v>
      </c>
      <c r="BP30" s="116">
        <v>0</v>
      </c>
      <c r="BQ30" s="110">
        <v>20678</v>
      </c>
      <c r="BR30" s="114">
        <v>6258</v>
      </c>
      <c r="BS30" s="113">
        <v>26936</v>
      </c>
      <c r="BT30" s="110">
        <v>0</v>
      </c>
      <c r="BU30" s="114">
        <v>17584</v>
      </c>
      <c r="BV30" s="114">
        <v>3626</v>
      </c>
      <c r="BW30" s="114">
        <v>27020</v>
      </c>
      <c r="BX30" s="114">
        <v>27062</v>
      </c>
      <c r="BY30" s="114">
        <v>37219</v>
      </c>
      <c r="BZ30" s="113">
        <v>112511</v>
      </c>
      <c r="CA30" s="116">
        <v>139447</v>
      </c>
      <c r="CB30" s="110">
        <v>0</v>
      </c>
      <c r="CC30" s="114">
        <v>63456</v>
      </c>
      <c r="CD30" s="113">
        <v>63456</v>
      </c>
      <c r="CE30" s="110">
        <v>0</v>
      </c>
      <c r="CF30" s="114">
        <v>306282</v>
      </c>
      <c r="CG30" s="114">
        <v>329777</v>
      </c>
      <c r="CH30" s="114">
        <v>208321</v>
      </c>
      <c r="CI30" s="114">
        <v>68474</v>
      </c>
      <c r="CJ30" s="114">
        <v>118775</v>
      </c>
      <c r="CK30" s="113">
        <v>1031629</v>
      </c>
      <c r="CL30" s="116">
        <v>1095085</v>
      </c>
      <c r="CM30" s="110">
        <v>0</v>
      </c>
      <c r="CN30" s="114">
        <v>0</v>
      </c>
      <c r="CO30" s="113">
        <v>0</v>
      </c>
      <c r="CP30" s="111">
        <v>0</v>
      </c>
      <c r="CQ30" s="114">
        <v>169374</v>
      </c>
      <c r="CR30" s="114">
        <v>91952</v>
      </c>
      <c r="CS30" s="114">
        <v>209894</v>
      </c>
      <c r="CT30" s="114">
        <v>68474</v>
      </c>
      <c r="CU30" s="114">
        <v>0</v>
      </c>
      <c r="CV30" s="113">
        <v>539694</v>
      </c>
      <c r="CW30" s="116">
        <v>539694</v>
      </c>
      <c r="CX30" s="110">
        <v>0</v>
      </c>
      <c r="CY30" s="114">
        <v>63456</v>
      </c>
      <c r="CZ30" s="113">
        <v>63456</v>
      </c>
      <c r="DA30" s="110">
        <v>0</v>
      </c>
      <c r="DB30" s="114">
        <v>136908</v>
      </c>
      <c r="DC30" s="114">
        <v>237825</v>
      </c>
      <c r="DD30" s="114">
        <v>-1573</v>
      </c>
      <c r="DE30" s="114">
        <v>0</v>
      </c>
      <c r="DF30" s="114">
        <v>118775</v>
      </c>
      <c r="DG30" s="113">
        <v>491935</v>
      </c>
      <c r="DH30" s="116">
        <v>555391</v>
      </c>
      <c r="DI30" s="110">
        <v>0</v>
      </c>
      <c r="DJ30" s="114">
        <v>0</v>
      </c>
      <c r="DK30" s="112">
        <v>0</v>
      </c>
      <c r="DL30" s="111">
        <v>0</v>
      </c>
      <c r="DM30" s="114">
        <v>54485</v>
      </c>
      <c r="DN30" s="114">
        <v>159749</v>
      </c>
      <c r="DO30" s="114">
        <v>178222</v>
      </c>
      <c r="DP30" s="114">
        <v>0</v>
      </c>
      <c r="DQ30" s="114">
        <v>85466</v>
      </c>
      <c r="DR30" s="113">
        <v>477922</v>
      </c>
      <c r="DS30" s="116">
        <v>477922</v>
      </c>
      <c r="DT30" s="110">
        <v>0</v>
      </c>
      <c r="DU30" s="114">
        <v>0</v>
      </c>
      <c r="DV30" s="113">
        <v>0</v>
      </c>
      <c r="DW30" s="110">
        <v>0</v>
      </c>
      <c r="DX30" s="114">
        <v>54485</v>
      </c>
      <c r="DY30" s="114">
        <v>126327</v>
      </c>
      <c r="DZ30" s="114">
        <v>178222</v>
      </c>
      <c r="EA30" s="114">
        <v>0</v>
      </c>
      <c r="EB30" s="114">
        <v>0</v>
      </c>
      <c r="EC30" s="113">
        <v>359034</v>
      </c>
      <c r="ED30" s="116">
        <v>359034</v>
      </c>
      <c r="EE30" s="110">
        <v>0</v>
      </c>
      <c r="EF30" s="112">
        <v>0</v>
      </c>
      <c r="EG30" s="113">
        <v>0</v>
      </c>
      <c r="EH30" s="110">
        <v>0</v>
      </c>
      <c r="EI30" s="114">
        <v>0</v>
      </c>
      <c r="EJ30" s="114">
        <v>33422</v>
      </c>
      <c r="EK30" s="114">
        <v>0</v>
      </c>
      <c r="EL30" s="114">
        <v>0</v>
      </c>
      <c r="EM30" s="114">
        <v>85466</v>
      </c>
      <c r="EN30" s="112">
        <v>118888</v>
      </c>
      <c r="EO30" s="116">
        <v>118888</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5"/>
      <c r="FE30" s="114">
        <v>0</v>
      </c>
      <c r="FF30" s="114">
        <v>0</v>
      </c>
      <c r="FG30" s="114">
        <v>0</v>
      </c>
      <c r="FH30" s="114">
        <v>0</v>
      </c>
      <c r="FI30" s="114">
        <v>0</v>
      </c>
      <c r="FJ30" s="113">
        <v>0</v>
      </c>
      <c r="FK30" s="116">
        <v>0</v>
      </c>
      <c r="FL30" s="110">
        <v>8988</v>
      </c>
      <c r="FM30" s="114">
        <v>72268</v>
      </c>
      <c r="FN30" s="113">
        <v>81256</v>
      </c>
      <c r="FO30" s="110">
        <v>0</v>
      </c>
      <c r="FP30" s="114">
        <v>45710</v>
      </c>
      <c r="FQ30" s="114">
        <v>229656</v>
      </c>
      <c r="FR30" s="114">
        <v>40495</v>
      </c>
      <c r="FS30" s="114">
        <v>147777</v>
      </c>
      <c r="FT30" s="114">
        <v>103495</v>
      </c>
      <c r="FU30" s="113">
        <v>567133</v>
      </c>
      <c r="FV30" s="116">
        <v>648389</v>
      </c>
      <c r="FW30" s="115">
        <v>8988</v>
      </c>
      <c r="FX30" s="114">
        <v>43932</v>
      </c>
      <c r="FY30" s="112">
        <v>52920</v>
      </c>
      <c r="FZ30" s="111">
        <v>0</v>
      </c>
      <c r="GA30" s="114">
        <v>45710</v>
      </c>
      <c r="GB30" s="114">
        <v>89656</v>
      </c>
      <c r="GC30" s="114">
        <v>40495</v>
      </c>
      <c r="GD30" s="114">
        <v>147777</v>
      </c>
      <c r="GE30" s="114">
        <v>103495</v>
      </c>
      <c r="GF30" s="113">
        <v>427133</v>
      </c>
      <c r="GG30" s="316">
        <v>480053</v>
      </c>
      <c r="GH30" s="115">
        <v>0</v>
      </c>
      <c r="GI30" s="114">
        <v>28336</v>
      </c>
      <c r="GJ30" s="112">
        <v>28336</v>
      </c>
      <c r="GK30" s="111">
        <v>0</v>
      </c>
      <c r="GL30" s="114">
        <v>0</v>
      </c>
      <c r="GM30" s="114">
        <v>0</v>
      </c>
      <c r="GN30" s="114">
        <v>0</v>
      </c>
      <c r="GO30" s="114">
        <v>0</v>
      </c>
      <c r="GP30" s="114">
        <v>0</v>
      </c>
      <c r="GQ30" s="113">
        <v>0</v>
      </c>
      <c r="GR30" s="116">
        <v>28336</v>
      </c>
      <c r="GS30" s="110">
        <v>0</v>
      </c>
      <c r="GT30" s="114">
        <v>0</v>
      </c>
      <c r="GU30" s="113">
        <v>0</v>
      </c>
      <c r="GV30" s="110">
        <v>0</v>
      </c>
      <c r="GW30" s="114">
        <v>0</v>
      </c>
      <c r="GX30" s="114">
        <v>140000</v>
      </c>
      <c r="GY30" s="114">
        <v>0</v>
      </c>
      <c r="GZ30" s="114">
        <v>0</v>
      </c>
      <c r="HA30" s="114">
        <v>0</v>
      </c>
      <c r="HB30" s="112">
        <v>140000</v>
      </c>
      <c r="HC30" s="116">
        <v>140000</v>
      </c>
      <c r="HD30" s="110">
        <v>0</v>
      </c>
      <c r="HE30" s="114">
        <v>0</v>
      </c>
      <c r="HF30" s="112">
        <v>0</v>
      </c>
      <c r="HG30" s="111">
        <v>0</v>
      </c>
      <c r="HH30" s="114">
        <v>0</v>
      </c>
      <c r="HI30" s="114">
        <v>149269</v>
      </c>
      <c r="HJ30" s="114">
        <v>398717</v>
      </c>
      <c r="HK30" s="114">
        <v>362691</v>
      </c>
      <c r="HL30" s="114">
        <v>399609</v>
      </c>
      <c r="HM30" s="113">
        <v>1310286</v>
      </c>
      <c r="HN30" s="109">
        <v>1310286</v>
      </c>
      <c r="HO30" s="326"/>
      <c r="HP30" s="327"/>
      <c r="HQ30" s="328"/>
      <c r="HR30" s="329"/>
      <c r="HS30" s="327"/>
      <c r="HT30" s="327"/>
      <c r="HU30" s="327"/>
      <c r="HV30" s="327"/>
      <c r="HW30" s="327"/>
      <c r="HX30" s="330"/>
      <c r="HY30" s="331"/>
      <c r="HZ30" s="150">
        <v>0</v>
      </c>
      <c r="IA30" s="135">
        <v>0</v>
      </c>
      <c r="IB30" s="150">
        <v>0</v>
      </c>
      <c r="IC30" s="134">
        <v>0</v>
      </c>
      <c r="ID30" s="135">
        <v>304965</v>
      </c>
      <c r="IE30" s="136">
        <v>17299</v>
      </c>
      <c r="IF30" s="137">
        <v>0</v>
      </c>
      <c r="IG30" s="135">
        <v>0</v>
      </c>
      <c r="IH30" s="137">
        <v>0</v>
      </c>
      <c r="II30" s="138">
        <v>322264</v>
      </c>
      <c r="IJ30" s="150">
        <v>322264</v>
      </c>
      <c r="IK30" s="232">
        <v>0</v>
      </c>
      <c r="IL30" s="236">
        <v>0</v>
      </c>
      <c r="IM30" s="237">
        <v>0</v>
      </c>
      <c r="IN30" s="140"/>
      <c r="IO30" s="119">
        <v>0</v>
      </c>
      <c r="IP30" s="119">
        <v>0</v>
      </c>
      <c r="IQ30" s="119">
        <v>0</v>
      </c>
      <c r="IR30" s="119">
        <v>0</v>
      </c>
      <c r="IS30" s="119">
        <v>0</v>
      </c>
      <c r="IT30" s="141">
        <v>0</v>
      </c>
      <c r="IU30" s="318">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112113</v>
      </c>
      <c r="JL30" s="119">
        <v>17299</v>
      </c>
      <c r="JM30" s="119">
        <v>0</v>
      </c>
      <c r="JN30" s="119">
        <v>0</v>
      </c>
      <c r="JO30" s="119">
        <v>0</v>
      </c>
      <c r="JP30" s="120">
        <v>129412</v>
      </c>
      <c r="JQ30" s="318">
        <v>129412</v>
      </c>
      <c r="JR30" s="142">
        <v>0</v>
      </c>
      <c r="JS30" s="119">
        <v>0</v>
      </c>
      <c r="JT30" s="141">
        <v>0</v>
      </c>
      <c r="JU30" s="118">
        <v>0</v>
      </c>
      <c r="JV30" s="119">
        <v>0</v>
      </c>
      <c r="JW30" s="119">
        <v>0</v>
      </c>
      <c r="JX30" s="119">
        <v>0</v>
      </c>
      <c r="JY30" s="119">
        <v>0</v>
      </c>
      <c r="JZ30" s="119">
        <v>0</v>
      </c>
      <c r="KA30" s="120">
        <v>0</v>
      </c>
      <c r="KB30" s="318">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192852</v>
      </c>
      <c r="KS30" s="119">
        <v>0</v>
      </c>
      <c r="KT30" s="119">
        <v>0</v>
      </c>
      <c r="KU30" s="119">
        <v>0</v>
      </c>
      <c r="KV30" s="119">
        <v>0</v>
      </c>
      <c r="KW30" s="120">
        <v>192852</v>
      </c>
      <c r="KX30" s="318">
        <v>192852</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18">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617801</v>
      </c>
      <c r="MM30" s="119">
        <v>995409</v>
      </c>
      <c r="MN30" s="119">
        <v>227269</v>
      </c>
      <c r="MO30" s="120">
        <v>1840479</v>
      </c>
      <c r="MP30" s="143">
        <v>1840479</v>
      </c>
      <c r="MQ30" s="142">
        <v>0</v>
      </c>
      <c r="MR30" s="119">
        <v>0</v>
      </c>
      <c r="MS30" s="120">
        <v>0</v>
      </c>
      <c r="MT30" s="145"/>
      <c r="MU30" s="119">
        <v>0</v>
      </c>
      <c r="MV30" s="119">
        <v>0</v>
      </c>
      <c r="MW30" s="119">
        <v>617801</v>
      </c>
      <c r="MX30" s="119">
        <v>210715</v>
      </c>
      <c r="MY30" s="119">
        <v>227269</v>
      </c>
      <c r="MZ30" s="120">
        <v>1055785</v>
      </c>
      <c r="NA30" s="143">
        <v>1055785</v>
      </c>
      <c r="NB30" s="142">
        <v>0</v>
      </c>
      <c r="NC30" s="119">
        <v>0</v>
      </c>
      <c r="ND30" s="120">
        <v>0</v>
      </c>
      <c r="NE30" s="145">
        <v>0</v>
      </c>
      <c r="NF30" s="119">
        <v>0</v>
      </c>
      <c r="NG30" s="119">
        <v>0</v>
      </c>
      <c r="NH30" s="119">
        <v>0</v>
      </c>
      <c r="NI30" s="119">
        <v>483146</v>
      </c>
      <c r="NJ30" s="119">
        <v>0</v>
      </c>
      <c r="NK30" s="120">
        <v>483146</v>
      </c>
      <c r="NL30" s="318">
        <v>483146</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301548</v>
      </c>
      <c r="OF30" s="119">
        <v>0</v>
      </c>
      <c r="OG30" s="120">
        <v>301548</v>
      </c>
      <c r="OH30" s="121">
        <v>301548</v>
      </c>
      <c r="OI30" s="142">
        <v>51191</v>
      </c>
      <c r="OJ30" s="119">
        <v>217292</v>
      </c>
      <c r="OK30" s="141">
        <v>268483</v>
      </c>
      <c r="OL30" s="118">
        <v>0</v>
      </c>
      <c r="OM30" s="119">
        <v>958459</v>
      </c>
      <c r="ON30" s="119">
        <v>1130262</v>
      </c>
      <c r="OO30" s="119">
        <v>1509889</v>
      </c>
      <c r="OP30" s="119">
        <v>2347808</v>
      </c>
      <c r="OQ30" s="119">
        <v>1354993</v>
      </c>
      <c r="OR30" s="120">
        <v>7301411</v>
      </c>
      <c r="OS30" s="143">
        <v>7569894</v>
      </c>
    </row>
    <row r="31" spans="2:409" ht="21" customHeight="1" x14ac:dyDescent="0.2">
      <c r="B31" s="126" t="s">
        <v>26</v>
      </c>
      <c r="C31" s="110">
        <v>188928</v>
      </c>
      <c r="D31" s="114">
        <v>283498</v>
      </c>
      <c r="E31" s="113">
        <v>472426</v>
      </c>
      <c r="F31" s="109">
        <v>0</v>
      </c>
      <c r="G31" s="114">
        <v>900850</v>
      </c>
      <c r="H31" s="114">
        <v>1613110</v>
      </c>
      <c r="I31" s="114">
        <v>528514</v>
      </c>
      <c r="J31" s="114">
        <v>783956</v>
      </c>
      <c r="K31" s="114">
        <v>936472</v>
      </c>
      <c r="L31" s="173">
        <v>4762902</v>
      </c>
      <c r="M31" s="116">
        <v>5235328</v>
      </c>
      <c r="N31" s="110">
        <v>45262</v>
      </c>
      <c r="O31" s="114">
        <v>36180</v>
      </c>
      <c r="P31" s="113">
        <v>81442</v>
      </c>
      <c r="Q31" s="110">
        <v>0</v>
      </c>
      <c r="R31" s="114">
        <v>232277</v>
      </c>
      <c r="S31" s="114">
        <v>306111</v>
      </c>
      <c r="T31" s="114">
        <v>175058</v>
      </c>
      <c r="U31" s="114">
        <v>439293</v>
      </c>
      <c r="V31" s="114">
        <v>673746</v>
      </c>
      <c r="W31" s="113">
        <v>1826485</v>
      </c>
      <c r="X31" s="116">
        <v>1907927</v>
      </c>
      <c r="Y31" s="110">
        <v>0</v>
      </c>
      <c r="Z31" s="114">
        <v>0</v>
      </c>
      <c r="AA31" s="113">
        <v>0</v>
      </c>
      <c r="AB31" s="110">
        <v>0</v>
      </c>
      <c r="AC31" s="114">
        <v>65033</v>
      </c>
      <c r="AD31" s="114">
        <v>52852</v>
      </c>
      <c r="AE31" s="114">
        <v>120377</v>
      </c>
      <c r="AF31" s="114">
        <v>137924</v>
      </c>
      <c r="AG31" s="114">
        <v>415880</v>
      </c>
      <c r="AH31" s="113">
        <v>792066</v>
      </c>
      <c r="AI31" s="116">
        <v>792066</v>
      </c>
      <c r="AJ31" s="110">
        <v>0</v>
      </c>
      <c r="AK31" s="114">
        <v>0</v>
      </c>
      <c r="AL31" s="113">
        <v>0</v>
      </c>
      <c r="AM31" s="110">
        <v>0</v>
      </c>
      <c r="AN31" s="114">
        <v>0</v>
      </c>
      <c r="AO31" s="114">
        <v>0</v>
      </c>
      <c r="AP31" s="114">
        <v>0</v>
      </c>
      <c r="AQ31" s="114">
        <v>30978</v>
      </c>
      <c r="AR31" s="114">
        <v>42588</v>
      </c>
      <c r="AS31" s="113">
        <v>73566</v>
      </c>
      <c r="AT31" s="116">
        <v>73566</v>
      </c>
      <c r="AU31" s="110">
        <v>0</v>
      </c>
      <c r="AV31" s="114">
        <v>19926</v>
      </c>
      <c r="AW31" s="113">
        <v>19926</v>
      </c>
      <c r="AX31" s="110">
        <v>0</v>
      </c>
      <c r="AY31" s="114">
        <v>142842</v>
      </c>
      <c r="AZ31" s="114">
        <v>198134</v>
      </c>
      <c r="BA31" s="114">
        <v>52035</v>
      </c>
      <c r="BB31" s="114">
        <v>229049</v>
      </c>
      <c r="BC31" s="114">
        <v>175308</v>
      </c>
      <c r="BD31" s="113">
        <v>797368</v>
      </c>
      <c r="BE31" s="116">
        <v>817294</v>
      </c>
      <c r="BF31" s="110">
        <v>0</v>
      </c>
      <c r="BG31" s="114">
        <v>0</v>
      </c>
      <c r="BH31" s="112">
        <v>0</v>
      </c>
      <c r="BI31" s="111">
        <v>0</v>
      </c>
      <c r="BJ31" s="114">
        <v>0</v>
      </c>
      <c r="BK31" s="114">
        <v>0</v>
      </c>
      <c r="BL31" s="114">
        <v>0</v>
      </c>
      <c r="BM31" s="114">
        <v>0</v>
      </c>
      <c r="BN31" s="114">
        <v>0</v>
      </c>
      <c r="BO31" s="113">
        <v>0</v>
      </c>
      <c r="BP31" s="116">
        <v>0</v>
      </c>
      <c r="BQ31" s="110">
        <v>45262</v>
      </c>
      <c r="BR31" s="114">
        <v>16254</v>
      </c>
      <c r="BS31" s="113">
        <v>61516</v>
      </c>
      <c r="BT31" s="110">
        <v>0</v>
      </c>
      <c r="BU31" s="114">
        <v>24402</v>
      </c>
      <c r="BV31" s="114">
        <v>55125</v>
      </c>
      <c r="BW31" s="114">
        <v>2646</v>
      </c>
      <c r="BX31" s="114">
        <v>41342</v>
      </c>
      <c r="BY31" s="114">
        <v>39970</v>
      </c>
      <c r="BZ31" s="113">
        <v>163485</v>
      </c>
      <c r="CA31" s="116">
        <v>225001</v>
      </c>
      <c r="CB31" s="110">
        <v>0</v>
      </c>
      <c r="CC31" s="114">
        <v>31953</v>
      </c>
      <c r="CD31" s="113">
        <v>31953</v>
      </c>
      <c r="CE31" s="110">
        <v>0</v>
      </c>
      <c r="CF31" s="114">
        <v>351163</v>
      </c>
      <c r="CG31" s="114">
        <v>474469</v>
      </c>
      <c r="CH31" s="114">
        <v>199361</v>
      </c>
      <c r="CI31" s="114">
        <v>113210</v>
      </c>
      <c r="CJ31" s="114">
        <v>0</v>
      </c>
      <c r="CK31" s="113">
        <v>1138203</v>
      </c>
      <c r="CL31" s="116">
        <v>1170156</v>
      </c>
      <c r="CM31" s="110">
        <v>0</v>
      </c>
      <c r="CN31" s="114">
        <v>0</v>
      </c>
      <c r="CO31" s="113">
        <v>0</v>
      </c>
      <c r="CP31" s="111">
        <v>0</v>
      </c>
      <c r="CQ31" s="114">
        <v>240139</v>
      </c>
      <c r="CR31" s="114">
        <v>290096</v>
      </c>
      <c r="CS31" s="114">
        <v>133575</v>
      </c>
      <c r="CT31" s="114">
        <v>113210</v>
      </c>
      <c r="CU31" s="114">
        <v>0</v>
      </c>
      <c r="CV31" s="113">
        <v>777020</v>
      </c>
      <c r="CW31" s="116">
        <v>777020</v>
      </c>
      <c r="CX31" s="110">
        <v>0</v>
      </c>
      <c r="CY31" s="114">
        <v>31953</v>
      </c>
      <c r="CZ31" s="113">
        <v>31953</v>
      </c>
      <c r="DA31" s="110">
        <v>0</v>
      </c>
      <c r="DB31" s="114">
        <v>111024</v>
      </c>
      <c r="DC31" s="114">
        <v>184373</v>
      </c>
      <c r="DD31" s="114">
        <v>65786</v>
      </c>
      <c r="DE31" s="114">
        <v>0</v>
      </c>
      <c r="DF31" s="114">
        <v>0</v>
      </c>
      <c r="DG31" s="113">
        <v>361183</v>
      </c>
      <c r="DH31" s="116">
        <v>393136</v>
      </c>
      <c r="DI31" s="110">
        <v>0</v>
      </c>
      <c r="DJ31" s="114">
        <v>0</v>
      </c>
      <c r="DK31" s="112">
        <v>0</v>
      </c>
      <c r="DL31" s="111">
        <v>0</v>
      </c>
      <c r="DM31" s="114">
        <v>0</v>
      </c>
      <c r="DN31" s="114">
        <v>0</v>
      </c>
      <c r="DO31" s="114">
        <v>103583</v>
      </c>
      <c r="DP31" s="114">
        <v>162566</v>
      </c>
      <c r="DQ31" s="114">
        <v>0</v>
      </c>
      <c r="DR31" s="113">
        <v>266149</v>
      </c>
      <c r="DS31" s="116">
        <v>266149</v>
      </c>
      <c r="DT31" s="110">
        <v>0</v>
      </c>
      <c r="DU31" s="114">
        <v>0</v>
      </c>
      <c r="DV31" s="113">
        <v>0</v>
      </c>
      <c r="DW31" s="110">
        <v>0</v>
      </c>
      <c r="DX31" s="114">
        <v>0</v>
      </c>
      <c r="DY31" s="114">
        <v>0</v>
      </c>
      <c r="DZ31" s="114">
        <v>103583</v>
      </c>
      <c r="EA31" s="114">
        <v>162566</v>
      </c>
      <c r="EB31" s="114">
        <v>0</v>
      </c>
      <c r="EC31" s="113">
        <v>266149</v>
      </c>
      <c r="ED31" s="116">
        <v>266149</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5"/>
      <c r="FE31" s="114">
        <v>0</v>
      </c>
      <c r="FF31" s="114">
        <v>0</v>
      </c>
      <c r="FG31" s="114">
        <v>0</v>
      </c>
      <c r="FH31" s="114">
        <v>0</v>
      </c>
      <c r="FI31" s="114">
        <v>0</v>
      </c>
      <c r="FJ31" s="113">
        <v>0</v>
      </c>
      <c r="FK31" s="116">
        <v>0</v>
      </c>
      <c r="FL31" s="110">
        <v>3500</v>
      </c>
      <c r="FM31" s="114">
        <v>138463</v>
      </c>
      <c r="FN31" s="113">
        <v>141963</v>
      </c>
      <c r="FO31" s="110">
        <v>0</v>
      </c>
      <c r="FP31" s="114">
        <v>46515</v>
      </c>
      <c r="FQ31" s="114">
        <v>77336</v>
      </c>
      <c r="FR31" s="114">
        <v>50512</v>
      </c>
      <c r="FS31" s="114">
        <v>68887</v>
      </c>
      <c r="FT31" s="114">
        <v>66122</v>
      </c>
      <c r="FU31" s="113">
        <v>309372</v>
      </c>
      <c r="FV31" s="116">
        <v>451335</v>
      </c>
      <c r="FW31" s="115">
        <v>3500</v>
      </c>
      <c r="FX31" s="114">
        <v>16380</v>
      </c>
      <c r="FY31" s="112">
        <v>19880</v>
      </c>
      <c r="FZ31" s="111">
        <v>0</v>
      </c>
      <c r="GA31" s="114">
        <v>34580</v>
      </c>
      <c r="GB31" s="114">
        <v>77336</v>
      </c>
      <c r="GC31" s="114">
        <v>50512</v>
      </c>
      <c r="GD31" s="114">
        <v>68887</v>
      </c>
      <c r="GE31" s="114">
        <v>66122</v>
      </c>
      <c r="GF31" s="113">
        <v>297437</v>
      </c>
      <c r="GG31" s="316">
        <v>317317</v>
      </c>
      <c r="GH31" s="115">
        <v>0</v>
      </c>
      <c r="GI31" s="114">
        <v>0</v>
      </c>
      <c r="GJ31" s="112">
        <v>0</v>
      </c>
      <c r="GK31" s="111">
        <v>0</v>
      </c>
      <c r="GL31" s="114">
        <v>11935</v>
      </c>
      <c r="GM31" s="114">
        <v>0</v>
      </c>
      <c r="GN31" s="114">
        <v>0</v>
      </c>
      <c r="GO31" s="114">
        <v>0</v>
      </c>
      <c r="GP31" s="114">
        <v>0</v>
      </c>
      <c r="GQ31" s="113">
        <v>11935</v>
      </c>
      <c r="GR31" s="116">
        <v>11935</v>
      </c>
      <c r="GS31" s="110">
        <v>0</v>
      </c>
      <c r="GT31" s="114">
        <v>122083</v>
      </c>
      <c r="GU31" s="113">
        <v>122083</v>
      </c>
      <c r="GV31" s="110">
        <v>0</v>
      </c>
      <c r="GW31" s="114">
        <v>0</v>
      </c>
      <c r="GX31" s="114">
        <v>0</v>
      </c>
      <c r="GY31" s="114">
        <v>0</v>
      </c>
      <c r="GZ31" s="114">
        <v>0</v>
      </c>
      <c r="HA31" s="114">
        <v>0</v>
      </c>
      <c r="HB31" s="112">
        <v>0</v>
      </c>
      <c r="HC31" s="116">
        <v>122083</v>
      </c>
      <c r="HD31" s="110">
        <v>140166</v>
      </c>
      <c r="HE31" s="114">
        <v>76902</v>
      </c>
      <c r="HF31" s="112">
        <v>217068</v>
      </c>
      <c r="HG31" s="111">
        <v>0</v>
      </c>
      <c r="HH31" s="114">
        <v>270895</v>
      </c>
      <c r="HI31" s="114">
        <v>755194</v>
      </c>
      <c r="HJ31" s="114">
        <v>0</v>
      </c>
      <c r="HK31" s="114">
        <v>0</v>
      </c>
      <c r="HL31" s="114">
        <v>196604</v>
      </c>
      <c r="HM31" s="113">
        <v>1222693</v>
      </c>
      <c r="HN31" s="109">
        <v>1439761</v>
      </c>
      <c r="HO31" s="326"/>
      <c r="HP31" s="327"/>
      <c r="HQ31" s="328"/>
      <c r="HR31" s="329"/>
      <c r="HS31" s="327"/>
      <c r="HT31" s="327"/>
      <c r="HU31" s="327"/>
      <c r="HV31" s="327"/>
      <c r="HW31" s="327"/>
      <c r="HX31" s="330"/>
      <c r="HY31" s="331"/>
      <c r="HZ31" s="131">
        <v>0</v>
      </c>
      <c r="IA31" s="132">
        <v>0</v>
      </c>
      <c r="IB31" s="133">
        <v>0</v>
      </c>
      <c r="IC31" s="146">
        <v>0</v>
      </c>
      <c r="ID31" s="132">
        <v>207820</v>
      </c>
      <c r="IE31" s="147">
        <v>88208</v>
      </c>
      <c r="IF31" s="133">
        <v>228351</v>
      </c>
      <c r="IG31" s="132">
        <v>387205</v>
      </c>
      <c r="IH31" s="133">
        <v>0</v>
      </c>
      <c r="II31" s="148">
        <v>911584</v>
      </c>
      <c r="IJ31" s="139">
        <v>911584</v>
      </c>
      <c r="IK31" s="232">
        <v>0</v>
      </c>
      <c r="IL31" s="236">
        <v>0</v>
      </c>
      <c r="IM31" s="237">
        <v>0</v>
      </c>
      <c r="IN31" s="140"/>
      <c r="IO31" s="119">
        <v>0</v>
      </c>
      <c r="IP31" s="119">
        <v>0</v>
      </c>
      <c r="IQ31" s="119">
        <v>0</v>
      </c>
      <c r="IR31" s="119">
        <v>0</v>
      </c>
      <c r="IS31" s="119">
        <v>0</v>
      </c>
      <c r="IT31" s="141">
        <v>0</v>
      </c>
      <c r="IU31" s="318">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99797</v>
      </c>
      <c r="JL31" s="119">
        <v>88208</v>
      </c>
      <c r="JM31" s="119">
        <v>18267</v>
      </c>
      <c r="JN31" s="119">
        <v>0</v>
      </c>
      <c r="JO31" s="119">
        <v>0</v>
      </c>
      <c r="JP31" s="120">
        <v>206272</v>
      </c>
      <c r="JQ31" s="318">
        <v>206272</v>
      </c>
      <c r="JR31" s="142">
        <v>0</v>
      </c>
      <c r="JS31" s="119">
        <v>0</v>
      </c>
      <c r="JT31" s="141">
        <v>0</v>
      </c>
      <c r="JU31" s="118">
        <v>0</v>
      </c>
      <c r="JV31" s="119">
        <v>0</v>
      </c>
      <c r="JW31" s="119">
        <v>0</v>
      </c>
      <c r="JX31" s="119">
        <v>0</v>
      </c>
      <c r="JY31" s="119">
        <v>0</v>
      </c>
      <c r="JZ31" s="119">
        <v>0</v>
      </c>
      <c r="KA31" s="120">
        <v>0</v>
      </c>
      <c r="KB31" s="318">
        <v>0</v>
      </c>
      <c r="KC31" s="234">
        <v>0</v>
      </c>
      <c r="KD31" s="230">
        <v>0</v>
      </c>
      <c r="KE31" s="120">
        <v>0</v>
      </c>
      <c r="KF31" s="118">
        <v>0</v>
      </c>
      <c r="KG31" s="119">
        <v>108023</v>
      </c>
      <c r="KH31" s="119">
        <v>0</v>
      </c>
      <c r="KI31" s="119">
        <v>0</v>
      </c>
      <c r="KJ31" s="119">
        <v>0</v>
      </c>
      <c r="KK31" s="119">
        <v>0</v>
      </c>
      <c r="KL31" s="120">
        <v>108023</v>
      </c>
      <c r="KM31" s="143">
        <v>108023</v>
      </c>
      <c r="KN31" s="232">
        <v>0</v>
      </c>
      <c r="KO31" s="236">
        <v>0</v>
      </c>
      <c r="KP31" s="237">
        <v>0</v>
      </c>
      <c r="KQ31" s="140"/>
      <c r="KR31" s="119">
        <v>0</v>
      </c>
      <c r="KS31" s="119">
        <v>0</v>
      </c>
      <c r="KT31" s="119">
        <v>210084</v>
      </c>
      <c r="KU31" s="119">
        <v>387205</v>
      </c>
      <c r="KV31" s="119">
        <v>0</v>
      </c>
      <c r="KW31" s="120">
        <v>597289</v>
      </c>
      <c r="KX31" s="318">
        <v>597289</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18">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193020</v>
      </c>
      <c r="MK31" s="119">
        <v>486859</v>
      </c>
      <c r="ML31" s="119">
        <v>202266</v>
      </c>
      <c r="MM31" s="119">
        <v>657267</v>
      </c>
      <c r="MN31" s="119">
        <v>0</v>
      </c>
      <c r="MO31" s="120">
        <v>1539412</v>
      </c>
      <c r="MP31" s="143">
        <v>1539412</v>
      </c>
      <c r="MQ31" s="142">
        <v>0</v>
      </c>
      <c r="MR31" s="119">
        <v>0</v>
      </c>
      <c r="MS31" s="120">
        <v>0</v>
      </c>
      <c r="MT31" s="145"/>
      <c r="MU31" s="119">
        <v>0</v>
      </c>
      <c r="MV31" s="119">
        <v>0</v>
      </c>
      <c r="MW31" s="119">
        <v>202266</v>
      </c>
      <c r="MX31" s="119">
        <v>194979</v>
      </c>
      <c r="MY31" s="119">
        <v>0</v>
      </c>
      <c r="MZ31" s="120">
        <v>397245</v>
      </c>
      <c r="NA31" s="143">
        <v>397245</v>
      </c>
      <c r="NB31" s="142">
        <v>0</v>
      </c>
      <c r="NC31" s="119">
        <v>0</v>
      </c>
      <c r="ND31" s="120">
        <v>0</v>
      </c>
      <c r="NE31" s="145">
        <v>0</v>
      </c>
      <c r="NF31" s="119">
        <v>193020</v>
      </c>
      <c r="NG31" s="119">
        <v>486859</v>
      </c>
      <c r="NH31" s="119">
        <v>0</v>
      </c>
      <c r="NI31" s="119">
        <v>462288</v>
      </c>
      <c r="NJ31" s="119">
        <v>0</v>
      </c>
      <c r="NK31" s="120">
        <v>1142167</v>
      </c>
      <c r="NL31" s="318">
        <v>1142167</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88928</v>
      </c>
      <c r="OJ31" s="119">
        <v>283498</v>
      </c>
      <c r="OK31" s="141">
        <v>472426</v>
      </c>
      <c r="OL31" s="118">
        <v>0</v>
      </c>
      <c r="OM31" s="119">
        <v>1301690</v>
      </c>
      <c r="ON31" s="119">
        <v>2188177</v>
      </c>
      <c r="OO31" s="119">
        <v>959131</v>
      </c>
      <c r="OP31" s="119">
        <v>1828428</v>
      </c>
      <c r="OQ31" s="119">
        <v>936472</v>
      </c>
      <c r="OR31" s="120">
        <v>7213898</v>
      </c>
      <c r="OS31" s="143">
        <v>7686324</v>
      </c>
    </row>
    <row r="32" spans="2:409" ht="21" customHeight="1" x14ac:dyDescent="0.2">
      <c r="B32" s="126" t="s">
        <v>27</v>
      </c>
      <c r="C32" s="110">
        <v>79855</v>
      </c>
      <c r="D32" s="114">
        <v>92950</v>
      </c>
      <c r="E32" s="113">
        <v>172805</v>
      </c>
      <c r="F32" s="109">
        <v>0</v>
      </c>
      <c r="G32" s="114">
        <v>627151</v>
      </c>
      <c r="H32" s="114">
        <v>1086919</v>
      </c>
      <c r="I32" s="114">
        <v>1845100</v>
      </c>
      <c r="J32" s="114">
        <v>1506910</v>
      </c>
      <c r="K32" s="114">
        <v>502233</v>
      </c>
      <c r="L32" s="173">
        <v>5568313</v>
      </c>
      <c r="M32" s="116">
        <v>5741118</v>
      </c>
      <c r="N32" s="110">
        <v>44900</v>
      </c>
      <c r="O32" s="114">
        <v>28620</v>
      </c>
      <c r="P32" s="113">
        <v>73520</v>
      </c>
      <c r="Q32" s="110">
        <v>0</v>
      </c>
      <c r="R32" s="114">
        <v>52963</v>
      </c>
      <c r="S32" s="114">
        <v>383722</v>
      </c>
      <c r="T32" s="114">
        <v>460865</v>
      </c>
      <c r="U32" s="114">
        <v>173477</v>
      </c>
      <c r="V32" s="114">
        <v>285297</v>
      </c>
      <c r="W32" s="113">
        <v>1356324</v>
      </c>
      <c r="X32" s="116">
        <v>1429844</v>
      </c>
      <c r="Y32" s="110">
        <v>0</v>
      </c>
      <c r="Z32" s="114">
        <v>0</v>
      </c>
      <c r="AA32" s="113">
        <v>0</v>
      </c>
      <c r="AB32" s="110">
        <v>0</v>
      </c>
      <c r="AC32" s="114">
        <v>0</v>
      </c>
      <c r="AD32" s="114">
        <v>177886</v>
      </c>
      <c r="AE32" s="114">
        <v>182050</v>
      </c>
      <c r="AF32" s="114">
        <v>0</v>
      </c>
      <c r="AG32" s="114">
        <v>213719</v>
      </c>
      <c r="AH32" s="113">
        <v>573655</v>
      </c>
      <c r="AI32" s="116">
        <v>573655</v>
      </c>
      <c r="AJ32" s="110">
        <v>0</v>
      </c>
      <c r="AK32" s="114">
        <v>0</v>
      </c>
      <c r="AL32" s="113">
        <v>0</v>
      </c>
      <c r="AM32" s="110">
        <v>0</v>
      </c>
      <c r="AN32" s="114">
        <v>0</v>
      </c>
      <c r="AO32" s="114">
        <v>0</v>
      </c>
      <c r="AP32" s="114">
        <v>0</v>
      </c>
      <c r="AQ32" s="114">
        <v>51635</v>
      </c>
      <c r="AR32" s="114">
        <v>0</v>
      </c>
      <c r="AS32" s="113">
        <v>51635</v>
      </c>
      <c r="AT32" s="116">
        <v>51635</v>
      </c>
      <c r="AU32" s="110">
        <v>44900</v>
      </c>
      <c r="AV32" s="114">
        <v>28620</v>
      </c>
      <c r="AW32" s="113">
        <v>73520</v>
      </c>
      <c r="AX32" s="110">
        <v>0</v>
      </c>
      <c r="AY32" s="114">
        <v>14281</v>
      </c>
      <c r="AZ32" s="114">
        <v>174126</v>
      </c>
      <c r="BA32" s="114">
        <v>161887</v>
      </c>
      <c r="BB32" s="114">
        <v>19446</v>
      </c>
      <c r="BC32" s="114">
        <v>33015</v>
      </c>
      <c r="BD32" s="113">
        <v>402755</v>
      </c>
      <c r="BE32" s="116">
        <v>476275</v>
      </c>
      <c r="BF32" s="110">
        <v>0</v>
      </c>
      <c r="BG32" s="114">
        <v>0</v>
      </c>
      <c r="BH32" s="112">
        <v>0</v>
      </c>
      <c r="BI32" s="111">
        <v>0</v>
      </c>
      <c r="BJ32" s="114">
        <v>0</v>
      </c>
      <c r="BK32" s="114">
        <v>0</v>
      </c>
      <c r="BL32" s="114">
        <v>0</v>
      </c>
      <c r="BM32" s="114">
        <v>0</v>
      </c>
      <c r="BN32" s="114">
        <v>0</v>
      </c>
      <c r="BO32" s="113">
        <v>0</v>
      </c>
      <c r="BP32" s="116">
        <v>0</v>
      </c>
      <c r="BQ32" s="110">
        <v>0</v>
      </c>
      <c r="BR32" s="114">
        <v>0</v>
      </c>
      <c r="BS32" s="113">
        <v>0</v>
      </c>
      <c r="BT32" s="110">
        <v>0</v>
      </c>
      <c r="BU32" s="114">
        <v>38682</v>
      </c>
      <c r="BV32" s="114">
        <v>31710</v>
      </c>
      <c r="BW32" s="114">
        <v>116928</v>
      </c>
      <c r="BX32" s="114">
        <v>102396</v>
      </c>
      <c r="BY32" s="114">
        <v>38563</v>
      </c>
      <c r="BZ32" s="113">
        <v>328279</v>
      </c>
      <c r="CA32" s="116">
        <v>328279</v>
      </c>
      <c r="CB32" s="110">
        <v>19205</v>
      </c>
      <c r="CC32" s="114">
        <v>0</v>
      </c>
      <c r="CD32" s="113">
        <v>19205</v>
      </c>
      <c r="CE32" s="110">
        <v>0</v>
      </c>
      <c r="CF32" s="114">
        <v>23996</v>
      </c>
      <c r="CG32" s="114">
        <v>281331</v>
      </c>
      <c r="CH32" s="114">
        <v>167912</v>
      </c>
      <c r="CI32" s="114">
        <v>53463</v>
      </c>
      <c r="CJ32" s="114">
        <v>0</v>
      </c>
      <c r="CK32" s="113">
        <v>526702</v>
      </c>
      <c r="CL32" s="116">
        <v>545907</v>
      </c>
      <c r="CM32" s="110">
        <v>0</v>
      </c>
      <c r="CN32" s="114">
        <v>0</v>
      </c>
      <c r="CO32" s="113">
        <v>0</v>
      </c>
      <c r="CP32" s="111">
        <v>0</v>
      </c>
      <c r="CQ32" s="114">
        <v>23996</v>
      </c>
      <c r="CR32" s="114">
        <v>153826</v>
      </c>
      <c r="CS32" s="114">
        <v>102125</v>
      </c>
      <c r="CT32" s="114">
        <v>53463</v>
      </c>
      <c r="CU32" s="114">
        <v>0</v>
      </c>
      <c r="CV32" s="113">
        <v>333410</v>
      </c>
      <c r="CW32" s="116">
        <v>333410</v>
      </c>
      <c r="CX32" s="110">
        <v>19205</v>
      </c>
      <c r="CY32" s="114">
        <v>0</v>
      </c>
      <c r="CZ32" s="113">
        <v>19205</v>
      </c>
      <c r="DA32" s="110">
        <v>0</v>
      </c>
      <c r="DB32" s="114">
        <v>0</v>
      </c>
      <c r="DC32" s="114">
        <v>127505</v>
      </c>
      <c r="DD32" s="114">
        <v>65787</v>
      </c>
      <c r="DE32" s="114">
        <v>0</v>
      </c>
      <c r="DF32" s="114">
        <v>0</v>
      </c>
      <c r="DG32" s="113">
        <v>193292</v>
      </c>
      <c r="DH32" s="116">
        <v>212497</v>
      </c>
      <c r="DI32" s="110">
        <v>0</v>
      </c>
      <c r="DJ32" s="114">
        <v>0</v>
      </c>
      <c r="DK32" s="112">
        <v>0</v>
      </c>
      <c r="DL32" s="111">
        <v>0</v>
      </c>
      <c r="DM32" s="114">
        <v>0</v>
      </c>
      <c r="DN32" s="114">
        <v>28171</v>
      </c>
      <c r="DO32" s="114">
        <v>129101</v>
      </c>
      <c r="DP32" s="114">
        <v>61849</v>
      </c>
      <c r="DQ32" s="114">
        <v>0</v>
      </c>
      <c r="DR32" s="113">
        <v>219121</v>
      </c>
      <c r="DS32" s="116">
        <v>219121</v>
      </c>
      <c r="DT32" s="110">
        <v>0</v>
      </c>
      <c r="DU32" s="114">
        <v>0</v>
      </c>
      <c r="DV32" s="113">
        <v>0</v>
      </c>
      <c r="DW32" s="110">
        <v>0</v>
      </c>
      <c r="DX32" s="114">
        <v>0</v>
      </c>
      <c r="DY32" s="114">
        <v>28171</v>
      </c>
      <c r="DZ32" s="114">
        <v>129101</v>
      </c>
      <c r="EA32" s="114">
        <v>61849</v>
      </c>
      <c r="EB32" s="114">
        <v>0</v>
      </c>
      <c r="EC32" s="113">
        <v>219121</v>
      </c>
      <c r="ED32" s="116">
        <v>219121</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5"/>
      <c r="FE32" s="114">
        <v>0</v>
      </c>
      <c r="FF32" s="114">
        <v>0</v>
      </c>
      <c r="FG32" s="114">
        <v>0</v>
      </c>
      <c r="FH32" s="114">
        <v>0</v>
      </c>
      <c r="FI32" s="114">
        <v>0</v>
      </c>
      <c r="FJ32" s="113">
        <v>0</v>
      </c>
      <c r="FK32" s="116">
        <v>0</v>
      </c>
      <c r="FL32" s="110">
        <v>15750</v>
      </c>
      <c r="FM32" s="114">
        <v>64330</v>
      </c>
      <c r="FN32" s="113">
        <v>80080</v>
      </c>
      <c r="FO32" s="110">
        <v>0</v>
      </c>
      <c r="FP32" s="114">
        <v>7350</v>
      </c>
      <c r="FQ32" s="114">
        <v>96215</v>
      </c>
      <c r="FR32" s="114">
        <v>87836</v>
      </c>
      <c r="FS32" s="114">
        <v>36750</v>
      </c>
      <c r="FT32" s="114">
        <v>17780</v>
      </c>
      <c r="FU32" s="113">
        <v>245931</v>
      </c>
      <c r="FV32" s="116">
        <v>326011</v>
      </c>
      <c r="FW32" s="115">
        <v>15750</v>
      </c>
      <c r="FX32" s="114">
        <v>45850</v>
      </c>
      <c r="FY32" s="112">
        <v>61600</v>
      </c>
      <c r="FZ32" s="111">
        <v>0</v>
      </c>
      <c r="GA32" s="114">
        <v>7350</v>
      </c>
      <c r="GB32" s="114">
        <v>96215</v>
      </c>
      <c r="GC32" s="114">
        <v>87836</v>
      </c>
      <c r="GD32" s="114">
        <v>36750</v>
      </c>
      <c r="GE32" s="114">
        <v>17780</v>
      </c>
      <c r="GF32" s="113">
        <v>245931</v>
      </c>
      <c r="GG32" s="316">
        <v>307531</v>
      </c>
      <c r="GH32" s="115">
        <v>0</v>
      </c>
      <c r="GI32" s="114">
        <v>18480</v>
      </c>
      <c r="GJ32" s="112">
        <v>18480</v>
      </c>
      <c r="GK32" s="111">
        <v>0</v>
      </c>
      <c r="GL32" s="114">
        <v>0</v>
      </c>
      <c r="GM32" s="114">
        <v>0</v>
      </c>
      <c r="GN32" s="114">
        <v>0</v>
      </c>
      <c r="GO32" s="114">
        <v>0</v>
      </c>
      <c r="GP32" s="114">
        <v>0</v>
      </c>
      <c r="GQ32" s="113">
        <v>0</v>
      </c>
      <c r="GR32" s="116">
        <v>18480</v>
      </c>
      <c r="GS32" s="110">
        <v>0</v>
      </c>
      <c r="GT32" s="114">
        <v>0</v>
      </c>
      <c r="GU32" s="113">
        <v>0</v>
      </c>
      <c r="GV32" s="110">
        <v>0</v>
      </c>
      <c r="GW32" s="114">
        <v>0</v>
      </c>
      <c r="GX32" s="114">
        <v>0</v>
      </c>
      <c r="GY32" s="114">
        <v>0</v>
      </c>
      <c r="GZ32" s="114">
        <v>0</v>
      </c>
      <c r="HA32" s="114">
        <v>0</v>
      </c>
      <c r="HB32" s="112">
        <v>0</v>
      </c>
      <c r="HC32" s="116">
        <v>0</v>
      </c>
      <c r="HD32" s="110">
        <v>0</v>
      </c>
      <c r="HE32" s="114">
        <v>0</v>
      </c>
      <c r="HF32" s="112">
        <v>0</v>
      </c>
      <c r="HG32" s="111">
        <v>0</v>
      </c>
      <c r="HH32" s="114">
        <v>542842</v>
      </c>
      <c r="HI32" s="114">
        <v>297480</v>
      </c>
      <c r="HJ32" s="114">
        <v>999386</v>
      </c>
      <c r="HK32" s="114">
        <v>1181371</v>
      </c>
      <c r="HL32" s="114">
        <v>199156</v>
      </c>
      <c r="HM32" s="113">
        <v>3220235</v>
      </c>
      <c r="HN32" s="109">
        <v>3220235</v>
      </c>
      <c r="HO32" s="326"/>
      <c r="HP32" s="327"/>
      <c r="HQ32" s="328"/>
      <c r="HR32" s="329"/>
      <c r="HS32" s="327"/>
      <c r="HT32" s="327"/>
      <c r="HU32" s="327"/>
      <c r="HV32" s="327"/>
      <c r="HW32" s="327"/>
      <c r="HX32" s="330"/>
      <c r="HY32" s="331"/>
      <c r="HZ32" s="150">
        <v>0</v>
      </c>
      <c r="IA32" s="135">
        <v>0</v>
      </c>
      <c r="IB32" s="150">
        <v>0</v>
      </c>
      <c r="IC32" s="134">
        <v>0</v>
      </c>
      <c r="ID32" s="135">
        <v>64324</v>
      </c>
      <c r="IE32" s="136">
        <v>36677</v>
      </c>
      <c r="IF32" s="137">
        <v>129157</v>
      </c>
      <c r="IG32" s="135">
        <v>0</v>
      </c>
      <c r="IH32" s="137">
        <v>0</v>
      </c>
      <c r="II32" s="138">
        <v>230158</v>
      </c>
      <c r="IJ32" s="150">
        <v>230158</v>
      </c>
      <c r="IK32" s="232">
        <v>0</v>
      </c>
      <c r="IL32" s="236">
        <v>0</v>
      </c>
      <c r="IM32" s="237">
        <v>0</v>
      </c>
      <c r="IN32" s="140"/>
      <c r="IO32" s="119">
        <v>0</v>
      </c>
      <c r="IP32" s="119">
        <v>0</v>
      </c>
      <c r="IQ32" s="119">
        <v>0</v>
      </c>
      <c r="IR32" s="119">
        <v>0</v>
      </c>
      <c r="IS32" s="119">
        <v>0</v>
      </c>
      <c r="IT32" s="141">
        <v>0</v>
      </c>
      <c r="IU32" s="318">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47244</v>
      </c>
      <c r="JL32" s="119">
        <v>36677</v>
      </c>
      <c r="JM32" s="119">
        <v>0</v>
      </c>
      <c r="JN32" s="119">
        <v>0</v>
      </c>
      <c r="JO32" s="119">
        <v>0</v>
      </c>
      <c r="JP32" s="120">
        <v>83921</v>
      </c>
      <c r="JQ32" s="318">
        <v>83921</v>
      </c>
      <c r="JR32" s="142">
        <v>0</v>
      </c>
      <c r="JS32" s="119">
        <v>0</v>
      </c>
      <c r="JT32" s="141">
        <v>0</v>
      </c>
      <c r="JU32" s="118">
        <v>0</v>
      </c>
      <c r="JV32" s="119">
        <v>17080</v>
      </c>
      <c r="JW32" s="119">
        <v>0</v>
      </c>
      <c r="JX32" s="119">
        <v>129157</v>
      </c>
      <c r="JY32" s="119">
        <v>0</v>
      </c>
      <c r="JZ32" s="119">
        <v>0</v>
      </c>
      <c r="KA32" s="120">
        <v>146237</v>
      </c>
      <c r="KB32" s="318">
        <v>146237</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18">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18">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174132</v>
      </c>
      <c r="MK32" s="119">
        <v>0</v>
      </c>
      <c r="ML32" s="119">
        <v>301124</v>
      </c>
      <c r="MM32" s="119">
        <v>407650</v>
      </c>
      <c r="MN32" s="119">
        <v>202456</v>
      </c>
      <c r="MO32" s="120">
        <v>1085362</v>
      </c>
      <c r="MP32" s="143">
        <v>1085362</v>
      </c>
      <c r="MQ32" s="142">
        <v>0</v>
      </c>
      <c r="MR32" s="119">
        <v>0</v>
      </c>
      <c r="MS32" s="120">
        <v>0</v>
      </c>
      <c r="MT32" s="145"/>
      <c r="MU32" s="119">
        <v>0</v>
      </c>
      <c r="MV32" s="119">
        <v>0</v>
      </c>
      <c r="MW32" s="119">
        <v>301124</v>
      </c>
      <c r="MX32" s="119">
        <v>407650</v>
      </c>
      <c r="MY32" s="119">
        <v>202456</v>
      </c>
      <c r="MZ32" s="120">
        <v>911230</v>
      </c>
      <c r="NA32" s="143">
        <v>911230</v>
      </c>
      <c r="NB32" s="142">
        <v>0</v>
      </c>
      <c r="NC32" s="119">
        <v>0</v>
      </c>
      <c r="ND32" s="120">
        <v>0</v>
      </c>
      <c r="NE32" s="145">
        <v>0</v>
      </c>
      <c r="NF32" s="119">
        <v>174132</v>
      </c>
      <c r="NG32" s="119">
        <v>0</v>
      </c>
      <c r="NH32" s="119">
        <v>0</v>
      </c>
      <c r="NI32" s="119">
        <v>0</v>
      </c>
      <c r="NJ32" s="119">
        <v>0</v>
      </c>
      <c r="NK32" s="120">
        <v>174132</v>
      </c>
      <c r="NL32" s="318">
        <v>174132</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79855</v>
      </c>
      <c r="OJ32" s="119">
        <v>92950</v>
      </c>
      <c r="OK32" s="141">
        <v>172805</v>
      </c>
      <c r="OL32" s="118">
        <v>0</v>
      </c>
      <c r="OM32" s="119">
        <v>865607</v>
      </c>
      <c r="ON32" s="119">
        <v>1123596</v>
      </c>
      <c r="OO32" s="119">
        <v>2275381</v>
      </c>
      <c r="OP32" s="119">
        <v>1914560</v>
      </c>
      <c r="OQ32" s="119">
        <v>704689</v>
      </c>
      <c r="OR32" s="120">
        <v>6883833</v>
      </c>
      <c r="OS32" s="143">
        <v>7056638</v>
      </c>
    </row>
    <row r="33" spans="2:409" ht="21" customHeight="1" x14ac:dyDescent="0.2">
      <c r="B33" s="126" t="s">
        <v>28</v>
      </c>
      <c r="C33" s="110">
        <v>1610</v>
      </c>
      <c r="D33" s="114">
        <v>7700</v>
      </c>
      <c r="E33" s="113">
        <v>9310</v>
      </c>
      <c r="F33" s="109">
        <v>0</v>
      </c>
      <c r="G33" s="114">
        <v>40945</v>
      </c>
      <c r="H33" s="114">
        <v>210999</v>
      </c>
      <c r="I33" s="114">
        <v>406112</v>
      </c>
      <c r="J33" s="114">
        <v>383567</v>
      </c>
      <c r="K33" s="114">
        <v>75789</v>
      </c>
      <c r="L33" s="173">
        <v>1117412</v>
      </c>
      <c r="M33" s="116">
        <v>1126722</v>
      </c>
      <c r="N33" s="110">
        <v>0</v>
      </c>
      <c r="O33" s="114">
        <v>0</v>
      </c>
      <c r="P33" s="113">
        <v>0</v>
      </c>
      <c r="Q33" s="110">
        <v>0</v>
      </c>
      <c r="R33" s="114">
        <v>31145</v>
      </c>
      <c r="S33" s="114">
        <v>90438</v>
      </c>
      <c r="T33" s="114">
        <v>61852</v>
      </c>
      <c r="U33" s="114">
        <v>73577</v>
      </c>
      <c r="V33" s="114">
        <v>0</v>
      </c>
      <c r="W33" s="113">
        <v>257012</v>
      </c>
      <c r="X33" s="116">
        <v>257012</v>
      </c>
      <c r="Y33" s="110">
        <v>0</v>
      </c>
      <c r="Z33" s="114">
        <v>0</v>
      </c>
      <c r="AA33" s="113">
        <v>0</v>
      </c>
      <c r="AB33" s="110">
        <v>0</v>
      </c>
      <c r="AC33" s="114">
        <v>31145</v>
      </c>
      <c r="AD33" s="114">
        <v>43617</v>
      </c>
      <c r="AE33" s="114">
        <v>0</v>
      </c>
      <c r="AF33" s="114">
        <v>65177</v>
      </c>
      <c r="AG33" s="114">
        <v>0</v>
      </c>
      <c r="AH33" s="113">
        <v>139939</v>
      </c>
      <c r="AI33" s="116">
        <v>139939</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43223</v>
      </c>
      <c r="BA33" s="114">
        <v>29064</v>
      </c>
      <c r="BB33" s="114">
        <v>0</v>
      </c>
      <c r="BC33" s="114">
        <v>0</v>
      </c>
      <c r="BD33" s="113">
        <v>72287</v>
      </c>
      <c r="BE33" s="116">
        <v>72287</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0</v>
      </c>
      <c r="BV33" s="114">
        <v>3598</v>
      </c>
      <c r="BW33" s="114">
        <v>32788</v>
      </c>
      <c r="BX33" s="114">
        <v>8400</v>
      </c>
      <c r="BY33" s="114">
        <v>0</v>
      </c>
      <c r="BZ33" s="113">
        <v>44786</v>
      </c>
      <c r="CA33" s="116">
        <v>44786</v>
      </c>
      <c r="CB33" s="110">
        <v>0</v>
      </c>
      <c r="CC33" s="114">
        <v>0</v>
      </c>
      <c r="CD33" s="113">
        <v>0</v>
      </c>
      <c r="CE33" s="110">
        <v>0</v>
      </c>
      <c r="CF33" s="114">
        <v>0</v>
      </c>
      <c r="CG33" s="114">
        <v>31745</v>
      </c>
      <c r="CH33" s="114">
        <v>174748</v>
      </c>
      <c r="CI33" s="114">
        <v>104244</v>
      </c>
      <c r="CJ33" s="114">
        <v>30639</v>
      </c>
      <c r="CK33" s="113">
        <v>341376</v>
      </c>
      <c r="CL33" s="116">
        <v>341376</v>
      </c>
      <c r="CM33" s="110">
        <v>0</v>
      </c>
      <c r="CN33" s="114">
        <v>0</v>
      </c>
      <c r="CO33" s="113">
        <v>0</v>
      </c>
      <c r="CP33" s="111">
        <v>0</v>
      </c>
      <c r="CQ33" s="114">
        <v>0</v>
      </c>
      <c r="CR33" s="114">
        <v>31745</v>
      </c>
      <c r="CS33" s="114">
        <v>127617</v>
      </c>
      <c r="CT33" s="114">
        <v>104244</v>
      </c>
      <c r="CU33" s="114">
        <v>0</v>
      </c>
      <c r="CV33" s="113">
        <v>263606</v>
      </c>
      <c r="CW33" s="116">
        <v>263606</v>
      </c>
      <c r="CX33" s="110">
        <v>0</v>
      </c>
      <c r="CY33" s="114">
        <v>0</v>
      </c>
      <c r="CZ33" s="113">
        <v>0</v>
      </c>
      <c r="DA33" s="110">
        <v>0</v>
      </c>
      <c r="DB33" s="114">
        <v>0</v>
      </c>
      <c r="DC33" s="114">
        <v>0</v>
      </c>
      <c r="DD33" s="114">
        <v>47131</v>
      </c>
      <c r="DE33" s="114">
        <v>0</v>
      </c>
      <c r="DF33" s="114">
        <v>30639</v>
      </c>
      <c r="DG33" s="113">
        <v>77770</v>
      </c>
      <c r="DH33" s="116">
        <v>77770</v>
      </c>
      <c r="DI33" s="110">
        <v>0</v>
      </c>
      <c r="DJ33" s="114">
        <v>0</v>
      </c>
      <c r="DK33" s="112">
        <v>0</v>
      </c>
      <c r="DL33" s="111">
        <v>0</v>
      </c>
      <c r="DM33" s="114">
        <v>0</v>
      </c>
      <c r="DN33" s="114">
        <v>63140</v>
      </c>
      <c r="DO33" s="114">
        <v>0</v>
      </c>
      <c r="DP33" s="114">
        <v>0</v>
      </c>
      <c r="DQ33" s="114">
        <v>0</v>
      </c>
      <c r="DR33" s="113">
        <v>63140</v>
      </c>
      <c r="DS33" s="116">
        <v>63140</v>
      </c>
      <c r="DT33" s="110">
        <v>0</v>
      </c>
      <c r="DU33" s="114">
        <v>0</v>
      </c>
      <c r="DV33" s="113">
        <v>0</v>
      </c>
      <c r="DW33" s="110">
        <v>0</v>
      </c>
      <c r="DX33" s="114">
        <v>0</v>
      </c>
      <c r="DY33" s="114">
        <v>63140</v>
      </c>
      <c r="DZ33" s="114">
        <v>0</v>
      </c>
      <c r="EA33" s="114">
        <v>0</v>
      </c>
      <c r="EB33" s="114">
        <v>0</v>
      </c>
      <c r="EC33" s="113">
        <v>63140</v>
      </c>
      <c r="ED33" s="116">
        <v>63140</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5"/>
      <c r="FE33" s="114">
        <v>0</v>
      </c>
      <c r="FF33" s="114">
        <v>0</v>
      </c>
      <c r="FG33" s="114">
        <v>0</v>
      </c>
      <c r="FH33" s="114">
        <v>0</v>
      </c>
      <c r="FI33" s="114">
        <v>0</v>
      </c>
      <c r="FJ33" s="113">
        <v>0</v>
      </c>
      <c r="FK33" s="116">
        <v>0</v>
      </c>
      <c r="FL33" s="110">
        <v>1610</v>
      </c>
      <c r="FM33" s="114">
        <v>7700</v>
      </c>
      <c r="FN33" s="113">
        <v>9310</v>
      </c>
      <c r="FO33" s="110">
        <v>0</v>
      </c>
      <c r="FP33" s="114">
        <v>9800</v>
      </c>
      <c r="FQ33" s="114">
        <v>25676</v>
      </c>
      <c r="FR33" s="114">
        <v>7350</v>
      </c>
      <c r="FS33" s="114">
        <v>21350</v>
      </c>
      <c r="FT33" s="114">
        <v>45150</v>
      </c>
      <c r="FU33" s="113">
        <v>109326</v>
      </c>
      <c r="FV33" s="116">
        <v>118636</v>
      </c>
      <c r="FW33" s="115">
        <v>1610</v>
      </c>
      <c r="FX33" s="114">
        <v>7700</v>
      </c>
      <c r="FY33" s="112">
        <v>9310</v>
      </c>
      <c r="FZ33" s="111">
        <v>0</v>
      </c>
      <c r="GA33" s="114">
        <v>9800</v>
      </c>
      <c r="GB33" s="114">
        <v>25676</v>
      </c>
      <c r="GC33" s="114">
        <v>7350</v>
      </c>
      <c r="GD33" s="114">
        <v>21350</v>
      </c>
      <c r="GE33" s="114">
        <v>45150</v>
      </c>
      <c r="GF33" s="113">
        <v>109326</v>
      </c>
      <c r="GG33" s="316">
        <v>11863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0</v>
      </c>
      <c r="HI33" s="114">
        <v>0</v>
      </c>
      <c r="HJ33" s="114">
        <v>162162</v>
      </c>
      <c r="HK33" s="114">
        <v>184396</v>
      </c>
      <c r="HL33" s="114">
        <v>0</v>
      </c>
      <c r="HM33" s="113">
        <v>346558</v>
      </c>
      <c r="HN33" s="109">
        <v>346558</v>
      </c>
      <c r="HO33" s="326"/>
      <c r="HP33" s="327"/>
      <c r="HQ33" s="328"/>
      <c r="HR33" s="329"/>
      <c r="HS33" s="327"/>
      <c r="HT33" s="327"/>
      <c r="HU33" s="327"/>
      <c r="HV33" s="327"/>
      <c r="HW33" s="327"/>
      <c r="HX33" s="330"/>
      <c r="HY33" s="331"/>
      <c r="HZ33" s="131">
        <v>0</v>
      </c>
      <c r="IA33" s="132">
        <v>0</v>
      </c>
      <c r="IB33" s="133">
        <v>0</v>
      </c>
      <c r="IC33" s="146">
        <v>0</v>
      </c>
      <c r="ID33" s="132">
        <v>120267</v>
      </c>
      <c r="IE33" s="147">
        <v>21896</v>
      </c>
      <c r="IF33" s="133">
        <v>0</v>
      </c>
      <c r="IG33" s="132">
        <v>0</v>
      </c>
      <c r="IH33" s="133">
        <v>0</v>
      </c>
      <c r="II33" s="148">
        <v>142163</v>
      </c>
      <c r="IJ33" s="139">
        <v>142163</v>
      </c>
      <c r="IK33" s="232">
        <v>0</v>
      </c>
      <c r="IL33" s="236">
        <v>0</v>
      </c>
      <c r="IM33" s="237">
        <v>0</v>
      </c>
      <c r="IN33" s="140"/>
      <c r="IO33" s="119">
        <v>0</v>
      </c>
      <c r="IP33" s="119">
        <v>0</v>
      </c>
      <c r="IQ33" s="119">
        <v>0</v>
      </c>
      <c r="IR33" s="119">
        <v>0</v>
      </c>
      <c r="IS33" s="119">
        <v>0</v>
      </c>
      <c r="IT33" s="141">
        <v>0</v>
      </c>
      <c r="IU33" s="318">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20267</v>
      </c>
      <c r="JL33" s="119">
        <v>21896</v>
      </c>
      <c r="JM33" s="119">
        <v>0</v>
      </c>
      <c r="JN33" s="119">
        <v>0</v>
      </c>
      <c r="JO33" s="119">
        <v>0</v>
      </c>
      <c r="JP33" s="120">
        <v>142163</v>
      </c>
      <c r="JQ33" s="318">
        <v>142163</v>
      </c>
      <c r="JR33" s="142">
        <v>0</v>
      </c>
      <c r="JS33" s="119">
        <v>0</v>
      </c>
      <c r="JT33" s="141">
        <v>0</v>
      </c>
      <c r="JU33" s="118">
        <v>0</v>
      </c>
      <c r="JV33" s="119">
        <v>0</v>
      </c>
      <c r="JW33" s="119">
        <v>0</v>
      </c>
      <c r="JX33" s="119">
        <v>0</v>
      </c>
      <c r="JY33" s="119">
        <v>0</v>
      </c>
      <c r="JZ33" s="119">
        <v>0</v>
      </c>
      <c r="KA33" s="120">
        <v>0</v>
      </c>
      <c r="KB33" s="318">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18">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18">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270643</v>
      </c>
      <c r="MM33" s="119">
        <v>253368</v>
      </c>
      <c r="MN33" s="119">
        <v>0</v>
      </c>
      <c r="MO33" s="120">
        <v>524011</v>
      </c>
      <c r="MP33" s="143">
        <v>524011</v>
      </c>
      <c r="MQ33" s="142">
        <v>0</v>
      </c>
      <c r="MR33" s="119">
        <v>0</v>
      </c>
      <c r="MS33" s="120">
        <v>0</v>
      </c>
      <c r="MT33" s="145"/>
      <c r="MU33" s="119">
        <v>0</v>
      </c>
      <c r="MV33" s="119">
        <v>0</v>
      </c>
      <c r="MW33" s="119">
        <v>0</v>
      </c>
      <c r="MX33" s="119">
        <v>0</v>
      </c>
      <c r="MY33" s="119">
        <v>0</v>
      </c>
      <c r="MZ33" s="120">
        <v>0</v>
      </c>
      <c r="NA33" s="143">
        <v>0</v>
      </c>
      <c r="NB33" s="142">
        <v>0</v>
      </c>
      <c r="NC33" s="119">
        <v>0</v>
      </c>
      <c r="ND33" s="120">
        <v>0</v>
      </c>
      <c r="NE33" s="145">
        <v>0</v>
      </c>
      <c r="NF33" s="119">
        <v>0</v>
      </c>
      <c r="NG33" s="119">
        <v>0</v>
      </c>
      <c r="NH33" s="119">
        <v>270643</v>
      </c>
      <c r="NI33" s="119">
        <v>253368</v>
      </c>
      <c r="NJ33" s="119">
        <v>0</v>
      </c>
      <c r="NK33" s="120">
        <v>524011</v>
      </c>
      <c r="NL33" s="318">
        <v>524011</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10</v>
      </c>
      <c r="OJ33" s="119">
        <v>7700</v>
      </c>
      <c r="OK33" s="141">
        <v>9310</v>
      </c>
      <c r="OL33" s="118">
        <v>0</v>
      </c>
      <c r="OM33" s="119">
        <v>161212</v>
      </c>
      <c r="ON33" s="119">
        <v>232895</v>
      </c>
      <c r="OO33" s="119">
        <v>676755</v>
      </c>
      <c r="OP33" s="119">
        <v>636935</v>
      </c>
      <c r="OQ33" s="119">
        <v>75789</v>
      </c>
      <c r="OR33" s="120">
        <v>1783586</v>
      </c>
      <c r="OS33" s="143">
        <v>1792896</v>
      </c>
    </row>
    <row r="34" spans="2:409" ht="21" customHeight="1" x14ac:dyDescent="0.2">
      <c r="B34" s="126" t="s">
        <v>29</v>
      </c>
      <c r="C34" s="110">
        <v>2100</v>
      </c>
      <c r="D34" s="114">
        <v>83650</v>
      </c>
      <c r="E34" s="113">
        <v>85750</v>
      </c>
      <c r="F34" s="109">
        <v>0</v>
      </c>
      <c r="G34" s="114">
        <v>654169</v>
      </c>
      <c r="H34" s="114">
        <v>138688</v>
      </c>
      <c r="I34" s="114">
        <v>409829</v>
      </c>
      <c r="J34" s="114">
        <v>721458</v>
      </c>
      <c r="K34" s="114">
        <v>0</v>
      </c>
      <c r="L34" s="173">
        <v>1924144</v>
      </c>
      <c r="M34" s="116">
        <v>2009894</v>
      </c>
      <c r="N34" s="110">
        <v>0</v>
      </c>
      <c r="O34" s="114">
        <v>80150</v>
      </c>
      <c r="P34" s="113">
        <v>80150</v>
      </c>
      <c r="Q34" s="110">
        <v>0</v>
      </c>
      <c r="R34" s="114">
        <v>171216</v>
      </c>
      <c r="S34" s="114">
        <v>115217</v>
      </c>
      <c r="T34" s="114">
        <v>135436</v>
      </c>
      <c r="U34" s="114">
        <v>272786</v>
      </c>
      <c r="V34" s="114">
        <v>0</v>
      </c>
      <c r="W34" s="113">
        <v>694655</v>
      </c>
      <c r="X34" s="116">
        <v>774805</v>
      </c>
      <c r="Y34" s="110">
        <v>0</v>
      </c>
      <c r="Z34" s="114">
        <v>0</v>
      </c>
      <c r="AA34" s="113">
        <v>0</v>
      </c>
      <c r="AB34" s="110">
        <v>0</v>
      </c>
      <c r="AC34" s="114">
        <v>41839</v>
      </c>
      <c r="AD34" s="114">
        <v>73630</v>
      </c>
      <c r="AE34" s="114">
        <v>0</v>
      </c>
      <c r="AF34" s="114">
        <v>396629</v>
      </c>
      <c r="AG34" s="114">
        <v>0</v>
      </c>
      <c r="AH34" s="113">
        <v>512098</v>
      </c>
      <c r="AI34" s="116">
        <v>512098</v>
      </c>
      <c r="AJ34" s="110">
        <v>0</v>
      </c>
      <c r="AK34" s="114">
        <v>0</v>
      </c>
      <c r="AL34" s="113">
        <v>0</v>
      </c>
      <c r="AM34" s="110">
        <v>0</v>
      </c>
      <c r="AN34" s="114">
        <v>0</v>
      </c>
      <c r="AO34" s="114">
        <v>0</v>
      </c>
      <c r="AP34" s="114">
        <v>0</v>
      </c>
      <c r="AQ34" s="114">
        <v>0</v>
      </c>
      <c r="AR34" s="114">
        <v>0</v>
      </c>
      <c r="AS34" s="113">
        <v>0</v>
      </c>
      <c r="AT34" s="116">
        <v>0</v>
      </c>
      <c r="AU34" s="110">
        <v>0</v>
      </c>
      <c r="AV34" s="114">
        <v>80150</v>
      </c>
      <c r="AW34" s="113">
        <v>80150</v>
      </c>
      <c r="AX34" s="110">
        <v>0</v>
      </c>
      <c r="AY34" s="114">
        <v>74399</v>
      </c>
      <c r="AZ34" s="114">
        <v>41587</v>
      </c>
      <c r="BA34" s="114">
        <v>113722</v>
      </c>
      <c r="BB34" s="114">
        <v>14014</v>
      </c>
      <c r="BC34" s="114">
        <v>0</v>
      </c>
      <c r="BD34" s="113">
        <v>243722</v>
      </c>
      <c r="BE34" s="116">
        <v>323872</v>
      </c>
      <c r="BF34" s="110">
        <v>0</v>
      </c>
      <c r="BG34" s="114">
        <v>0</v>
      </c>
      <c r="BH34" s="112">
        <v>0</v>
      </c>
      <c r="BI34" s="111">
        <v>0</v>
      </c>
      <c r="BJ34" s="114">
        <v>26768</v>
      </c>
      <c r="BK34" s="114">
        <v>0</v>
      </c>
      <c r="BL34" s="114">
        <v>0</v>
      </c>
      <c r="BM34" s="114">
        <v>-162308</v>
      </c>
      <c r="BN34" s="114">
        <v>0</v>
      </c>
      <c r="BO34" s="113">
        <v>-135540</v>
      </c>
      <c r="BP34" s="116">
        <v>-135540</v>
      </c>
      <c r="BQ34" s="110">
        <v>0</v>
      </c>
      <c r="BR34" s="114">
        <v>0</v>
      </c>
      <c r="BS34" s="113">
        <v>0</v>
      </c>
      <c r="BT34" s="110">
        <v>0</v>
      </c>
      <c r="BU34" s="114">
        <v>28210</v>
      </c>
      <c r="BV34" s="114">
        <v>0</v>
      </c>
      <c r="BW34" s="114">
        <v>21714</v>
      </c>
      <c r="BX34" s="114">
        <v>24451</v>
      </c>
      <c r="BY34" s="114">
        <v>0</v>
      </c>
      <c r="BZ34" s="113">
        <v>74375</v>
      </c>
      <c r="CA34" s="116">
        <v>74375</v>
      </c>
      <c r="CB34" s="110">
        <v>0</v>
      </c>
      <c r="CC34" s="114">
        <v>0</v>
      </c>
      <c r="CD34" s="113">
        <v>0</v>
      </c>
      <c r="CE34" s="110">
        <v>0</v>
      </c>
      <c r="CF34" s="114">
        <v>170681</v>
      </c>
      <c r="CG34" s="114">
        <v>22771</v>
      </c>
      <c r="CH34" s="114">
        <v>144081</v>
      </c>
      <c r="CI34" s="114">
        <v>149855</v>
      </c>
      <c r="CJ34" s="114">
        <v>0</v>
      </c>
      <c r="CK34" s="113">
        <v>487388</v>
      </c>
      <c r="CL34" s="116">
        <v>487388</v>
      </c>
      <c r="CM34" s="110">
        <v>0</v>
      </c>
      <c r="CN34" s="114">
        <v>0</v>
      </c>
      <c r="CO34" s="113">
        <v>0</v>
      </c>
      <c r="CP34" s="111">
        <v>0</v>
      </c>
      <c r="CQ34" s="114">
        <v>84161</v>
      </c>
      <c r="CR34" s="114">
        <v>22771</v>
      </c>
      <c r="CS34" s="114">
        <v>43533</v>
      </c>
      <c r="CT34" s="114">
        <v>69733</v>
      </c>
      <c r="CU34" s="114">
        <v>0</v>
      </c>
      <c r="CV34" s="113">
        <v>220198</v>
      </c>
      <c r="CW34" s="116">
        <v>220198</v>
      </c>
      <c r="CX34" s="110">
        <v>0</v>
      </c>
      <c r="CY34" s="114">
        <v>0</v>
      </c>
      <c r="CZ34" s="113">
        <v>0</v>
      </c>
      <c r="DA34" s="110">
        <v>0</v>
      </c>
      <c r="DB34" s="114">
        <v>86520</v>
      </c>
      <c r="DC34" s="114">
        <v>0</v>
      </c>
      <c r="DD34" s="114">
        <v>100548</v>
      </c>
      <c r="DE34" s="114">
        <v>80122</v>
      </c>
      <c r="DF34" s="114">
        <v>0</v>
      </c>
      <c r="DG34" s="113">
        <v>267190</v>
      </c>
      <c r="DH34" s="116">
        <v>267190</v>
      </c>
      <c r="DI34" s="110">
        <v>0</v>
      </c>
      <c r="DJ34" s="114">
        <v>0</v>
      </c>
      <c r="DK34" s="112">
        <v>0</v>
      </c>
      <c r="DL34" s="111">
        <v>0</v>
      </c>
      <c r="DM34" s="114">
        <v>16681</v>
      </c>
      <c r="DN34" s="114">
        <v>0</v>
      </c>
      <c r="DO34" s="114">
        <v>34622</v>
      </c>
      <c r="DP34" s="114">
        <v>0</v>
      </c>
      <c r="DQ34" s="114">
        <v>0</v>
      </c>
      <c r="DR34" s="113">
        <v>51303</v>
      </c>
      <c r="DS34" s="116">
        <v>51303</v>
      </c>
      <c r="DT34" s="110">
        <v>0</v>
      </c>
      <c r="DU34" s="114">
        <v>0</v>
      </c>
      <c r="DV34" s="113">
        <v>0</v>
      </c>
      <c r="DW34" s="110">
        <v>0</v>
      </c>
      <c r="DX34" s="114">
        <v>0</v>
      </c>
      <c r="DY34" s="114">
        <v>0</v>
      </c>
      <c r="DZ34" s="114">
        <v>34622</v>
      </c>
      <c r="EA34" s="114">
        <v>0</v>
      </c>
      <c r="EB34" s="114">
        <v>0</v>
      </c>
      <c r="EC34" s="113">
        <v>34622</v>
      </c>
      <c r="ED34" s="116">
        <v>34622</v>
      </c>
      <c r="EE34" s="110">
        <v>0</v>
      </c>
      <c r="EF34" s="112">
        <v>0</v>
      </c>
      <c r="EG34" s="113">
        <v>0</v>
      </c>
      <c r="EH34" s="110">
        <v>0</v>
      </c>
      <c r="EI34" s="114">
        <v>16681</v>
      </c>
      <c r="EJ34" s="114">
        <v>0</v>
      </c>
      <c r="EK34" s="114">
        <v>0</v>
      </c>
      <c r="EL34" s="114">
        <v>0</v>
      </c>
      <c r="EM34" s="114">
        <v>0</v>
      </c>
      <c r="EN34" s="112">
        <v>16681</v>
      </c>
      <c r="EO34" s="116">
        <v>16681</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5"/>
      <c r="FE34" s="114">
        <v>0</v>
      </c>
      <c r="FF34" s="114">
        <v>0</v>
      </c>
      <c r="FG34" s="114">
        <v>0</v>
      </c>
      <c r="FH34" s="114">
        <v>0</v>
      </c>
      <c r="FI34" s="114">
        <v>0</v>
      </c>
      <c r="FJ34" s="113">
        <v>0</v>
      </c>
      <c r="FK34" s="116">
        <v>0</v>
      </c>
      <c r="FL34" s="110">
        <v>2100</v>
      </c>
      <c r="FM34" s="114">
        <v>3500</v>
      </c>
      <c r="FN34" s="113">
        <v>5600</v>
      </c>
      <c r="FO34" s="110">
        <v>0</v>
      </c>
      <c r="FP34" s="114">
        <v>35000</v>
      </c>
      <c r="FQ34" s="114">
        <v>700</v>
      </c>
      <c r="FR34" s="114">
        <v>95690</v>
      </c>
      <c r="FS34" s="114">
        <v>64680</v>
      </c>
      <c r="FT34" s="114">
        <v>0</v>
      </c>
      <c r="FU34" s="113">
        <v>196070</v>
      </c>
      <c r="FV34" s="116">
        <v>201670</v>
      </c>
      <c r="FW34" s="115">
        <v>2100</v>
      </c>
      <c r="FX34" s="114">
        <v>3500</v>
      </c>
      <c r="FY34" s="112">
        <v>5600</v>
      </c>
      <c r="FZ34" s="111">
        <v>0</v>
      </c>
      <c r="GA34" s="114">
        <v>35000</v>
      </c>
      <c r="GB34" s="114">
        <v>700</v>
      </c>
      <c r="GC34" s="114">
        <v>95690</v>
      </c>
      <c r="GD34" s="114">
        <v>64680</v>
      </c>
      <c r="GE34" s="114">
        <v>0</v>
      </c>
      <c r="GF34" s="113">
        <v>196070</v>
      </c>
      <c r="GG34" s="316">
        <v>201670</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260591</v>
      </c>
      <c r="HI34" s="114">
        <v>0</v>
      </c>
      <c r="HJ34" s="114">
        <v>0</v>
      </c>
      <c r="HK34" s="114">
        <v>234137</v>
      </c>
      <c r="HL34" s="114">
        <v>0</v>
      </c>
      <c r="HM34" s="113">
        <v>494728</v>
      </c>
      <c r="HN34" s="109">
        <v>494728</v>
      </c>
      <c r="HO34" s="326"/>
      <c r="HP34" s="327"/>
      <c r="HQ34" s="328"/>
      <c r="HR34" s="329"/>
      <c r="HS34" s="327"/>
      <c r="HT34" s="327"/>
      <c r="HU34" s="327"/>
      <c r="HV34" s="327"/>
      <c r="HW34" s="327"/>
      <c r="HX34" s="330"/>
      <c r="HY34" s="331"/>
      <c r="HZ34" s="150">
        <v>0</v>
      </c>
      <c r="IA34" s="135">
        <v>0</v>
      </c>
      <c r="IB34" s="150">
        <v>0</v>
      </c>
      <c r="IC34" s="134">
        <v>0</v>
      </c>
      <c r="ID34" s="135">
        <v>404231</v>
      </c>
      <c r="IE34" s="136">
        <v>0</v>
      </c>
      <c r="IF34" s="137">
        <v>267064</v>
      </c>
      <c r="IG34" s="135">
        <v>219989</v>
      </c>
      <c r="IH34" s="137">
        <v>0</v>
      </c>
      <c r="II34" s="138">
        <v>891284</v>
      </c>
      <c r="IJ34" s="150">
        <v>891284</v>
      </c>
      <c r="IK34" s="232">
        <v>0</v>
      </c>
      <c r="IL34" s="236">
        <v>0</v>
      </c>
      <c r="IM34" s="237">
        <v>0</v>
      </c>
      <c r="IN34" s="140"/>
      <c r="IO34" s="119">
        <v>53473</v>
      </c>
      <c r="IP34" s="119">
        <v>0</v>
      </c>
      <c r="IQ34" s="119">
        <v>0</v>
      </c>
      <c r="IR34" s="119">
        <v>0</v>
      </c>
      <c r="IS34" s="119">
        <v>0</v>
      </c>
      <c r="IT34" s="141">
        <v>53473</v>
      </c>
      <c r="IU34" s="318">
        <v>53473</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943</v>
      </c>
      <c r="JL34" s="119">
        <v>0</v>
      </c>
      <c r="JM34" s="119">
        <v>0</v>
      </c>
      <c r="JN34" s="119">
        <v>0</v>
      </c>
      <c r="JO34" s="119">
        <v>0</v>
      </c>
      <c r="JP34" s="120">
        <v>10943</v>
      </c>
      <c r="JQ34" s="318">
        <v>10943</v>
      </c>
      <c r="JR34" s="142">
        <v>0</v>
      </c>
      <c r="JS34" s="119">
        <v>0</v>
      </c>
      <c r="JT34" s="141">
        <v>0</v>
      </c>
      <c r="JU34" s="118">
        <v>0</v>
      </c>
      <c r="JV34" s="119">
        <v>0</v>
      </c>
      <c r="JW34" s="119">
        <v>0</v>
      </c>
      <c r="JX34" s="119">
        <v>61761</v>
      </c>
      <c r="JY34" s="119">
        <v>0</v>
      </c>
      <c r="JZ34" s="119">
        <v>0</v>
      </c>
      <c r="KA34" s="120">
        <v>61761</v>
      </c>
      <c r="KB34" s="318">
        <v>61761</v>
      </c>
      <c r="KC34" s="234">
        <v>0</v>
      </c>
      <c r="KD34" s="230">
        <v>0</v>
      </c>
      <c r="KE34" s="120">
        <v>0</v>
      </c>
      <c r="KF34" s="118">
        <v>0</v>
      </c>
      <c r="KG34" s="119">
        <v>339815</v>
      </c>
      <c r="KH34" s="119">
        <v>0</v>
      </c>
      <c r="KI34" s="119">
        <v>205303</v>
      </c>
      <c r="KJ34" s="119">
        <v>0</v>
      </c>
      <c r="KK34" s="119">
        <v>0</v>
      </c>
      <c r="KL34" s="120">
        <v>545118</v>
      </c>
      <c r="KM34" s="143">
        <v>545118</v>
      </c>
      <c r="KN34" s="232">
        <v>0</v>
      </c>
      <c r="KO34" s="236">
        <v>0</v>
      </c>
      <c r="KP34" s="237">
        <v>0</v>
      </c>
      <c r="KQ34" s="140"/>
      <c r="KR34" s="119">
        <v>0</v>
      </c>
      <c r="KS34" s="119">
        <v>0</v>
      </c>
      <c r="KT34" s="119">
        <v>0</v>
      </c>
      <c r="KU34" s="119">
        <v>0</v>
      </c>
      <c r="KV34" s="119">
        <v>0</v>
      </c>
      <c r="KW34" s="120">
        <v>0</v>
      </c>
      <c r="KX34" s="318">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19989</v>
      </c>
      <c r="LR34" s="119">
        <v>0</v>
      </c>
      <c r="LS34" s="120">
        <v>219989</v>
      </c>
      <c r="LT34" s="318">
        <v>219989</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245942</v>
      </c>
      <c r="MN34" s="119">
        <v>0</v>
      </c>
      <c r="MO34" s="120">
        <v>245942</v>
      </c>
      <c r="MP34" s="143">
        <v>245942</v>
      </c>
      <c r="MQ34" s="142">
        <v>0</v>
      </c>
      <c r="MR34" s="119">
        <v>0</v>
      </c>
      <c r="MS34" s="120">
        <v>0</v>
      </c>
      <c r="MT34" s="145"/>
      <c r="MU34" s="119">
        <v>0</v>
      </c>
      <c r="MV34" s="119">
        <v>0</v>
      </c>
      <c r="MW34" s="119">
        <v>0</v>
      </c>
      <c r="MX34" s="119">
        <v>0</v>
      </c>
      <c r="MY34" s="119">
        <v>0</v>
      </c>
      <c r="MZ34" s="120">
        <v>0</v>
      </c>
      <c r="NA34" s="143">
        <v>0</v>
      </c>
      <c r="NB34" s="142">
        <v>0</v>
      </c>
      <c r="NC34" s="119">
        <v>0</v>
      </c>
      <c r="ND34" s="120">
        <v>0</v>
      </c>
      <c r="NE34" s="145">
        <v>0</v>
      </c>
      <c r="NF34" s="119">
        <v>0</v>
      </c>
      <c r="NG34" s="119">
        <v>0</v>
      </c>
      <c r="NH34" s="119">
        <v>0</v>
      </c>
      <c r="NI34" s="119">
        <v>245942</v>
      </c>
      <c r="NJ34" s="119">
        <v>0</v>
      </c>
      <c r="NK34" s="120">
        <v>245942</v>
      </c>
      <c r="NL34" s="318">
        <v>245942</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2100</v>
      </c>
      <c r="OJ34" s="119">
        <v>83650</v>
      </c>
      <c r="OK34" s="141">
        <v>85750</v>
      </c>
      <c r="OL34" s="118">
        <v>0</v>
      </c>
      <c r="OM34" s="119">
        <v>1058400</v>
      </c>
      <c r="ON34" s="119">
        <v>138688</v>
      </c>
      <c r="OO34" s="119">
        <v>676893</v>
      </c>
      <c r="OP34" s="119">
        <v>1187389</v>
      </c>
      <c r="OQ34" s="119">
        <v>0</v>
      </c>
      <c r="OR34" s="120">
        <v>3061370</v>
      </c>
      <c r="OS34" s="143">
        <v>3147120</v>
      </c>
    </row>
    <row r="35" spans="2:409" ht="21" customHeight="1" x14ac:dyDescent="0.2">
      <c r="B35" s="126" t="s">
        <v>30</v>
      </c>
      <c r="C35" s="110">
        <v>16310</v>
      </c>
      <c r="D35" s="114">
        <v>0</v>
      </c>
      <c r="E35" s="174">
        <v>16310</v>
      </c>
      <c r="F35" s="175">
        <v>0</v>
      </c>
      <c r="G35" s="176">
        <v>415808</v>
      </c>
      <c r="H35" s="176">
        <v>449168</v>
      </c>
      <c r="I35" s="176">
        <v>622835</v>
      </c>
      <c r="J35" s="176">
        <v>212921</v>
      </c>
      <c r="K35" s="176">
        <v>0</v>
      </c>
      <c r="L35" s="177">
        <v>1700732</v>
      </c>
      <c r="M35" s="116">
        <v>1717042</v>
      </c>
      <c r="N35" s="110">
        <v>0</v>
      </c>
      <c r="O35" s="114">
        <v>0</v>
      </c>
      <c r="P35" s="113">
        <v>0</v>
      </c>
      <c r="Q35" s="110">
        <v>0</v>
      </c>
      <c r="R35" s="114">
        <v>102482</v>
      </c>
      <c r="S35" s="114">
        <v>11893</v>
      </c>
      <c r="T35" s="114">
        <v>426856</v>
      </c>
      <c r="U35" s="114">
        <v>162484</v>
      </c>
      <c r="V35" s="114">
        <v>0</v>
      </c>
      <c r="W35" s="113">
        <v>703715</v>
      </c>
      <c r="X35" s="116">
        <v>703715</v>
      </c>
      <c r="Y35" s="110">
        <v>0</v>
      </c>
      <c r="Z35" s="114">
        <v>0</v>
      </c>
      <c r="AA35" s="113">
        <v>0</v>
      </c>
      <c r="AB35" s="110">
        <v>0</v>
      </c>
      <c r="AC35" s="114">
        <v>29106</v>
      </c>
      <c r="AD35" s="114">
        <v>0</v>
      </c>
      <c r="AE35" s="114">
        <v>391866</v>
      </c>
      <c r="AF35" s="114">
        <v>95319</v>
      </c>
      <c r="AG35" s="114">
        <v>0</v>
      </c>
      <c r="AH35" s="113">
        <v>516291</v>
      </c>
      <c r="AI35" s="116">
        <v>516291</v>
      </c>
      <c r="AJ35" s="110">
        <v>0</v>
      </c>
      <c r="AK35" s="114">
        <v>0</v>
      </c>
      <c r="AL35" s="113">
        <v>0</v>
      </c>
      <c r="AM35" s="110">
        <v>0</v>
      </c>
      <c r="AN35" s="114">
        <v>39846</v>
      </c>
      <c r="AO35" s="114">
        <v>0</v>
      </c>
      <c r="AP35" s="114">
        <v>0</v>
      </c>
      <c r="AQ35" s="114">
        <v>38241</v>
      </c>
      <c r="AR35" s="114">
        <v>0</v>
      </c>
      <c r="AS35" s="113">
        <v>78087</v>
      </c>
      <c r="AT35" s="116">
        <v>78087</v>
      </c>
      <c r="AU35" s="110">
        <v>0</v>
      </c>
      <c r="AV35" s="114">
        <v>0</v>
      </c>
      <c r="AW35" s="113">
        <v>0</v>
      </c>
      <c r="AX35" s="110">
        <v>0</v>
      </c>
      <c r="AY35" s="114">
        <v>17346</v>
      </c>
      <c r="AZ35" s="114">
        <v>9807</v>
      </c>
      <c r="BA35" s="114">
        <v>10560</v>
      </c>
      <c r="BB35" s="114">
        <v>28924</v>
      </c>
      <c r="BC35" s="114">
        <v>0</v>
      </c>
      <c r="BD35" s="113">
        <v>66637</v>
      </c>
      <c r="BE35" s="116">
        <v>66637</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6184</v>
      </c>
      <c r="BV35" s="114">
        <v>2086</v>
      </c>
      <c r="BW35" s="114">
        <v>24430</v>
      </c>
      <c r="BX35" s="114">
        <v>0</v>
      </c>
      <c r="BY35" s="114">
        <v>0</v>
      </c>
      <c r="BZ35" s="113">
        <v>42700</v>
      </c>
      <c r="CA35" s="116">
        <v>42700</v>
      </c>
      <c r="CB35" s="110">
        <v>0</v>
      </c>
      <c r="CC35" s="114">
        <v>0</v>
      </c>
      <c r="CD35" s="113">
        <v>0</v>
      </c>
      <c r="CE35" s="110">
        <v>0</v>
      </c>
      <c r="CF35" s="114">
        <v>45079</v>
      </c>
      <c r="CG35" s="114">
        <v>165091</v>
      </c>
      <c r="CH35" s="114">
        <v>0</v>
      </c>
      <c r="CI35" s="114">
        <v>22332</v>
      </c>
      <c r="CJ35" s="114">
        <v>0</v>
      </c>
      <c r="CK35" s="113">
        <v>232502</v>
      </c>
      <c r="CL35" s="116">
        <v>232502</v>
      </c>
      <c r="CM35" s="110">
        <v>0</v>
      </c>
      <c r="CN35" s="114">
        <v>0</v>
      </c>
      <c r="CO35" s="113">
        <v>0</v>
      </c>
      <c r="CP35" s="111">
        <v>0</v>
      </c>
      <c r="CQ35" s="114">
        <v>45079</v>
      </c>
      <c r="CR35" s="114">
        <v>112522</v>
      </c>
      <c r="CS35" s="114">
        <v>0</v>
      </c>
      <c r="CT35" s="114">
        <v>0</v>
      </c>
      <c r="CU35" s="114">
        <v>0</v>
      </c>
      <c r="CV35" s="113">
        <v>157601</v>
      </c>
      <c r="CW35" s="116">
        <v>157601</v>
      </c>
      <c r="CX35" s="110">
        <v>0</v>
      </c>
      <c r="CY35" s="114">
        <v>0</v>
      </c>
      <c r="CZ35" s="113">
        <v>0</v>
      </c>
      <c r="DA35" s="110">
        <v>0</v>
      </c>
      <c r="DB35" s="114">
        <v>0</v>
      </c>
      <c r="DC35" s="114">
        <v>52569</v>
      </c>
      <c r="DD35" s="114">
        <v>0</v>
      </c>
      <c r="DE35" s="114">
        <v>22332</v>
      </c>
      <c r="DF35" s="114">
        <v>0</v>
      </c>
      <c r="DG35" s="113">
        <v>74901</v>
      </c>
      <c r="DH35" s="116">
        <v>74901</v>
      </c>
      <c r="DI35" s="110">
        <v>0</v>
      </c>
      <c r="DJ35" s="114">
        <v>0</v>
      </c>
      <c r="DK35" s="112">
        <v>0</v>
      </c>
      <c r="DL35" s="111">
        <v>0</v>
      </c>
      <c r="DM35" s="114">
        <v>0</v>
      </c>
      <c r="DN35" s="114">
        <v>96988</v>
      </c>
      <c r="DO35" s="114">
        <v>0</v>
      </c>
      <c r="DP35" s="114">
        <v>0</v>
      </c>
      <c r="DQ35" s="114">
        <v>0</v>
      </c>
      <c r="DR35" s="113">
        <v>96988</v>
      </c>
      <c r="DS35" s="116">
        <v>96988</v>
      </c>
      <c r="DT35" s="110">
        <v>0</v>
      </c>
      <c r="DU35" s="114">
        <v>0</v>
      </c>
      <c r="DV35" s="113">
        <v>0</v>
      </c>
      <c r="DW35" s="110">
        <v>0</v>
      </c>
      <c r="DX35" s="114">
        <v>0</v>
      </c>
      <c r="DY35" s="114">
        <v>80764</v>
      </c>
      <c r="DZ35" s="114">
        <v>0</v>
      </c>
      <c r="EA35" s="114">
        <v>0</v>
      </c>
      <c r="EB35" s="114">
        <v>0</v>
      </c>
      <c r="EC35" s="113">
        <v>80764</v>
      </c>
      <c r="ED35" s="116">
        <v>80764</v>
      </c>
      <c r="EE35" s="110">
        <v>0</v>
      </c>
      <c r="EF35" s="112">
        <v>0</v>
      </c>
      <c r="EG35" s="113">
        <v>0</v>
      </c>
      <c r="EH35" s="110">
        <v>0</v>
      </c>
      <c r="EI35" s="114">
        <v>0</v>
      </c>
      <c r="EJ35" s="114">
        <v>16224</v>
      </c>
      <c r="EK35" s="114">
        <v>0</v>
      </c>
      <c r="EL35" s="114">
        <v>0</v>
      </c>
      <c r="EM35" s="114">
        <v>0</v>
      </c>
      <c r="EN35" s="112">
        <v>16224</v>
      </c>
      <c r="EO35" s="116">
        <v>16224</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5"/>
      <c r="FE35" s="114">
        <v>0</v>
      </c>
      <c r="FF35" s="114">
        <v>0</v>
      </c>
      <c r="FG35" s="114">
        <v>0</v>
      </c>
      <c r="FH35" s="114">
        <v>0</v>
      </c>
      <c r="FI35" s="114">
        <v>0</v>
      </c>
      <c r="FJ35" s="113">
        <v>0</v>
      </c>
      <c r="FK35" s="116">
        <v>0</v>
      </c>
      <c r="FL35" s="110">
        <v>16310</v>
      </c>
      <c r="FM35" s="114">
        <v>0</v>
      </c>
      <c r="FN35" s="113">
        <v>16310</v>
      </c>
      <c r="FO35" s="110">
        <v>0</v>
      </c>
      <c r="FP35" s="114">
        <v>4200</v>
      </c>
      <c r="FQ35" s="114">
        <v>19467</v>
      </c>
      <c r="FR35" s="114">
        <v>53235</v>
      </c>
      <c r="FS35" s="114">
        <v>28105</v>
      </c>
      <c r="FT35" s="114">
        <v>0</v>
      </c>
      <c r="FU35" s="113">
        <v>105007</v>
      </c>
      <c r="FV35" s="116">
        <v>121317</v>
      </c>
      <c r="FW35" s="115">
        <v>16310</v>
      </c>
      <c r="FX35" s="114">
        <v>0</v>
      </c>
      <c r="FY35" s="112">
        <v>16310</v>
      </c>
      <c r="FZ35" s="111">
        <v>0</v>
      </c>
      <c r="GA35" s="114">
        <v>4200</v>
      </c>
      <c r="GB35" s="114">
        <v>19467</v>
      </c>
      <c r="GC35" s="114">
        <v>53235</v>
      </c>
      <c r="GD35" s="114">
        <v>28105</v>
      </c>
      <c r="GE35" s="114">
        <v>0</v>
      </c>
      <c r="GF35" s="113">
        <v>105007</v>
      </c>
      <c r="GG35" s="316">
        <v>121317</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264047</v>
      </c>
      <c r="HI35" s="114">
        <v>155729</v>
      </c>
      <c r="HJ35" s="114">
        <v>142744</v>
      </c>
      <c r="HK35" s="114">
        <v>0</v>
      </c>
      <c r="HL35" s="114">
        <v>0</v>
      </c>
      <c r="HM35" s="113">
        <v>562520</v>
      </c>
      <c r="HN35" s="109">
        <v>562520</v>
      </c>
      <c r="HO35" s="326"/>
      <c r="HP35" s="327"/>
      <c r="HQ35" s="328"/>
      <c r="HR35" s="329"/>
      <c r="HS35" s="327"/>
      <c r="HT35" s="327"/>
      <c r="HU35" s="327"/>
      <c r="HV35" s="327"/>
      <c r="HW35" s="327"/>
      <c r="HX35" s="330"/>
      <c r="HY35" s="331"/>
      <c r="HZ35" s="131">
        <v>0</v>
      </c>
      <c r="IA35" s="132">
        <v>0</v>
      </c>
      <c r="IB35" s="133">
        <v>0</v>
      </c>
      <c r="IC35" s="146">
        <v>0</v>
      </c>
      <c r="ID35" s="132">
        <v>48748</v>
      </c>
      <c r="IE35" s="147">
        <v>37674</v>
      </c>
      <c r="IF35" s="133">
        <v>0</v>
      </c>
      <c r="IG35" s="132">
        <v>0</v>
      </c>
      <c r="IH35" s="133">
        <v>0</v>
      </c>
      <c r="II35" s="148">
        <v>86422</v>
      </c>
      <c r="IJ35" s="139">
        <v>86422</v>
      </c>
      <c r="IK35" s="232">
        <v>0</v>
      </c>
      <c r="IL35" s="236">
        <v>0</v>
      </c>
      <c r="IM35" s="237">
        <v>0</v>
      </c>
      <c r="IN35" s="140"/>
      <c r="IO35" s="119">
        <v>0</v>
      </c>
      <c r="IP35" s="119">
        <v>0</v>
      </c>
      <c r="IQ35" s="119">
        <v>0</v>
      </c>
      <c r="IR35" s="119">
        <v>0</v>
      </c>
      <c r="IS35" s="119">
        <v>0</v>
      </c>
      <c r="IT35" s="141">
        <v>0</v>
      </c>
      <c r="IU35" s="318">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48748</v>
      </c>
      <c r="JL35" s="119">
        <v>0</v>
      </c>
      <c r="JM35" s="119">
        <v>0</v>
      </c>
      <c r="JN35" s="119">
        <v>0</v>
      </c>
      <c r="JO35" s="119">
        <v>0</v>
      </c>
      <c r="JP35" s="120">
        <v>48748</v>
      </c>
      <c r="JQ35" s="318">
        <v>48748</v>
      </c>
      <c r="JR35" s="142">
        <v>0</v>
      </c>
      <c r="JS35" s="119">
        <v>0</v>
      </c>
      <c r="JT35" s="141">
        <v>0</v>
      </c>
      <c r="JU35" s="118">
        <v>0</v>
      </c>
      <c r="JV35" s="119">
        <v>0</v>
      </c>
      <c r="JW35" s="119">
        <v>37674</v>
      </c>
      <c r="JX35" s="119">
        <v>0</v>
      </c>
      <c r="JY35" s="119">
        <v>0</v>
      </c>
      <c r="JZ35" s="119">
        <v>0</v>
      </c>
      <c r="KA35" s="120">
        <v>37674</v>
      </c>
      <c r="KB35" s="318">
        <v>37674</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0</v>
      </c>
      <c r="KV35" s="119">
        <v>0</v>
      </c>
      <c r="KW35" s="120">
        <v>0</v>
      </c>
      <c r="KX35" s="318">
        <v>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18">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4132</v>
      </c>
      <c r="MK35" s="119">
        <v>0</v>
      </c>
      <c r="ML35" s="119">
        <v>206668</v>
      </c>
      <c r="MM35" s="119">
        <v>395516</v>
      </c>
      <c r="MN35" s="119">
        <v>249141</v>
      </c>
      <c r="MO35" s="120">
        <v>1025457</v>
      </c>
      <c r="MP35" s="143">
        <v>1025457</v>
      </c>
      <c r="MQ35" s="142">
        <v>0</v>
      </c>
      <c r="MR35" s="119">
        <v>0</v>
      </c>
      <c r="MS35" s="120">
        <v>0</v>
      </c>
      <c r="MT35" s="145"/>
      <c r="MU35" s="119">
        <v>0</v>
      </c>
      <c r="MV35" s="119">
        <v>0</v>
      </c>
      <c r="MW35" s="119">
        <v>206668</v>
      </c>
      <c r="MX35" s="119">
        <v>395516</v>
      </c>
      <c r="MY35" s="119">
        <v>0</v>
      </c>
      <c r="MZ35" s="120">
        <v>602184</v>
      </c>
      <c r="NA35" s="143">
        <v>602184</v>
      </c>
      <c r="NB35" s="142">
        <v>0</v>
      </c>
      <c r="NC35" s="119">
        <v>0</v>
      </c>
      <c r="ND35" s="120">
        <v>0</v>
      </c>
      <c r="NE35" s="145">
        <v>0</v>
      </c>
      <c r="NF35" s="119">
        <v>174132</v>
      </c>
      <c r="NG35" s="119">
        <v>0</v>
      </c>
      <c r="NH35" s="119">
        <v>0</v>
      </c>
      <c r="NI35" s="119">
        <v>0</v>
      </c>
      <c r="NJ35" s="119">
        <v>249141</v>
      </c>
      <c r="NK35" s="120">
        <v>423273</v>
      </c>
      <c r="NL35" s="318">
        <v>423273</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16310</v>
      </c>
      <c r="OJ35" s="119">
        <v>0</v>
      </c>
      <c r="OK35" s="141">
        <v>16310</v>
      </c>
      <c r="OL35" s="118">
        <v>0</v>
      </c>
      <c r="OM35" s="119">
        <v>638688</v>
      </c>
      <c r="ON35" s="119">
        <v>486842</v>
      </c>
      <c r="OO35" s="119">
        <v>829503</v>
      </c>
      <c r="OP35" s="119">
        <v>608437</v>
      </c>
      <c r="OQ35" s="119">
        <v>249141</v>
      </c>
      <c r="OR35" s="120">
        <v>2812611</v>
      </c>
      <c r="OS35" s="143">
        <v>2828921</v>
      </c>
    </row>
    <row r="36" spans="2:409" ht="21" customHeight="1" x14ac:dyDescent="0.2">
      <c r="B36" s="126" t="s">
        <v>31</v>
      </c>
      <c r="C36" s="110">
        <v>10780</v>
      </c>
      <c r="D36" s="114">
        <v>0</v>
      </c>
      <c r="E36" s="113">
        <v>10780</v>
      </c>
      <c r="F36" s="109">
        <v>0</v>
      </c>
      <c r="G36" s="114">
        <v>207776</v>
      </c>
      <c r="H36" s="114">
        <v>303684</v>
      </c>
      <c r="I36" s="114">
        <v>288309</v>
      </c>
      <c r="J36" s="114">
        <v>399786</v>
      </c>
      <c r="K36" s="114">
        <v>171815</v>
      </c>
      <c r="L36" s="173">
        <v>1371370</v>
      </c>
      <c r="M36" s="116">
        <v>1382150</v>
      </c>
      <c r="N36" s="110">
        <v>0</v>
      </c>
      <c r="O36" s="114">
        <v>0</v>
      </c>
      <c r="P36" s="113">
        <v>0</v>
      </c>
      <c r="Q36" s="110">
        <v>0</v>
      </c>
      <c r="R36" s="114">
        <v>37037</v>
      </c>
      <c r="S36" s="114">
        <v>56392</v>
      </c>
      <c r="T36" s="114">
        <v>176526</v>
      </c>
      <c r="U36" s="114">
        <v>185120</v>
      </c>
      <c r="V36" s="114">
        <v>139965</v>
      </c>
      <c r="W36" s="113">
        <v>595040</v>
      </c>
      <c r="X36" s="116">
        <v>595040</v>
      </c>
      <c r="Y36" s="110">
        <v>0</v>
      </c>
      <c r="Z36" s="114">
        <v>0</v>
      </c>
      <c r="AA36" s="113">
        <v>0</v>
      </c>
      <c r="AB36" s="110">
        <v>0</v>
      </c>
      <c r="AC36" s="114">
        <v>0</v>
      </c>
      <c r="AD36" s="114">
        <v>0</v>
      </c>
      <c r="AE36" s="114">
        <v>96516</v>
      </c>
      <c r="AF36" s="114">
        <v>37597</v>
      </c>
      <c r="AG36" s="114">
        <v>0</v>
      </c>
      <c r="AH36" s="113">
        <v>134113</v>
      </c>
      <c r="AI36" s="116">
        <v>134113</v>
      </c>
      <c r="AJ36" s="110">
        <v>0</v>
      </c>
      <c r="AK36" s="114">
        <v>0</v>
      </c>
      <c r="AL36" s="113">
        <v>0</v>
      </c>
      <c r="AM36" s="110">
        <v>0</v>
      </c>
      <c r="AN36" s="114">
        <v>0</v>
      </c>
      <c r="AO36" s="114">
        <v>0</v>
      </c>
      <c r="AP36" s="114">
        <v>0</v>
      </c>
      <c r="AQ36" s="114">
        <v>0</v>
      </c>
      <c r="AR36" s="114">
        <v>76489</v>
      </c>
      <c r="AS36" s="113">
        <v>76489</v>
      </c>
      <c r="AT36" s="116">
        <v>76489</v>
      </c>
      <c r="AU36" s="110">
        <v>0</v>
      </c>
      <c r="AV36" s="114">
        <v>0</v>
      </c>
      <c r="AW36" s="113">
        <v>0</v>
      </c>
      <c r="AX36" s="110">
        <v>0</v>
      </c>
      <c r="AY36" s="114">
        <v>31024</v>
      </c>
      <c r="AZ36" s="114">
        <v>47992</v>
      </c>
      <c r="BA36" s="114">
        <v>80010</v>
      </c>
      <c r="BB36" s="114">
        <v>143911</v>
      </c>
      <c r="BC36" s="114">
        <v>59472</v>
      </c>
      <c r="BD36" s="113">
        <v>362409</v>
      </c>
      <c r="BE36" s="116">
        <v>362409</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6013</v>
      </c>
      <c r="BV36" s="114">
        <v>8400</v>
      </c>
      <c r="BW36" s="114">
        <v>0</v>
      </c>
      <c r="BX36" s="114">
        <v>3612</v>
      </c>
      <c r="BY36" s="114">
        <v>4004</v>
      </c>
      <c r="BZ36" s="113">
        <v>22029</v>
      </c>
      <c r="CA36" s="116">
        <v>22029</v>
      </c>
      <c r="CB36" s="110">
        <v>0</v>
      </c>
      <c r="CC36" s="114">
        <v>0</v>
      </c>
      <c r="CD36" s="113">
        <v>0</v>
      </c>
      <c r="CE36" s="110">
        <v>0</v>
      </c>
      <c r="CF36" s="114">
        <v>18270</v>
      </c>
      <c r="CG36" s="114">
        <v>161017</v>
      </c>
      <c r="CH36" s="114">
        <v>68348</v>
      </c>
      <c r="CI36" s="114">
        <v>131716</v>
      </c>
      <c r="CJ36" s="114">
        <v>0</v>
      </c>
      <c r="CK36" s="113">
        <v>379351</v>
      </c>
      <c r="CL36" s="116">
        <v>379351</v>
      </c>
      <c r="CM36" s="110">
        <v>0</v>
      </c>
      <c r="CN36" s="114">
        <v>0</v>
      </c>
      <c r="CO36" s="113">
        <v>0</v>
      </c>
      <c r="CP36" s="111">
        <v>0</v>
      </c>
      <c r="CQ36" s="114">
        <v>18270</v>
      </c>
      <c r="CR36" s="114">
        <v>128915</v>
      </c>
      <c r="CS36" s="114">
        <v>68348</v>
      </c>
      <c r="CT36" s="114">
        <v>131716</v>
      </c>
      <c r="CU36" s="114">
        <v>0</v>
      </c>
      <c r="CV36" s="113">
        <v>347249</v>
      </c>
      <c r="CW36" s="116">
        <v>347249</v>
      </c>
      <c r="CX36" s="110">
        <v>0</v>
      </c>
      <c r="CY36" s="114">
        <v>0</v>
      </c>
      <c r="CZ36" s="113">
        <v>0</v>
      </c>
      <c r="DA36" s="110">
        <v>0</v>
      </c>
      <c r="DB36" s="114">
        <v>0</v>
      </c>
      <c r="DC36" s="114">
        <v>32102</v>
      </c>
      <c r="DD36" s="114">
        <v>0</v>
      </c>
      <c r="DE36" s="114">
        <v>0</v>
      </c>
      <c r="DF36" s="114">
        <v>0</v>
      </c>
      <c r="DG36" s="113">
        <v>32102</v>
      </c>
      <c r="DH36" s="116">
        <v>32102</v>
      </c>
      <c r="DI36" s="110">
        <v>0</v>
      </c>
      <c r="DJ36" s="114">
        <v>0</v>
      </c>
      <c r="DK36" s="112">
        <v>0</v>
      </c>
      <c r="DL36" s="111">
        <v>0</v>
      </c>
      <c r="DM36" s="114">
        <v>0</v>
      </c>
      <c r="DN36" s="114">
        <v>0</v>
      </c>
      <c r="DO36" s="114">
        <v>0</v>
      </c>
      <c r="DP36" s="114">
        <v>0</v>
      </c>
      <c r="DQ36" s="114">
        <v>0</v>
      </c>
      <c r="DR36" s="113">
        <v>0</v>
      </c>
      <c r="DS36" s="116">
        <v>0</v>
      </c>
      <c r="DT36" s="110">
        <v>0</v>
      </c>
      <c r="DU36" s="114">
        <v>0</v>
      </c>
      <c r="DV36" s="113">
        <v>0</v>
      </c>
      <c r="DW36" s="110">
        <v>0</v>
      </c>
      <c r="DX36" s="114">
        <v>0</v>
      </c>
      <c r="DY36" s="114">
        <v>0</v>
      </c>
      <c r="DZ36" s="114">
        <v>0</v>
      </c>
      <c r="EA36" s="114">
        <v>0</v>
      </c>
      <c r="EB36" s="114">
        <v>0</v>
      </c>
      <c r="EC36" s="113">
        <v>0</v>
      </c>
      <c r="ED36" s="116">
        <v>0</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5"/>
      <c r="FE36" s="114">
        <v>0</v>
      </c>
      <c r="FF36" s="114">
        <v>0</v>
      </c>
      <c r="FG36" s="114">
        <v>0</v>
      </c>
      <c r="FH36" s="114">
        <v>0</v>
      </c>
      <c r="FI36" s="114">
        <v>0</v>
      </c>
      <c r="FJ36" s="113">
        <v>0</v>
      </c>
      <c r="FK36" s="116">
        <v>0</v>
      </c>
      <c r="FL36" s="110">
        <v>10780</v>
      </c>
      <c r="FM36" s="114">
        <v>0</v>
      </c>
      <c r="FN36" s="113">
        <v>10780</v>
      </c>
      <c r="FO36" s="110">
        <v>0</v>
      </c>
      <c r="FP36" s="114">
        <v>14070</v>
      </c>
      <c r="FQ36" s="114">
        <v>86275</v>
      </c>
      <c r="FR36" s="114">
        <v>43435</v>
      </c>
      <c r="FS36" s="114">
        <v>82950</v>
      </c>
      <c r="FT36" s="114">
        <v>31850</v>
      </c>
      <c r="FU36" s="113">
        <v>258580</v>
      </c>
      <c r="FV36" s="116">
        <v>269360</v>
      </c>
      <c r="FW36" s="115">
        <v>10780</v>
      </c>
      <c r="FX36" s="114">
        <v>0</v>
      </c>
      <c r="FY36" s="112">
        <v>10780</v>
      </c>
      <c r="FZ36" s="111">
        <v>0</v>
      </c>
      <c r="GA36" s="114">
        <v>14070</v>
      </c>
      <c r="GB36" s="114">
        <v>16975</v>
      </c>
      <c r="GC36" s="114">
        <v>22435</v>
      </c>
      <c r="GD36" s="114">
        <v>82950</v>
      </c>
      <c r="GE36" s="114">
        <v>31850</v>
      </c>
      <c r="GF36" s="113">
        <v>168280</v>
      </c>
      <c r="GG36" s="316">
        <v>179060</v>
      </c>
      <c r="GH36" s="115">
        <v>0</v>
      </c>
      <c r="GI36" s="114">
        <v>0</v>
      </c>
      <c r="GJ36" s="112">
        <v>0</v>
      </c>
      <c r="GK36" s="111">
        <v>0</v>
      </c>
      <c r="GL36" s="114">
        <v>0</v>
      </c>
      <c r="GM36" s="114">
        <v>0</v>
      </c>
      <c r="GN36" s="114">
        <v>21000</v>
      </c>
      <c r="GO36" s="114">
        <v>0</v>
      </c>
      <c r="GP36" s="114">
        <v>0</v>
      </c>
      <c r="GQ36" s="113">
        <v>21000</v>
      </c>
      <c r="GR36" s="116">
        <v>21000</v>
      </c>
      <c r="GS36" s="110">
        <v>0</v>
      </c>
      <c r="GT36" s="114">
        <v>0</v>
      </c>
      <c r="GU36" s="113">
        <v>0</v>
      </c>
      <c r="GV36" s="110">
        <v>0</v>
      </c>
      <c r="GW36" s="114">
        <v>0</v>
      </c>
      <c r="GX36" s="114">
        <v>69300</v>
      </c>
      <c r="GY36" s="114">
        <v>0</v>
      </c>
      <c r="GZ36" s="114">
        <v>0</v>
      </c>
      <c r="HA36" s="114">
        <v>0</v>
      </c>
      <c r="HB36" s="112">
        <v>69300</v>
      </c>
      <c r="HC36" s="116">
        <v>69300</v>
      </c>
      <c r="HD36" s="110">
        <v>0</v>
      </c>
      <c r="HE36" s="114">
        <v>0</v>
      </c>
      <c r="HF36" s="112">
        <v>0</v>
      </c>
      <c r="HG36" s="111">
        <v>0</v>
      </c>
      <c r="HH36" s="114">
        <v>138399</v>
      </c>
      <c r="HI36" s="114">
        <v>0</v>
      </c>
      <c r="HJ36" s="114">
        <v>0</v>
      </c>
      <c r="HK36" s="114">
        <v>0</v>
      </c>
      <c r="HL36" s="114">
        <v>0</v>
      </c>
      <c r="HM36" s="113">
        <v>138399</v>
      </c>
      <c r="HN36" s="109">
        <v>138399</v>
      </c>
      <c r="HO36" s="326"/>
      <c r="HP36" s="327"/>
      <c r="HQ36" s="328"/>
      <c r="HR36" s="329"/>
      <c r="HS36" s="327"/>
      <c r="HT36" s="327"/>
      <c r="HU36" s="327"/>
      <c r="HV36" s="327"/>
      <c r="HW36" s="327"/>
      <c r="HX36" s="330"/>
      <c r="HY36" s="331"/>
      <c r="HZ36" s="150">
        <v>0</v>
      </c>
      <c r="IA36" s="135">
        <v>0</v>
      </c>
      <c r="IB36" s="150">
        <v>0</v>
      </c>
      <c r="IC36" s="134">
        <v>0</v>
      </c>
      <c r="ID36" s="135">
        <v>24785</v>
      </c>
      <c r="IE36" s="136">
        <v>244979</v>
      </c>
      <c r="IF36" s="137">
        <v>304402</v>
      </c>
      <c r="IG36" s="135">
        <v>0</v>
      </c>
      <c r="IH36" s="137">
        <v>217872</v>
      </c>
      <c r="II36" s="138">
        <v>792038</v>
      </c>
      <c r="IJ36" s="150">
        <v>792038</v>
      </c>
      <c r="IK36" s="232">
        <v>0</v>
      </c>
      <c r="IL36" s="236">
        <v>0</v>
      </c>
      <c r="IM36" s="237">
        <v>0</v>
      </c>
      <c r="IN36" s="140"/>
      <c r="IO36" s="119">
        <v>0</v>
      </c>
      <c r="IP36" s="119">
        <v>88424</v>
      </c>
      <c r="IQ36" s="119">
        <v>0</v>
      </c>
      <c r="IR36" s="119">
        <v>0</v>
      </c>
      <c r="IS36" s="119">
        <v>0</v>
      </c>
      <c r="IT36" s="141">
        <v>88424</v>
      </c>
      <c r="IU36" s="318">
        <v>88424</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24785</v>
      </c>
      <c r="JL36" s="119">
        <v>3995</v>
      </c>
      <c r="JM36" s="119">
        <v>70105</v>
      </c>
      <c r="JN36" s="119">
        <v>0</v>
      </c>
      <c r="JO36" s="119">
        <v>0</v>
      </c>
      <c r="JP36" s="120">
        <v>98885</v>
      </c>
      <c r="JQ36" s="318">
        <v>98885</v>
      </c>
      <c r="JR36" s="142">
        <v>0</v>
      </c>
      <c r="JS36" s="119">
        <v>0</v>
      </c>
      <c r="JT36" s="141">
        <v>0</v>
      </c>
      <c r="JU36" s="118">
        <v>0</v>
      </c>
      <c r="JV36" s="119">
        <v>0</v>
      </c>
      <c r="JW36" s="119">
        <v>0</v>
      </c>
      <c r="JX36" s="119">
        <v>0</v>
      </c>
      <c r="JY36" s="119">
        <v>0</v>
      </c>
      <c r="JZ36" s="119">
        <v>0</v>
      </c>
      <c r="KA36" s="120">
        <v>0</v>
      </c>
      <c r="KB36" s="318">
        <v>0</v>
      </c>
      <c r="KC36" s="234">
        <v>0</v>
      </c>
      <c r="KD36" s="230">
        <v>0</v>
      </c>
      <c r="KE36" s="120">
        <v>0</v>
      </c>
      <c r="KF36" s="118">
        <v>0</v>
      </c>
      <c r="KG36" s="119">
        <v>0</v>
      </c>
      <c r="KH36" s="119">
        <v>152560</v>
      </c>
      <c r="KI36" s="119">
        <v>0</v>
      </c>
      <c r="KJ36" s="119">
        <v>0</v>
      </c>
      <c r="KK36" s="119">
        <v>0</v>
      </c>
      <c r="KL36" s="120">
        <v>152560</v>
      </c>
      <c r="KM36" s="143">
        <v>152560</v>
      </c>
      <c r="KN36" s="232">
        <v>0</v>
      </c>
      <c r="KO36" s="236">
        <v>0</v>
      </c>
      <c r="KP36" s="237">
        <v>0</v>
      </c>
      <c r="KQ36" s="140"/>
      <c r="KR36" s="119">
        <v>0</v>
      </c>
      <c r="KS36" s="119">
        <v>0</v>
      </c>
      <c r="KT36" s="119">
        <v>234297</v>
      </c>
      <c r="KU36" s="119">
        <v>0</v>
      </c>
      <c r="KV36" s="119">
        <v>217872</v>
      </c>
      <c r="KW36" s="120">
        <v>452169</v>
      </c>
      <c r="KX36" s="318">
        <v>452169</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18">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10623</v>
      </c>
      <c r="ML36" s="119">
        <v>199517</v>
      </c>
      <c r="MM36" s="119">
        <v>0</v>
      </c>
      <c r="MN36" s="119">
        <v>465955</v>
      </c>
      <c r="MO36" s="120">
        <v>876095</v>
      </c>
      <c r="MP36" s="143">
        <v>876095</v>
      </c>
      <c r="MQ36" s="142">
        <v>0</v>
      </c>
      <c r="MR36" s="119">
        <v>0</v>
      </c>
      <c r="MS36" s="120">
        <v>0</v>
      </c>
      <c r="MT36" s="145"/>
      <c r="MU36" s="119">
        <v>0</v>
      </c>
      <c r="MV36" s="119">
        <v>0</v>
      </c>
      <c r="MW36" s="119">
        <v>199517</v>
      </c>
      <c r="MX36" s="119">
        <v>0</v>
      </c>
      <c r="MY36" s="119">
        <v>219667</v>
      </c>
      <c r="MZ36" s="120">
        <v>419184</v>
      </c>
      <c r="NA36" s="143">
        <v>419184</v>
      </c>
      <c r="NB36" s="142">
        <v>0</v>
      </c>
      <c r="NC36" s="119">
        <v>0</v>
      </c>
      <c r="ND36" s="120">
        <v>0</v>
      </c>
      <c r="NE36" s="145">
        <v>0</v>
      </c>
      <c r="NF36" s="119">
        <v>0</v>
      </c>
      <c r="NG36" s="119">
        <v>210623</v>
      </c>
      <c r="NH36" s="119">
        <v>0</v>
      </c>
      <c r="NI36" s="119">
        <v>0</v>
      </c>
      <c r="NJ36" s="119">
        <v>246288</v>
      </c>
      <c r="NK36" s="120">
        <v>456911</v>
      </c>
      <c r="NL36" s="318">
        <v>456911</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0780</v>
      </c>
      <c r="OJ36" s="119">
        <v>0</v>
      </c>
      <c r="OK36" s="141">
        <v>10780</v>
      </c>
      <c r="OL36" s="118">
        <v>0</v>
      </c>
      <c r="OM36" s="119">
        <v>232561</v>
      </c>
      <c r="ON36" s="119">
        <v>759286</v>
      </c>
      <c r="OO36" s="119">
        <v>792228</v>
      </c>
      <c r="OP36" s="119">
        <v>399786</v>
      </c>
      <c r="OQ36" s="119">
        <v>855642</v>
      </c>
      <c r="OR36" s="120">
        <v>3039503</v>
      </c>
      <c r="OS36" s="143">
        <v>3050283</v>
      </c>
    </row>
    <row r="37" spans="2:409" ht="21" customHeight="1" x14ac:dyDescent="0.2">
      <c r="B37" s="126" t="s">
        <v>32</v>
      </c>
      <c r="C37" s="110">
        <v>1960</v>
      </c>
      <c r="D37" s="114">
        <v>0</v>
      </c>
      <c r="E37" s="174">
        <v>1960</v>
      </c>
      <c r="F37" s="175">
        <v>0</v>
      </c>
      <c r="G37" s="176">
        <v>180401</v>
      </c>
      <c r="H37" s="176">
        <v>368578</v>
      </c>
      <c r="I37" s="176">
        <v>608649</v>
      </c>
      <c r="J37" s="176">
        <v>159355</v>
      </c>
      <c r="K37" s="176">
        <v>205982</v>
      </c>
      <c r="L37" s="177">
        <v>1522965</v>
      </c>
      <c r="M37" s="116">
        <v>1524925</v>
      </c>
      <c r="N37" s="110">
        <v>0</v>
      </c>
      <c r="O37" s="114">
        <v>0</v>
      </c>
      <c r="P37" s="113">
        <v>0</v>
      </c>
      <c r="Q37" s="110">
        <v>0</v>
      </c>
      <c r="R37" s="114">
        <v>0</v>
      </c>
      <c r="S37" s="114">
        <v>121884</v>
      </c>
      <c r="T37" s="114">
        <v>17710</v>
      </c>
      <c r="U37" s="114">
        <v>37758</v>
      </c>
      <c r="V37" s="114">
        <v>13692</v>
      </c>
      <c r="W37" s="113">
        <v>191044</v>
      </c>
      <c r="X37" s="116">
        <v>191044</v>
      </c>
      <c r="Y37" s="110">
        <v>0</v>
      </c>
      <c r="Z37" s="114">
        <v>0</v>
      </c>
      <c r="AA37" s="113">
        <v>0</v>
      </c>
      <c r="AB37" s="110">
        <v>0</v>
      </c>
      <c r="AC37" s="114">
        <v>0</v>
      </c>
      <c r="AD37" s="114">
        <v>0</v>
      </c>
      <c r="AE37" s="114">
        <v>0</v>
      </c>
      <c r="AF37" s="114">
        <v>0</v>
      </c>
      <c r="AG37" s="114">
        <v>0</v>
      </c>
      <c r="AH37" s="113">
        <v>0</v>
      </c>
      <c r="AI37" s="116">
        <v>0</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81942</v>
      </c>
      <c r="BA37" s="114">
        <v>0</v>
      </c>
      <c r="BB37" s="114">
        <v>0</v>
      </c>
      <c r="BC37" s="114">
        <v>0</v>
      </c>
      <c r="BD37" s="113">
        <v>81942</v>
      </c>
      <c r="BE37" s="116">
        <v>81942</v>
      </c>
      <c r="BF37" s="110">
        <v>0</v>
      </c>
      <c r="BG37" s="114">
        <v>0</v>
      </c>
      <c r="BH37" s="112">
        <v>0</v>
      </c>
      <c r="BI37" s="111">
        <v>0</v>
      </c>
      <c r="BJ37" s="114">
        <v>0</v>
      </c>
      <c r="BK37" s="114">
        <v>26768</v>
      </c>
      <c r="BL37" s="114">
        <v>0</v>
      </c>
      <c r="BM37" s="114">
        <v>20076</v>
      </c>
      <c r="BN37" s="114">
        <v>0</v>
      </c>
      <c r="BO37" s="113">
        <v>46844</v>
      </c>
      <c r="BP37" s="116">
        <v>46844</v>
      </c>
      <c r="BQ37" s="110">
        <v>0</v>
      </c>
      <c r="BR37" s="114">
        <v>0</v>
      </c>
      <c r="BS37" s="113">
        <v>0</v>
      </c>
      <c r="BT37" s="110">
        <v>0</v>
      </c>
      <c r="BU37" s="114">
        <v>0</v>
      </c>
      <c r="BV37" s="114">
        <v>13174</v>
      </c>
      <c r="BW37" s="114">
        <v>17710</v>
      </c>
      <c r="BX37" s="114">
        <v>17682</v>
      </c>
      <c r="BY37" s="114">
        <v>13692</v>
      </c>
      <c r="BZ37" s="113">
        <v>62258</v>
      </c>
      <c r="CA37" s="116">
        <v>62258</v>
      </c>
      <c r="CB37" s="110">
        <v>0</v>
      </c>
      <c r="CC37" s="114">
        <v>0</v>
      </c>
      <c r="CD37" s="113">
        <v>0</v>
      </c>
      <c r="CE37" s="110">
        <v>0</v>
      </c>
      <c r="CF37" s="114">
        <v>95001</v>
      </c>
      <c r="CG37" s="114">
        <v>29666</v>
      </c>
      <c r="CH37" s="114">
        <v>366910</v>
      </c>
      <c r="CI37" s="114">
        <v>80304</v>
      </c>
      <c r="CJ37" s="114">
        <v>0</v>
      </c>
      <c r="CK37" s="113">
        <v>571881</v>
      </c>
      <c r="CL37" s="116">
        <v>571881</v>
      </c>
      <c r="CM37" s="110">
        <v>0</v>
      </c>
      <c r="CN37" s="114">
        <v>0</v>
      </c>
      <c r="CO37" s="113">
        <v>0</v>
      </c>
      <c r="CP37" s="111">
        <v>0</v>
      </c>
      <c r="CQ37" s="114">
        <v>95001</v>
      </c>
      <c r="CR37" s="114">
        <v>29666</v>
      </c>
      <c r="CS37" s="114">
        <v>315526</v>
      </c>
      <c r="CT37" s="114">
        <v>0</v>
      </c>
      <c r="CU37" s="114">
        <v>0</v>
      </c>
      <c r="CV37" s="113">
        <v>440193</v>
      </c>
      <c r="CW37" s="116">
        <v>440193</v>
      </c>
      <c r="CX37" s="110">
        <v>0</v>
      </c>
      <c r="CY37" s="114">
        <v>0</v>
      </c>
      <c r="CZ37" s="113">
        <v>0</v>
      </c>
      <c r="DA37" s="110">
        <v>0</v>
      </c>
      <c r="DB37" s="114">
        <v>0</v>
      </c>
      <c r="DC37" s="114">
        <v>0</v>
      </c>
      <c r="DD37" s="114">
        <v>51384</v>
      </c>
      <c r="DE37" s="114">
        <v>80304</v>
      </c>
      <c r="DF37" s="114">
        <v>0</v>
      </c>
      <c r="DG37" s="113">
        <v>131688</v>
      </c>
      <c r="DH37" s="116">
        <v>131688</v>
      </c>
      <c r="DI37" s="110">
        <v>0</v>
      </c>
      <c r="DJ37" s="114">
        <v>0</v>
      </c>
      <c r="DK37" s="112">
        <v>0</v>
      </c>
      <c r="DL37" s="111">
        <v>0</v>
      </c>
      <c r="DM37" s="114">
        <v>0</v>
      </c>
      <c r="DN37" s="114">
        <v>0</v>
      </c>
      <c r="DO37" s="114">
        <v>16202</v>
      </c>
      <c r="DP37" s="114">
        <v>0</v>
      </c>
      <c r="DQ37" s="114">
        <v>0</v>
      </c>
      <c r="DR37" s="113">
        <v>16202</v>
      </c>
      <c r="DS37" s="116">
        <v>16202</v>
      </c>
      <c r="DT37" s="110">
        <v>0</v>
      </c>
      <c r="DU37" s="114">
        <v>0</v>
      </c>
      <c r="DV37" s="113">
        <v>0</v>
      </c>
      <c r="DW37" s="110">
        <v>0</v>
      </c>
      <c r="DX37" s="114">
        <v>0</v>
      </c>
      <c r="DY37" s="114">
        <v>0</v>
      </c>
      <c r="DZ37" s="114">
        <v>16202</v>
      </c>
      <c r="EA37" s="114">
        <v>0</v>
      </c>
      <c r="EB37" s="114">
        <v>0</v>
      </c>
      <c r="EC37" s="113">
        <v>16202</v>
      </c>
      <c r="ED37" s="116">
        <v>16202</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5"/>
      <c r="FE37" s="114">
        <v>0</v>
      </c>
      <c r="FF37" s="114">
        <v>0</v>
      </c>
      <c r="FG37" s="114">
        <v>0</v>
      </c>
      <c r="FH37" s="114">
        <v>0</v>
      </c>
      <c r="FI37" s="114">
        <v>0</v>
      </c>
      <c r="FJ37" s="113">
        <v>0</v>
      </c>
      <c r="FK37" s="116">
        <v>0</v>
      </c>
      <c r="FL37" s="110">
        <v>1960</v>
      </c>
      <c r="FM37" s="114">
        <v>0</v>
      </c>
      <c r="FN37" s="113">
        <v>1960</v>
      </c>
      <c r="FO37" s="110">
        <v>0</v>
      </c>
      <c r="FP37" s="114">
        <v>6370</v>
      </c>
      <c r="FQ37" s="114">
        <v>71470</v>
      </c>
      <c r="FR37" s="114">
        <v>34650</v>
      </c>
      <c r="FS37" s="114">
        <v>41293</v>
      </c>
      <c r="FT37" s="114">
        <v>0</v>
      </c>
      <c r="FU37" s="113">
        <v>153783</v>
      </c>
      <c r="FV37" s="116">
        <v>155743</v>
      </c>
      <c r="FW37" s="115">
        <v>1960</v>
      </c>
      <c r="FX37" s="114">
        <v>0</v>
      </c>
      <c r="FY37" s="112">
        <v>1960</v>
      </c>
      <c r="FZ37" s="111">
        <v>0</v>
      </c>
      <c r="GA37" s="114">
        <v>6370</v>
      </c>
      <c r="GB37" s="114">
        <v>71470</v>
      </c>
      <c r="GC37" s="114">
        <v>34650</v>
      </c>
      <c r="GD37" s="114">
        <v>41293</v>
      </c>
      <c r="GE37" s="114">
        <v>0</v>
      </c>
      <c r="GF37" s="113">
        <v>153783</v>
      </c>
      <c r="GG37" s="316">
        <v>155743</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79030</v>
      </c>
      <c r="HI37" s="114">
        <v>145558</v>
      </c>
      <c r="HJ37" s="114">
        <v>173177</v>
      </c>
      <c r="HK37" s="114">
        <v>0</v>
      </c>
      <c r="HL37" s="114">
        <v>192290</v>
      </c>
      <c r="HM37" s="113">
        <v>590055</v>
      </c>
      <c r="HN37" s="109">
        <v>590055</v>
      </c>
      <c r="HO37" s="326"/>
      <c r="HP37" s="327"/>
      <c r="HQ37" s="328"/>
      <c r="HR37" s="329"/>
      <c r="HS37" s="327"/>
      <c r="HT37" s="327"/>
      <c r="HU37" s="327"/>
      <c r="HV37" s="327"/>
      <c r="HW37" s="327"/>
      <c r="HX37" s="330"/>
      <c r="HY37" s="331"/>
      <c r="HZ37" s="131">
        <v>0</v>
      </c>
      <c r="IA37" s="132">
        <v>0</v>
      </c>
      <c r="IB37" s="133">
        <v>0</v>
      </c>
      <c r="IC37" s="146">
        <v>0</v>
      </c>
      <c r="ID37" s="132">
        <v>97790</v>
      </c>
      <c r="IE37" s="147">
        <v>229327</v>
      </c>
      <c r="IF37" s="133">
        <v>414250</v>
      </c>
      <c r="IG37" s="132">
        <v>376054</v>
      </c>
      <c r="IH37" s="133">
        <v>221410</v>
      </c>
      <c r="II37" s="148">
        <v>1338831</v>
      </c>
      <c r="IJ37" s="139">
        <v>1338831</v>
      </c>
      <c r="IK37" s="232">
        <v>0</v>
      </c>
      <c r="IL37" s="236">
        <v>0</v>
      </c>
      <c r="IM37" s="237">
        <v>0</v>
      </c>
      <c r="IN37" s="140"/>
      <c r="IO37" s="119">
        <v>0</v>
      </c>
      <c r="IP37" s="119">
        <v>84616</v>
      </c>
      <c r="IQ37" s="119">
        <v>0</v>
      </c>
      <c r="IR37" s="119">
        <v>0</v>
      </c>
      <c r="IS37" s="119">
        <v>0</v>
      </c>
      <c r="IT37" s="141">
        <v>84616</v>
      </c>
      <c r="IU37" s="318">
        <v>84616</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19978</v>
      </c>
      <c r="JL37" s="119">
        <v>12929</v>
      </c>
      <c r="JM37" s="119">
        <v>33933</v>
      </c>
      <c r="JN37" s="119">
        <v>0</v>
      </c>
      <c r="JO37" s="119">
        <v>0</v>
      </c>
      <c r="JP37" s="120">
        <v>66840</v>
      </c>
      <c r="JQ37" s="318">
        <v>66840</v>
      </c>
      <c r="JR37" s="142">
        <v>0</v>
      </c>
      <c r="JS37" s="119">
        <v>0</v>
      </c>
      <c r="JT37" s="141">
        <v>0</v>
      </c>
      <c r="JU37" s="118">
        <v>0</v>
      </c>
      <c r="JV37" s="119">
        <v>77812</v>
      </c>
      <c r="JW37" s="119">
        <v>0</v>
      </c>
      <c r="JX37" s="119">
        <v>0</v>
      </c>
      <c r="JY37" s="119">
        <v>0</v>
      </c>
      <c r="JZ37" s="119">
        <v>0</v>
      </c>
      <c r="KA37" s="120">
        <v>77812</v>
      </c>
      <c r="KB37" s="318">
        <v>77812</v>
      </c>
      <c r="KC37" s="234">
        <v>0</v>
      </c>
      <c r="KD37" s="230">
        <v>0</v>
      </c>
      <c r="KE37" s="120">
        <v>0</v>
      </c>
      <c r="KF37" s="118">
        <v>0</v>
      </c>
      <c r="KG37" s="119">
        <v>0</v>
      </c>
      <c r="KH37" s="119">
        <v>131782</v>
      </c>
      <c r="KI37" s="119">
        <v>0</v>
      </c>
      <c r="KJ37" s="119">
        <v>0</v>
      </c>
      <c r="KK37" s="119">
        <v>0</v>
      </c>
      <c r="KL37" s="120">
        <v>131782</v>
      </c>
      <c r="KM37" s="143">
        <v>131782</v>
      </c>
      <c r="KN37" s="232">
        <v>0</v>
      </c>
      <c r="KO37" s="236">
        <v>0</v>
      </c>
      <c r="KP37" s="237">
        <v>0</v>
      </c>
      <c r="KQ37" s="140"/>
      <c r="KR37" s="119">
        <v>0</v>
      </c>
      <c r="KS37" s="119">
        <v>0</v>
      </c>
      <c r="KT37" s="119">
        <v>202426</v>
      </c>
      <c r="KU37" s="119">
        <v>0</v>
      </c>
      <c r="KV37" s="119">
        <v>221410</v>
      </c>
      <c r="KW37" s="120">
        <v>423836</v>
      </c>
      <c r="KX37" s="318">
        <v>423836</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177891</v>
      </c>
      <c r="LQ37" s="119">
        <v>376054</v>
      </c>
      <c r="LR37" s="119">
        <v>0</v>
      </c>
      <c r="LS37" s="120">
        <v>553945</v>
      </c>
      <c r="LT37" s="318">
        <v>553945</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15470</v>
      </c>
      <c r="MN37" s="119">
        <v>517125</v>
      </c>
      <c r="MO37" s="120">
        <v>532595</v>
      </c>
      <c r="MP37" s="143">
        <v>532595</v>
      </c>
      <c r="MQ37" s="142">
        <v>0</v>
      </c>
      <c r="MR37" s="119">
        <v>0</v>
      </c>
      <c r="MS37" s="120">
        <v>0</v>
      </c>
      <c r="MT37" s="145"/>
      <c r="MU37" s="119">
        <v>0</v>
      </c>
      <c r="MV37" s="119">
        <v>0</v>
      </c>
      <c r="MW37" s="119">
        <v>0</v>
      </c>
      <c r="MX37" s="119">
        <v>15470</v>
      </c>
      <c r="MY37" s="119">
        <v>250560</v>
      </c>
      <c r="MZ37" s="120">
        <v>266030</v>
      </c>
      <c r="NA37" s="143">
        <v>266030</v>
      </c>
      <c r="NB37" s="142">
        <v>0</v>
      </c>
      <c r="NC37" s="119">
        <v>0</v>
      </c>
      <c r="ND37" s="120">
        <v>0</v>
      </c>
      <c r="NE37" s="145">
        <v>0</v>
      </c>
      <c r="NF37" s="119">
        <v>0</v>
      </c>
      <c r="NG37" s="119">
        <v>0</v>
      </c>
      <c r="NH37" s="119">
        <v>0</v>
      </c>
      <c r="NI37" s="119">
        <v>0</v>
      </c>
      <c r="NJ37" s="119">
        <v>266565</v>
      </c>
      <c r="NK37" s="120">
        <v>266565</v>
      </c>
      <c r="NL37" s="318">
        <v>266565</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1960</v>
      </c>
      <c r="OJ37" s="119">
        <v>0</v>
      </c>
      <c r="OK37" s="141">
        <v>1960</v>
      </c>
      <c r="OL37" s="118">
        <v>0</v>
      </c>
      <c r="OM37" s="119">
        <v>278191</v>
      </c>
      <c r="ON37" s="119">
        <v>597905</v>
      </c>
      <c r="OO37" s="119">
        <v>1022899</v>
      </c>
      <c r="OP37" s="119">
        <v>550879</v>
      </c>
      <c r="OQ37" s="119">
        <v>944517</v>
      </c>
      <c r="OR37" s="120">
        <v>3394391</v>
      </c>
      <c r="OS37" s="143">
        <v>3396351</v>
      </c>
    </row>
    <row r="38" spans="2:409" ht="21" customHeight="1" x14ac:dyDescent="0.2">
      <c r="B38" s="126" t="s">
        <v>33</v>
      </c>
      <c r="C38" s="110">
        <v>192003</v>
      </c>
      <c r="D38" s="114">
        <v>4900</v>
      </c>
      <c r="E38" s="113">
        <v>196903</v>
      </c>
      <c r="F38" s="109">
        <v>0</v>
      </c>
      <c r="G38" s="114">
        <v>448204</v>
      </c>
      <c r="H38" s="114">
        <v>110200</v>
      </c>
      <c r="I38" s="114">
        <v>833506</v>
      </c>
      <c r="J38" s="114">
        <v>190043</v>
      </c>
      <c r="K38" s="114">
        <v>115199</v>
      </c>
      <c r="L38" s="173">
        <v>1697152</v>
      </c>
      <c r="M38" s="116">
        <v>1894055</v>
      </c>
      <c r="N38" s="110">
        <v>4774</v>
      </c>
      <c r="O38" s="114">
        <v>0</v>
      </c>
      <c r="P38" s="113">
        <v>4774</v>
      </c>
      <c r="Q38" s="110">
        <v>0</v>
      </c>
      <c r="R38" s="114">
        <v>118570</v>
      </c>
      <c r="S38" s="114">
        <v>93400</v>
      </c>
      <c r="T38" s="114">
        <v>237637</v>
      </c>
      <c r="U38" s="114">
        <v>0</v>
      </c>
      <c r="V38" s="114">
        <v>11636</v>
      </c>
      <c r="W38" s="113">
        <v>461243</v>
      </c>
      <c r="X38" s="116">
        <v>466017</v>
      </c>
      <c r="Y38" s="110">
        <v>0</v>
      </c>
      <c r="Z38" s="114">
        <v>0</v>
      </c>
      <c r="AA38" s="113">
        <v>0</v>
      </c>
      <c r="AB38" s="110">
        <v>0</v>
      </c>
      <c r="AC38" s="114">
        <v>48100</v>
      </c>
      <c r="AD38" s="114">
        <v>0</v>
      </c>
      <c r="AE38" s="114">
        <v>12449</v>
      </c>
      <c r="AF38" s="114">
        <v>0</v>
      </c>
      <c r="AG38" s="114">
        <v>5497</v>
      </c>
      <c r="AH38" s="113">
        <v>66046</v>
      </c>
      <c r="AI38" s="116">
        <v>66046</v>
      </c>
      <c r="AJ38" s="110">
        <v>0</v>
      </c>
      <c r="AK38" s="114">
        <v>0</v>
      </c>
      <c r="AL38" s="113">
        <v>0</v>
      </c>
      <c r="AM38" s="110">
        <v>0</v>
      </c>
      <c r="AN38" s="114">
        <v>0</v>
      </c>
      <c r="AO38" s="114">
        <v>0</v>
      </c>
      <c r="AP38" s="114">
        <v>39802</v>
      </c>
      <c r="AQ38" s="114">
        <v>0</v>
      </c>
      <c r="AR38" s="114">
        <v>0</v>
      </c>
      <c r="AS38" s="113">
        <v>39802</v>
      </c>
      <c r="AT38" s="116">
        <v>39802</v>
      </c>
      <c r="AU38" s="110">
        <v>0</v>
      </c>
      <c r="AV38" s="114">
        <v>0</v>
      </c>
      <c r="AW38" s="113">
        <v>0</v>
      </c>
      <c r="AX38" s="110">
        <v>0</v>
      </c>
      <c r="AY38" s="114">
        <v>0</v>
      </c>
      <c r="AZ38" s="114">
        <v>27573</v>
      </c>
      <c r="BA38" s="114">
        <v>69495</v>
      </c>
      <c r="BB38" s="114">
        <v>0</v>
      </c>
      <c r="BC38" s="114">
        <v>0</v>
      </c>
      <c r="BD38" s="113">
        <v>97068</v>
      </c>
      <c r="BE38" s="116">
        <v>97068</v>
      </c>
      <c r="BF38" s="110">
        <v>0</v>
      </c>
      <c r="BG38" s="114">
        <v>0</v>
      </c>
      <c r="BH38" s="112">
        <v>0</v>
      </c>
      <c r="BI38" s="111">
        <v>0</v>
      </c>
      <c r="BJ38" s="114">
        <v>66844</v>
      </c>
      <c r="BK38" s="114">
        <v>65827</v>
      </c>
      <c r="BL38" s="114">
        <v>84671</v>
      </c>
      <c r="BM38" s="114">
        <v>0</v>
      </c>
      <c r="BN38" s="114">
        <v>0</v>
      </c>
      <c r="BO38" s="113">
        <v>217342</v>
      </c>
      <c r="BP38" s="116">
        <v>217342</v>
      </c>
      <c r="BQ38" s="110">
        <v>4774</v>
      </c>
      <c r="BR38" s="114">
        <v>0</v>
      </c>
      <c r="BS38" s="113">
        <v>4774</v>
      </c>
      <c r="BT38" s="110">
        <v>0</v>
      </c>
      <c r="BU38" s="114">
        <v>3626</v>
      </c>
      <c r="BV38" s="114">
        <v>0</v>
      </c>
      <c r="BW38" s="114">
        <v>31220</v>
      </c>
      <c r="BX38" s="114">
        <v>0</v>
      </c>
      <c r="BY38" s="114">
        <v>6139</v>
      </c>
      <c r="BZ38" s="113">
        <v>40985</v>
      </c>
      <c r="CA38" s="116">
        <v>45759</v>
      </c>
      <c r="CB38" s="110">
        <v>0</v>
      </c>
      <c r="CC38" s="114">
        <v>0</v>
      </c>
      <c r="CD38" s="113">
        <v>0</v>
      </c>
      <c r="CE38" s="110">
        <v>0</v>
      </c>
      <c r="CF38" s="114">
        <v>123064</v>
      </c>
      <c r="CG38" s="114">
        <v>0</v>
      </c>
      <c r="CH38" s="114">
        <v>49227</v>
      </c>
      <c r="CI38" s="114">
        <v>0</v>
      </c>
      <c r="CJ38" s="114">
        <v>52477</v>
      </c>
      <c r="CK38" s="113">
        <v>224768</v>
      </c>
      <c r="CL38" s="116">
        <v>224768</v>
      </c>
      <c r="CM38" s="110">
        <v>0</v>
      </c>
      <c r="CN38" s="114">
        <v>0</v>
      </c>
      <c r="CO38" s="113">
        <v>0</v>
      </c>
      <c r="CP38" s="111">
        <v>0</v>
      </c>
      <c r="CQ38" s="114">
        <v>59345</v>
      </c>
      <c r="CR38" s="114">
        <v>0</v>
      </c>
      <c r="CS38" s="114">
        <v>0</v>
      </c>
      <c r="CT38" s="114">
        <v>0</v>
      </c>
      <c r="CU38" s="114">
        <v>52477</v>
      </c>
      <c r="CV38" s="113">
        <v>111822</v>
      </c>
      <c r="CW38" s="116">
        <v>111822</v>
      </c>
      <c r="CX38" s="110">
        <v>0</v>
      </c>
      <c r="CY38" s="114">
        <v>0</v>
      </c>
      <c r="CZ38" s="113">
        <v>0</v>
      </c>
      <c r="DA38" s="110">
        <v>0</v>
      </c>
      <c r="DB38" s="114">
        <v>63719</v>
      </c>
      <c r="DC38" s="114">
        <v>0</v>
      </c>
      <c r="DD38" s="114">
        <v>49227</v>
      </c>
      <c r="DE38" s="114">
        <v>0</v>
      </c>
      <c r="DF38" s="114">
        <v>0</v>
      </c>
      <c r="DG38" s="113">
        <v>112946</v>
      </c>
      <c r="DH38" s="116">
        <v>112946</v>
      </c>
      <c r="DI38" s="110">
        <v>0</v>
      </c>
      <c r="DJ38" s="114">
        <v>0</v>
      </c>
      <c r="DK38" s="112">
        <v>0</v>
      </c>
      <c r="DL38" s="111">
        <v>0</v>
      </c>
      <c r="DM38" s="114">
        <v>60545</v>
      </c>
      <c r="DN38" s="114">
        <v>0</v>
      </c>
      <c r="DO38" s="114">
        <v>156721</v>
      </c>
      <c r="DP38" s="114">
        <v>0</v>
      </c>
      <c r="DQ38" s="114">
        <v>0</v>
      </c>
      <c r="DR38" s="113">
        <v>217266</v>
      </c>
      <c r="DS38" s="116">
        <v>217266</v>
      </c>
      <c r="DT38" s="110">
        <v>0</v>
      </c>
      <c r="DU38" s="114">
        <v>0</v>
      </c>
      <c r="DV38" s="113">
        <v>0</v>
      </c>
      <c r="DW38" s="110">
        <v>0</v>
      </c>
      <c r="DX38" s="114">
        <v>0</v>
      </c>
      <c r="DY38" s="114">
        <v>0</v>
      </c>
      <c r="DZ38" s="114">
        <v>21420</v>
      </c>
      <c r="EA38" s="114">
        <v>0</v>
      </c>
      <c r="EB38" s="114">
        <v>0</v>
      </c>
      <c r="EC38" s="113">
        <v>21420</v>
      </c>
      <c r="ED38" s="116">
        <v>21420</v>
      </c>
      <c r="EE38" s="110">
        <v>0</v>
      </c>
      <c r="EF38" s="112">
        <v>0</v>
      </c>
      <c r="EG38" s="113">
        <v>0</v>
      </c>
      <c r="EH38" s="110">
        <v>0</v>
      </c>
      <c r="EI38" s="114">
        <v>60545</v>
      </c>
      <c r="EJ38" s="114">
        <v>0</v>
      </c>
      <c r="EK38" s="114">
        <v>135301</v>
      </c>
      <c r="EL38" s="114">
        <v>0</v>
      </c>
      <c r="EM38" s="114">
        <v>0</v>
      </c>
      <c r="EN38" s="112">
        <v>195846</v>
      </c>
      <c r="EO38" s="116">
        <v>195846</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5"/>
      <c r="FE38" s="114">
        <v>0</v>
      </c>
      <c r="FF38" s="114">
        <v>0</v>
      </c>
      <c r="FG38" s="114">
        <v>0</v>
      </c>
      <c r="FH38" s="114">
        <v>0</v>
      </c>
      <c r="FI38" s="114">
        <v>0</v>
      </c>
      <c r="FJ38" s="113">
        <v>0</v>
      </c>
      <c r="FK38" s="116">
        <v>0</v>
      </c>
      <c r="FL38" s="110">
        <v>140000</v>
      </c>
      <c r="FM38" s="114">
        <v>4900</v>
      </c>
      <c r="FN38" s="113">
        <v>144900</v>
      </c>
      <c r="FO38" s="110">
        <v>0</v>
      </c>
      <c r="FP38" s="114">
        <v>10710</v>
      </c>
      <c r="FQ38" s="114">
        <v>16800</v>
      </c>
      <c r="FR38" s="114">
        <v>36078</v>
      </c>
      <c r="FS38" s="114">
        <v>0</v>
      </c>
      <c r="FT38" s="114">
        <v>51086</v>
      </c>
      <c r="FU38" s="113">
        <v>114674</v>
      </c>
      <c r="FV38" s="116">
        <v>259574</v>
      </c>
      <c r="FW38" s="115">
        <v>0</v>
      </c>
      <c r="FX38" s="114">
        <v>4900</v>
      </c>
      <c r="FY38" s="112">
        <v>4900</v>
      </c>
      <c r="FZ38" s="111">
        <v>0</v>
      </c>
      <c r="GA38" s="114">
        <v>10710</v>
      </c>
      <c r="GB38" s="114">
        <v>16800</v>
      </c>
      <c r="GC38" s="114">
        <v>36078</v>
      </c>
      <c r="GD38" s="114">
        <v>0</v>
      </c>
      <c r="GE38" s="114">
        <v>51086</v>
      </c>
      <c r="GF38" s="113">
        <v>114674</v>
      </c>
      <c r="GG38" s="316">
        <v>119574</v>
      </c>
      <c r="GH38" s="115">
        <v>0</v>
      </c>
      <c r="GI38" s="114">
        <v>0</v>
      </c>
      <c r="GJ38" s="112">
        <v>0</v>
      </c>
      <c r="GK38" s="111">
        <v>0</v>
      </c>
      <c r="GL38" s="114">
        <v>0</v>
      </c>
      <c r="GM38" s="114">
        <v>0</v>
      </c>
      <c r="GN38" s="114">
        <v>0</v>
      </c>
      <c r="GO38" s="114">
        <v>0</v>
      </c>
      <c r="GP38" s="114">
        <v>0</v>
      </c>
      <c r="GQ38" s="113">
        <v>0</v>
      </c>
      <c r="GR38" s="116">
        <v>0</v>
      </c>
      <c r="GS38" s="110">
        <v>140000</v>
      </c>
      <c r="GT38" s="114">
        <v>0</v>
      </c>
      <c r="GU38" s="113">
        <v>140000</v>
      </c>
      <c r="GV38" s="110">
        <v>0</v>
      </c>
      <c r="GW38" s="114">
        <v>0</v>
      </c>
      <c r="GX38" s="114">
        <v>0</v>
      </c>
      <c r="GY38" s="114">
        <v>0</v>
      </c>
      <c r="GZ38" s="114">
        <v>0</v>
      </c>
      <c r="HA38" s="114">
        <v>0</v>
      </c>
      <c r="HB38" s="112">
        <v>0</v>
      </c>
      <c r="HC38" s="116">
        <v>140000</v>
      </c>
      <c r="HD38" s="110">
        <v>47229</v>
      </c>
      <c r="HE38" s="114">
        <v>0</v>
      </c>
      <c r="HF38" s="112">
        <v>47229</v>
      </c>
      <c r="HG38" s="111">
        <v>0</v>
      </c>
      <c r="HH38" s="114">
        <v>135315</v>
      </c>
      <c r="HI38" s="114">
        <v>0</v>
      </c>
      <c r="HJ38" s="114">
        <v>353843</v>
      </c>
      <c r="HK38" s="114">
        <v>190043</v>
      </c>
      <c r="HL38" s="114">
        <v>0</v>
      </c>
      <c r="HM38" s="113">
        <v>679201</v>
      </c>
      <c r="HN38" s="109">
        <v>726430</v>
      </c>
      <c r="HO38" s="326"/>
      <c r="HP38" s="327"/>
      <c r="HQ38" s="328"/>
      <c r="HR38" s="329"/>
      <c r="HS38" s="327"/>
      <c r="HT38" s="327"/>
      <c r="HU38" s="327"/>
      <c r="HV38" s="327"/>
      <c r="HW38" s="327"/>
      <c r="HX38" s="330"/>
      <c r="HY38" s="331"/>
      <c r="HZ38" s="150">
        <v>0</v>
      </c>
      <c r="IA38" s="135">
        <v>0</v>
      </c>
      <c r="IB38" s="150">
        <v>0</v>
      </c>
      <c r="IC38" s="146">
        <v>0</v>
      </c>
      <c r="ID38" s="132">
        <v>41515</v>
      </c>
      <c r="IE38" s="147">
        <v>0</v>
      </c>
      <c r="IF38" s="133">
        <v>98917</v>
      </c>
      <c r="IG38" s="132">
        <v>23451</v>
      </c>
      <c r="IH38" s="133">
        <v>195010</v>
      </c>
      <c r="II38" s="148">
        <v>358893</v>
      </c>
      <c r="IJ38" s="150">
        <v>358893</v>
      </c>
      <c r="IK38" s="232">
        <v>0</v>
      </c>
      <c r="IL38" s="236">
        <v>0</v>
      </c>
      <c r="IM38" s="237">
        <v>0</v>
      </c>
      <c r="IN38" s="140"/>
      <c r="IO38" s="119">
        <v>0</v>
      </c>
      <c r="IP38" s="119">
        <v>0</v>
      </c>
      <c r="IQ38" s="119">
        <v>0</v>
      </c>
      <c r="IR38" s="119">
        <v>0</v>
      </c>
      <c r="IS38" s="119">
        <v>0</v>
      </c>
      <c r="IT38" s="141">
        <v>0</v>
      </c>
      <c r="IU38" s="318">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41515</v>
      </c>
      <c r="JL38" s="119">
        <v>0</v>
      </c>
      <c r="JM38" s="119">
        <v>98917</v>
      </c>
      <c r="JN38" s="119">
        <v>23451</v>
      </c>
      <c r="JO38" s="119">
        <v>0</v>
      </c>
      <c r="JP38" s="120">
        <v>163883</v>
      </c>
      <c r="JQ38" s="318">
        <v>163883</v>
      </c>
      <c r="JR38" s="142">
        <v>0</v>
      </c>
      <c r="JS38" s="119">
        <v>0</v>
      </c>
      <c r="JT38" s="141">
        <v>0</v>
      </c>
      <c r="JU38" s="118">
        <v>0</v>
      </c>
      <c r="JV38" s="119">
        <v>0</v>
      </c>
      <c r="JW38" s="119">
        <v>0</v>
      </c>
      <c r="JX38" s="119">
        <v>0</v>
      </c>
      <c r="JY38" s="119">
        <v>0</v>
      </c>
      <c r="JZ38" s="119">
        <v>0</v>
      </c>
      <c r="KA38" s="120">
        <v>0</v>
      </c>
      <c r="KB38" s="318">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18">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18">
        <v>0</v>
      </c>
      <c r="LU38" s="142">
        <v>0</v>
      </c>
      <c r="LV38" s="119">
        <v>0</v>
      </c>
      <c r="LW38" s="120">
        <v>0</v>
      </c>
      <c r="LX38" s="145"/>
      <c r="LY38" s="119">
        <v>0</v>
      </c>
      <c r="LZ38" s="119">
        <v>0</v>
      </c>
      <c r="MA38" s="119">
        <v>0</v>
      </c>
      <c r="MB38" s="119">
        <v>0</v>
      </c>
      <c r="MC38" s="119">
        <v>195010</v>
      </c>
      <c r="MD38" s="120">
        <v>195010</v>
      </c>
      <c r="ME38" s="121">
        <v>195010</v>
      </c>
      <c r="MF38" s="142">
        <v>0</v>
      </c>
      <c r="MG38" s="119">
        <v>0</v>
      </c>
      <c r="MH38" s="120">
        <v>0</v>
      </c>
      <c r="MI38" s="145"/>
      <c r="MJ38" s="119">
        <v>0</v>
      </c>
      <c r="MK38" s="119">
        <v>0</v>
      </c>
      <c r="ML38" s="119">
        <v>0</v>
      </c>
      <c r="MM38" s="119">
        <v>530917</v>
      </c>
      <c r="MN38" s="119">
        <v>580175</v>
      </c>
      <c r="MO38" s="120">
        <v>1111092</v>
      </c>
      <c r="MP38" s="143">
        <v>1111092</v>
      </c>
      <c r="MQ38" s="142">
        <v>0</v>
      </c>
      <c r="MR38" s="119">
        <v>0</v>
      </c>
      <c r="MS38" s="120">
        <v>0</v>
      </c>
      <c r="MT38" s="145"/>
      <c r="MU38" s="119">
        <v>0</v>
      </c>
      <c r="MV38" s="119">
        <v>0</v>
      </c>
      <c r="MW38" s="119">
        <v>0</v>
      </c>
      <c r="MX38" s="119">
        <v>0</v>
      </c>
      <c r="MY38" s="119">
        <v>0</v>
      </c>
      <c r="MZ38" s="120">
        <v>0</v>
      </c>
      <c r="NA38" s="143">
        <v>0</v>
      </c>
      <c r="NB38" s="142">
        <v>0</v>
      </c>
      <c r="NC38" s="119">
        <v>0</v>
      </c>
      <c r="ND38" s="120">
        <v>0</v>
      </c>
      <c r="NE38" s="145">
        <v>0</v>
      </c>
      <c r="NF38" s="119">
        <v>0</v>
      </c>
      <c r="NG38" s="119">
        <v>0</v>
      </c>
      <c r="NH38" s="119">
        <v>0</v>
      </c>
      <c r="NI38" s="119">
        <v>244596</v>
      </c>
      <c r="NJ38" s="119">
        <v>0</v>
      </c>
      <c r="NK38" s="120">
        <v>244596</v>
      </c>
      <c r="NL38" s="318">
        <v>244596</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0</v>
      </c>
      <c r="OE38" s="119">
        <v>286321</v>
      </c>
      <c r="OF38" s="119">
        <v>580175</v>
      </c>
      <c r="OG38" s="120">
        <v>866496</v>
      </c>
      <c r="OH38" s="121">
        <v>866496</v>
      </c>
      <c r="OI38" s="142">
        <v>192003</v>
      </c>
      <c r="OJ38" s="119">
        <v>4900</v>
      </c>
      <c r="OK38" s="141">
        <v>196903</v>
      </c>
      <c r="OL38" s="118">
        <v>0</v>
      </c>
      <c r="OM38" s="119">
        <v>489719</v>
      </c>
      <c r="ON38" s="119">
        <v>110200</v>
      </c>
      <c r="OO38" s="119">
        <v>932423</v>
      </c>
      <c r="OP38" s="119">
        <v>744411</v>
      </c>
      <c r="OQ38" s="119">
        <v>890384</v>
      </c>
      <c r="OR38" s="120">
        <v>3167137</v>
      </c>
      <c r="OS38" s="143">
        <v>3364040</v>
      </c>
    </row>
    <row r="39" spans="2:409" ht="21" customHeight="1" x14ac:dyDescent="0.2">
      <c r="B39" s="126" t="s">
        <v>34</v>
      </c>
      <c r="C39" s="110">
        <v>0</v>
      </c>
      <c r="D39" s="114">
        <v>0</v>
      </c>
      <c r="E39" s="174">
        <v>0</v>
      </c>
      <c r="F39" s="175">
        <v>0</v>
      </c>
      <c r="G39" s="176">
        <v>57253</v>
      </c>
      <c r="H39" s="176">
        <v>167377</v>
      </c>
      <c r="I39" s="176">
        <v>351169</v>
      </c>
      <c r="J39" s="176">
        <v>0</v>
      </c>
      <c r="K39" s="176">
        <v>20377</v>
      </c>
      <c r="L39" s="177">
        <v>596176</v>
      </c>
      <c r="M39" s="116">
        <v>596176</v>
      </c>
      <c r="N39" s="110">
        <v>0</v>
      </c>
      <c r="O39" s="114">
        <v>0</v>
      </c>
      <c r="P39" s="113">
        <v>0</v>
      </c>
      <c r="Q39" s="110">
        <v>0</v>
      </c>
      <c r="R39" s="114">
        <v>53753</v>
      </c>
      <c r="S39" s="114">
        <v>4172</v>
      </c>
      <c r="T39" s="114">
        <v>13538</v>
      </c>
      <c r="U39" s="114">
        <v>0</v>
      </c>
      <c r="V39" s="114">
        <v>4172</v>
      </c>
      <c r="W39" s="113">
        <v>75635</v>
      </c>
      <c r="X39" s="116">
        <v>75635</v>
      </c>
      <c r="Y39" s="110">
        <v>0</v>
      </c>
      <c r="Z39" s="114">
        <v>0</v>
      </c>
      <c r="AA39" s="113">
        <v>0</v>
      </c>
      <c r="AB39" s="110">
        <v>0</v>
      </c>
      <c r="AC39" s="114">
        <v>38220</v>
      </c>
      <c r="AD39" s="114">
        <v>0</v>
      </c>
      <c r="AE39" s="114">
        <v>0</v>
      </c>
      <c r="AF39" s="114">
        <v>0</v>
      </c>
      <c r="AG39" s="114">
        <v>0</v>
      </c>
      <c r="AH39" s="113">
        <v>38220</v>
      </c>
      <c r="AI39" s="116">
        <v>3822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0</v>
      </c>
      <c r="BM39" s="114">
        <v>0</v>
      </c>
      <c r="BN39" s="114">
        <v>0</v>
      </c>
      <c r="BO39" s="113">
        <v>0</v>
      </c>
      <c r="BP39" s="116">
        <v>0</v>
      </c>
      <c r="BQ39" s="110">
        <v>0</v>
      </c>
      <c r="BR39" s="114">
        <v>0</v>
      </c>
      <c r="BS39" s="113">
        <v>0</v>
      </c>
      <c r="BT39" s="110">
        <v>0</v>
      </c>
      <c r="BU39" s="114">
        <v>15533</v>
      </c>
      <c r="BV39" s="114">
        <v>4172</v>
      </c>
      <c r="BW39" s="114">
        <v>13538</v>
      </c>
      <c r="BX39" s="114">
        <v>0</v>
      </c>
      <c r="BY39" s="114">
        <v>4172</v>
      </c>
      <c r="BZ39" s="113">
        <v>37415</v>
      </c>
      <c r="CA39" s="116">
        <v>37415</v>
      </c>
      <c r="CB39" s="110">
        <v>0</v>
      </c>
      <c r="CC39" s="114">
        <v>0</v>
      </c>
      <c r="CD39" s="113">
        <v>0</v>
      </c>
      <c r="CE39" s="110">
        <v>0</v>
      </c>
      <c r="CF39" s="114">
        <v>0</v>
      </c>
      <c r="CG39" s="114">
        <v>162330</v>
      </c>
      <c r="CH39" s="114">
        <v>177170</v>
      </c>
      <c r="CI39" s="114">
        <v>0</v>
      </c>
      <c r="CJ39" s="114">
        <v>0</v>
      </c>
      <c r="CK39" s="113">
        <v>339500</v>
      </c>
      <c r="CL39" s="116">
        <v>339500</v>
      </c>
      <c r="CM39" s="110">
        <v>0</v>
      </c>
      <c r="CN39" s="114">
        <v>0</v>
      </c>
      <c r="CO39" s="113">
        <v>0</v>
      </c>
      <c r="CP39" s="111">
        <v>0</v>
      </c>
      <c r="CQ39" s="114">
        <v>0</v>
      </c>
      <c r="CR39" s="114">
        <v>162330</v>
      </c>
      <c r="CS39" s="114">
        <v>177170</v>
      </c>
      <c r="CT39" s="114">
        <v>0</v>
      </c>
      <c r="CU39" s="114">
        <v>0</v>
      </c>
      <c r="CV39" s="113">
        <v>339500</v>
      </c>
      <c r="CW39" s="116">
        <v>339500</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5"/>
      <c r="FE39" s="114">
        <v>0</v>
      </c>
      <c r="FF39" s="114">
        <v>0</v>
      </c>
      <c r="FG39" s="114">
        <v>0</v>
      </c>
      <c r="FH39" s="114">
        <v>0</v>
      </c>
      <c r="FI39" s="114">
        <v>0</v>
      </c>
      <c r="FJ39" s="113">
        <v>0</v>
      </c>
      <c r="FK39" s="116">
        <v>0</v>
      </c>
      <c r="FL39" s="110">
        <v>0</v>
      </c>
      <c r="FM39" s="114">
        <v>0</v>
      </c>
      <c r="FN39" s="113">
        <v>0</v>
      </c>
      <c r="FO39" s="110">
        <v>0</v>
      </c>
      <c r="FP39" s="114">
        <v>3500</v>
      </c>
      <c r="FQ39" s="114">
        <v>875</v>
      </c>
      <c r="FR39" s="114">
        <v>0</v>
      </c>
      <c r="FS39" s="114">
        <v>0</v>
      </c>
      <c r="FT39" s="114">
        <v>16205</v>
      </c>
      <c r="FU39" s="113">
        <v>20580</v>
      </c>
      <c r="FV39" s="116">
        <v>20580</v>
      </c>
      <c r="FW39" s="115">
        <v>0</v>
      </c>
      <c r="FX39" s="114">
        <v>0</v>
      </c>
      <c r="FY39" s="112">
        <v>0</v>
      </c>
      <c r="FZ39" s="111">
        <v>0</v>
      </c>
      <c r="GA39" s="114">
        <v>3500</v>
      </c>
      <c r="GB39" s="114">
        <v>875</v>
      </c>
      <c r="GC39" s="114">
        <v>0</v>
      </c>
      <c r="GD39" s="114">
        <v>0</v>
      </c>
      <c r="GE39" s="114">
        <v>16205</v>
      </c>
      <c r="GF39" s="113">
        <v>20580</v>
      </c>
      <c r="GG39" s="316">
        <v>20580</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0</v>
      </c>
      <c r="HJ39" s="114">
        <v>160461</v>
      </c>
      <c r="HK39" s="114">
        <v>0</v>
      </c>
      <c r="HL39" s="114">
        <v>0</v>
      </c>
      <c r="HM39" s="113">
        <v>160461</v>
      </c>
      <c r="HN39" s="109">
        <v>160461</v>
      </c>
      <c r="HO39" s="326"/>
      <c r="HP39" s="327"/>
      <c r="HQ39" s="328"/>
      <c r="HR39" s="329"/>
      <c r="HS39" s="327"/>
      <c r="HT39" s="327"/>
      <c r="HU39" s="327"/>
      <c r="HV39" s="327"/>
      <c r="HW39" s="327"/>
      <c r="HX39" s="330"/>
      <c r="HY39" s="331"/>
      <c r="HZ39" s="131">
        <v>0</v>
      </c>
      <c r="IA39" s="132">
        <v>0</v>
      </c>
      <c r="IB39" s="133">
        <v>0</v>
      </c>
      <c r="IC39" s="146">
        <v>0</v>
      </c>
      <c r="ID39" s="132">
        <v>98350</v>
      </c>
      <c r="IE39" s="147">
        <v>158683</v>
      </c>
      <c r="IF39" s="133">
        <v>0</v>
      </c>
      <c r="IG39" s="132">
        <v>0</v>
      </c>
      <c r="IH39" s="133">
        <v>273343</v>
      </c>
      <c r="II39" s="148">
        <v>530376</v>
      </c>
      <c r="IJ39" s="139">
        <v>530376</v>
      </c>
      <c r="IK39" s="232">
        <v>0</v>
      </c>
      <c r="IL39" s="236">
        <v>0</v>
      </c>
      <c r="IM39" s="237">
        <v>0</v>
      </c>
      <c r="IN39" s="140"/>
      <c r="IO39" s="119">
        <v>0</v>
      </c>
      <c r="IP39" s="119">
        <v>0</v>
      </c>
      <c r="IQ39" s="119">
        <v>0</v>
      </c>
      <c r="IR39" s="119">
        <v>0</v>
      </c>
      <c r="IS39" s="119">
        <v>0</v>
      </c>
      <c r="IT39" s="141">
        <v>0</v>
      </c>
      <c r="IU39" s="318">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18">
        <v>0</v>
      </c>
      <c r="JR39" s="142">
        <v>0</v>
      </c>
      <c r="JS39" s="119">
        <v>0</v>
      </c>
      <c r="JT39" s="141">
        <v>0</v>
      </c>
      <c r="JU39" s="118">
        <v>0</v>
      </c>
      <c r="JV39" s="119">
        <v>0</v>
      </c>
      <c r="JW39" s="119">
        <v>0</v>
      </c>
      <c r="JX39" s="119">
        <v>0</v>
      </c>
      <c r="JY39" s="119">
        <v>0</v>
      </c>
      <c r="JZ39" s="119">
        <v>0</v>
      </c>
      <c r="KA39" s="120">
        <v>0</v>
      </c>
      <c r="KB39" s="318">
        <v>0</v>
      </c>
      <c r="KC39" s="234">
        <v>0</v>
      </c>
      <c r="KD39" s="230">
        <v>0</v>
      </c>
      <c r="KE39" s="120">
        <v>0</v>
      </c>
      <c r="KF39" s="118">
        <v>0</v>
      </c>
      <c r="KG39" s="119">
        <v>98350</v>
      </c>
      <c r="KH39" s="119">
        <v>0</v>
      </c>
      <c r="KI39" s="119">
        <v>0</v>
      </c>
      <c r="KJ39" s="119">
        <v>0</v>
      </c>
      <c r="KK39" s="119">
        <v>0</v>
      </c>
      <c r="KL39" s="120">
        <v>98350</v>
      </c>
      <c r="KM39" s="143">
        <v>98350</v>
      </c>
      <c r="KN39" s="232">
        <v>0</v>
      </c>
      <c r="KO39" s="236">
        <v>0</v>
      </c>
      <c r="KP39" s="237">
        <v>0</v>
      </c>
      <c r="KQ39" s="140"/>
      <c r="KR39" s="119">
        <v>0</v>
      </c>
      <c r="KS39" s="119">
        <v>0</v>
      </c>
      <c r="KT39" s="119">
        <v>0</v>
      </c>
      <c r="KU39" s="119">
        <v>0</v>
      </c>
      <c r="KV39" s="119">
        <v>0</v>
      </c>
      <c r="KW39" s="120">
        <v>0</v>
      </c>
      <c r="KX39" s="318">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18">
        <v>0</v>
      </c>
      <c r="LU39" s="142">
        <v>0</v>
      </c>
      <c r="LV39" s="119">
        <v>0</v>
      </c>
      <c r="LW39" s="120">
        <v>0</v>
      </c>
      <c r="LX39" s="145"/>
      <c r="LY39" s="119">
        <v>0</v>
      </c>
      <c r="LZ39" s="119">
        <v>158683</v>
      </c>
      <c r="MA39" s="119">
        <v>0</v>
      </c>
      <c r="MB39" s="119">
        <v>0</v>
      </c>
      <c r="MC39" s="119">
        <v>273343</v>
      </c>
      <c r="MD39" s="120">
        <v>432026</v>
      </c>
      <c r="ME39" s="121">
        <v>432026</v>
      </c>
      <c r="MF39" s="142">
        <v>0</v>
      </c>
      <c r="MG39" s="119">
        <v>0</v>
      </c>
      <c r="MH39" s="120">
        <v>0</v>
      </c>
      <c r="MI39" s="145"/>
      <c r="MJ39" s="119">
        <v>0</v>
      </c>
      <c r="MK39" s="119">
        <v>431487</v>
      </c>
      <c r="ML39" s="119">
        <v>289373</v>
      </c>
      <c r="MM39" s="119">
        <v>0</v>
      </c>
      <c r="MN39" s="119">
        <v>0</v>
      </c>
      <c r="MO39" s="120">
        <v>720860</v>
      </c>
      <c r="MP39" s="143">
        <v>720860</v>
      </c>
      <c r="MQ39" s="142">
        <v>0</v>
      </c>
      <c r="MR39" s="119">
        <v>0</v>
      </c>
      <c r="MS39" s="120">
        <v>0</v>
      </c>
      <c r="MT39" s="145"/>
      <c r="MU39" s="119">
        <v>0</v>
      </c>
      <c r="MV39" s="119">
        <v>0</v>
      </c>
      <c r="MW39" s="119">
        <v>0</v>
      </c>
      <c r="MX39" s="119">
        <v>0</v>
      </c>
      <c r="MY39" s="119">
        <v>0</v>
      </c>
      <c r="MZ39" s="120">
        <v>0</v>
      </c>
      <c r="NA39" s="143">
        <v>0</v>
      </c>
      <c r="NB39" s="142">
        <v>0</v>
      </c>
      <c r="NC39" s="119">
        <v>0</v>
      </c>
      <c r="ND39" s="120">
        <v>0</v>
      </c>
      <c r="NE39" s="145">
        <v>0</v>
      </c>
      <c r="NF39" s="119">
        <v>0</v>
      </c>
      <c r="NG39" s="119">
        <v>431487</v>
      </c>
      <c r="NH39" s="119">
        <v>289373</v>
      </c>
      <c r="NI39" s="119">
        <v>0</v>
      </c>
      <c r="NJ39" s="119">
        <v>0</v>
      </c>
      <c r="NK39" s="120">
        <v>720860</v>
      </c>
      <c r="NL39" s="318">
        <v>72086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155603</v>
      </c>
      <c r="ON39" s="119">
        <v>757547</v>
      </c>
      <c r="OO39" s="119">
        <v>640542</v>
      </c>
      <c r="OP39" s="119">
        <v>0</v>
      </c>
      <c r="OQ39" s="119">
        <v>293720</v>
      </c>
      <c r="OR39" s="120">
        <v>1847412</v>
      </c>
      <c r="OS39" s="143">
        <v>1847412</v>
      </c>
    </row>
    <row r="40" spans="2:409" ht="21" customHeight="1" x14ac:dyDescent="0.2">
      <c r="B40" s="126" t="s">
        <v>35</v>
      </c>
      <c r="C40" s="110">
        <v>228137</v>
      </c>
      <c r="D40" s="114">
        <v>185078</v>
      </c>
      <c r="E40" s="113">
        <v>413215</v>
      </c>
      <c r="F40" s="109">
        <v>0</v>
      </c>
      <c r="G40" s="114">
        <v>865529</v>
      </c>
      <c r="H40" s="114">
        <v>931292</v>
      </c>
      <c r="I40" s="114">
        <v>1075526</v>
      </c>
      <c r="J40" s="114">
        <v>1924978</v>
      </c>
      <c r="K40" s="114">
        <v>0</v>
      </c>
      <c r="L40" s="173">
        <v>4797325</v>
      </c>
      <c r="M40" s="116">
        <v>5210540</v>
      </c>
      <c r="N40" s="110">
        <v>85260</v>
      </c>
      <c r="O40" s="114">
        <v>38925</v>
      </c>
      <c r="P40" s="113">
        <v>124185</v>
      </c>
      <c r="Q40" s="110">
        <v>0</v>
      </c>
      <c r="R40" s="114">
        <v>440970</v>
      </c>
      <c r="S40" s="114">
        <v>156862</v>
      </c>
      <c r="T40" s="114">
        <v>190400</v>
      </c>
      <c r="U40" s="114">
        <v>454790</v>
      </c>
      <c r="V40" s="114">
        <v>0</v>
      </c>
      <c r="W40" s="113">
        <v>1243022</v>
      </c>
      <c r="X40" s="116">
        <v>1367207</v>
      </c>
      <c r="Y40" s="110">
        <v>0</v>
      </c>
      <c r="Z40" s="114">
        <v>0</v>
      </c>
      <c r="AA40" s="113">
        <v>0</v>
      </c>
      <c r="AB40" s="110">
        <v>0</v>
      </c>
      <c r="AC40" s="114">
        <v>185657</v>
      </c>
      <c r="AD40" s="114">
        <v>58016</v>
      </c>
      <c r="AE40" s="114">
        <v>79338</v>
      </c>
      <c r="AF40" s="114">
        <v>196889</v>
      </c>
      <c r="AG40" s="114">
        <v>0</v>
      </c>
      <c r="AH40" s="113">
        <v>519900</v>
      </c>
      <c r="AI40" s="116">
        <v>519900</v>
      </c>
      <c r="AJ40" s="110">
        <v>0</v>
      </c>
      <c r="AK40" s="114">
        <v>0</v>
      </c>
      <c r="AL40" s="113">
        <v>0</v>
      </c>
      <c r="AM40" s="110">
        <v>0</v>
      </c>
      <c r="AN40" s="114">
        <v>11480</v>
      </c>
      <c r="AO40" s="114">
        <v>0</v>
      </c>
      <c r="AP40" s="114">
        <v>0</v>
      </c>
      <c r="AQ40" s="114">
        <v>39802</v>
      </c>
      <c r="AR40" s="114">
        <v>0</v>
      </c>
      <c r="AS40" s="113">
        <v>51282</v>
      </c>
      <c r="AT40" s="116">
        <v>51282</v>
      </c>
      <c r="AU40" s="110">
        <v>37282</v>
      </c>
      <c r="AV40" s="114">
        <v>24820</v>
      </c>
      <c r="AW40" s="113">
        <v>62102</v>
      </c>
      <c r="AX40" s="110">
        <v>0</v>
      </c>
      <c r="AY40" s="114">
        <v>87873</v>
      </c>
      <c r="AZ40" s="114">
        <v>49994</v>
      </c>
      <c r="BA40" s="114">
        <v>60886</v>
      </c>
      <c r="BB40" s="114">
        <v>94913</v>
      </c>
      <c r="BC40" s="114">
        <v>0</v>
      </c>
      <c r="BD40" s="113">
        <v>293666</v>
      </c>
      <c r="BE40" s="116">
        <v>355768</v>
      </c>
      <c r="BF40" s="110">
        <v>0</v>
      </c>
      <c r="BG40" s="114">
        <v>0</v>
      </c>
      <c r="BH40" s="112">
        <v>0</v>
      </c>
      <c r="BI40" s="111">
        <v>0</v>
      </c>
      <c r="BJ40" s="114">
        <v>134988</v>
      </c>
      <c r="BK40" s="114">
        <v>0</v>
      </c>
      <c r="BL40" s="114">
        <v>0</v>
      </c>
      <c r="BM40" s="114">
        <v>0</v>
      </c>
      <c r="BN40" s="114">
        <v>0</v>
      </c>
      <c r="BO40" s="113">
        <v>134988</v>
      </c>
      <c r="BP40" s="116">
        <v>134988</v>
      </c>
      <c r="BQ40" s="110">
        <v>47978</v>
      </c>
      <c r="BR40" s="114">
        <v>14105</v>
      </c>
      <c r="BS40" s="113">
        <v>62083</v>
      </c>
      <c r="BT40" s="110">
        <v>0</v>
      </c>
      <c r="BU40" s="114">
        <v>20972</v>
      </c>
      <c r="BV40" s="114">
        <v>48852</v>
      </c>
      <c r="BW40" s="114">
        <v>50176</v>
      </c>
      <c r="BX40" s="114">
        <v>123186</v>
      </c>
      <c r="BY40" s="114">
        <v>0</v>
      </c>
      <c r="BZ40" s="113">
        <v>243186</v>
      </c>
      <c r="CA40" s="116">
        <v>305269</v>
      </c>
      <c r="CB40" s="110">
        <v>0</v>
      </c>
      <c r="CC40" s="114">
        <v>98462</v>
      </c>
      <c r="CD40" s="113">
        <v>98462</v>
      </c>
      <c r="CE40" s="110">
        <v>0</v>
      </c>
      <c r="CF40" s="114">
        <v>267190</v>
      </c>
      <c r="CG40" s="114">
        <v>181587</v>
      </c>
      <c r="CH40" s="114">
        <v>79548</v>
      </c>
      <c r="CI40" s="114">
        <v>186564</v>
      </c>
      <c r="CJ40" s="114">
        <v>0</v>
      </c>
      <c r="CK40" s="113">
        <v>714889</v>
      </c>
      <c r="CL40" s="116">
        <v>813351</v>
      </c>
      <c r="CM40" s="110">
        <v>0</v>
      </c>
      <c r="CN40" s="114">
        <v>0</v>
      </c>
      <c r="CO40" s="113">
        <v>0</v>
      </c>
      <c r="CP40" s="111">
        <v>0</v>
      </c>
      <c r="CQ40" s="114">
        <v>217196</v>
      </c>
      <c r="CR40" s="114">
        <v>123529</v>
      </c>
      <c r="CS40" s="114">
        <v>79548</v>
      </c>
      <c r="CT40" s="114">
        <v>88809</v>
      </c>
      <c r="CU40" s="114">
        <v>0</v>
      </c>
      <c r="CV40" s="113">
        <v>509082</v>
      </c>
      <c r="CW40" s="116">
        <v>509082</v>
      </c>
      <c r="CX40" s="110">
        <v>0</v>
      </c>
      <c r="CY40" s="114">
        <v>98462</v>
      </c>
      <c r="CZ40" s="113">
        <v>98462</v>
      </c>
      <c r="DA40" s="110">
        <v>0</v>
      </c>
      <c r="DB40" s="114">
        <v>49994</v>
      </c>
      <c r="DC40" s="114">
        <v>58058</v>
      </c>
      <c r="DD40" s="114">
        <v>0</v>
      </c>
      <c r="DE40" s="114">
        <v>97755</v>
      </c>
      <c r="DF40" s="114">
        <v>0</v>
      </c>
      <c r="DG40" s="113">
        <v>205807</v>
      </c>
      <c r="DH40" s="116">
        <v>304269</v>
      </c>
      <c r="DI40" s="110">
        <v>0</v>
      </c>
      <c r="DJ40" s="114">
        <v>0</v>
      </c>
      <c r="DK40" s="112">
        <v>0</v>
      </c>
      <c r="DL40" s="111">
        <v>0</v>
      </c>
      <c r="DM40" s="114">
        <v>0</v>
      </c>
      <c r="DN40" s="114">
        <v>0</v>
      </c>
      <c r="DO40" s="114">
        <v>0</v>
      </c>
      <c r="DP40" s="114">
        <v>240884</v>
      </c>
      <c r="DQ40" s="114">
        <v>0</v>
      </c>
      <c r="DR40" s="113">
        <v>240884</v>
      </c>
      <c r="DS40" s="116">
        <v>240884</v>
      </c>
      <c r="DT40" s="110">
        <v>0</v>
      </c>
      <c r="DU40" s="114">
        <v>0</v>
      </c>
      <c r="DV40" s="113">
        <v>0</v>
      </c>
      <c r="DW40" s="110">
        <v>0</v>
      </c>
      <c r="DX40" s="114">
        <v>0</v>
      </c>
      <c r="DY40" s="114">
        <v>0</v>
      </c>
      <c r="DZ40" s="114">
        <v>0</v>
      </c>
      <c r="EA40" s="114">
        <v>240884</v>
      </c>
      <c r="EB40" s="114">
        <v>0</v>
      </c>
      <c r="EC40" s="113">
        <v>240884</v>
      </c>
      <c r="ED40" s="116">
        <v>240884</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5"/>
      <c r="FE40" s="114">
        <v>0</v>
      </c>
      <c r="FF40" s="114">
        <v>0</v>
      </c>
      <c r="FG40" s="114">
        <v>0</v>
      </c>
      <c r="FH40" s="114">
        <v>0</v>
      </c>
      <c r="FI40" s="114">
        <v>0</v>
      </c>
      <c r="FJ40" s="113">
        <v>0</v>
      </c>
      <c r="FK40" s="116">
        <v>0</v>
      </c>
      <c r="FL40" s="110">
        <v>4550</v>
      </c>
      <c r="FM40" s="114">
        <v>47691</v>
      </c>
      <c r="FN40" s="113">
        <v>52241</v>
      </c>
      <c r="FO40" s="110">
        <v>0</v>
      </c>
      <c r="FP40" s="114">
        <v>26110</v>
      </c>
      <c r="FQ40" s="114">
        <v>90860</v>
      </c>
      <c r="FR40" s="114">
        <v>139223</v>
      </c>
      <c r="FS40" s="114">
        <v>135905</v>
      </c>
      <c r="FT40" s="114">
        <v>0</v>
      </c>
      <c r="FU40" s="113">
        <v>392098</v>
      </c>
      <c r="FV40" s="116">
        <v>444339</v>
      </c>
      <c r="FW40" s="115">
        <v>4550</v>
      </c>
      <c r="FX40" s="114">
        <v>11963</v>
      </c>
      <c r="FY40" s="112">
        <v>16513</v>
      </c>
      <c r="FZ40" s="111">
        <v>0</v>
      </c>
      <c r="GA40" s="114">
        <v>26110</v>
      </c>
      <c r="GB40" s="114">
        <v>90860</v>
      </c>
      <c r="GC40" s="114">
        <v>113813</v>
      </c>
      <c r="GD40" s="114">
        <v>135905</v>
      </c>
      <c r="GE40" s="114">
        <v>0</v>
      </c>
      <c r="GF40" s="113">
        <v>366688</v>
      </c>
      <c r="GG40" s="316">
        <v>383201</v>
      </c>
      <c r="GH40" s="115">
        <v>0</v>
      </c>
      <c r="GI40" s="114">
        <v>0</v>
      </c>
      <c r="GJ40" s="112">
        <v>0</v>
      </c>
      <c r="GK40" s="111">
        <v>0</v>
      </c>
      <c r="GL40" s="114">
        <v>0</v>
      </c>
      <c r="GM40" s="114">
        <v>0</v>
      </c>
      <c r="GN40" s="114">
        <v>25410</v>
      </c>
      <c r="GO40" s="114">
        <v>0</v>
      </c>
      <c r="GP40" s="114">
        <v>0</v>
      </c>
      <c r="GQ40" s="113">
        <v>25410</v>
      </c>
      <c r="GR40" s="116">
        <v>25410</v>
      </c>
      <c r="GS40" s="110">
        <v>0</v>
      </c>
      <c r="GT40" s="114">
        <v>35728</v>
      </c>
      <c r="GU40" s="113">
        <v>35728</v>
      </c>
      <c r="GV40" s="110">
        <v>0</v>
      </c>
      <c r="GW40" s="114">
        <v>0</v>
      </c>
      <c r="GX40" s="114">
        <v>0</v>
      </c>
      <c r="GY40" s="114">
        <v>0</v>
      </c>
      <c r="GZ40" s="114">
        <v>0</v>
      </c>
      <c r="HA40" s="114">
        <v>0</v>
      </c>
      <c r="HB40" s="112">
        <v>0</v>
      </c>
      <c r="HC40" s="116">
        <v>35728</v>
      </c>
      <c r="HD40" s="110">
        <v>138327</v>
      </c>
      <c r="HE40" s="114">
        <v>0</v>
      </c>
      <c r="HF40" s="112">
        <v>138327</v>
      </c>
      <c r="HG40" s="111">
        <v>0</v>
      </c>
      <c r="HH40" s="114">
        <v>131259</v>
      </c>
      <c r="HI40" s="114">
        <v>501983</v>
      </c>
      <c r="HJ40" s="114">
        <v>666355</v>
      </c>
      <c r="HK40" s="114">
        <v>906835</v>
      </c>
      <c r="HL40" s="114">
        <v>0</v>
      </c>
      <c r="HM40" s="113">
        <v>2206432</v>
      </c>
      <c r="HN40" s="109">
        <v>2344759</v>
      </c>
      <c r="HO40" s="326"/>
      <c r="HP40" s="327"/>
      <c r="HQ40" s="328"/>
      <c r="HR40" s="329"/>
      <c r="HS40" s="327"/>
      <c r="HT40" s="327"/>
      <c r="HU40" s="327"/>
      <c r="HV40" s="327"/>
      <c r="HW40" s="327"/>
      <c r="HX40" s="330"/>
      <c r="HY40" s="331"/>
      <c r="HZ40" s="150">
        <v>0</v>
      </c>
      <c r="IA40" s="135">
        <v>0</v>
      </c>
      <c r="IB40" s="150">
        <v>0</v>
      </c>
      <c r="IC40" s="146">
        <v>0</v>
      </c>
      <c r="ID40" s="132">
        <v>23604</v>
      </c>
      <c r="IE40" s="147">
        <v>0</v>
      </c>
      <c r="IF40" s="133">
        <v>0</v>
      </c>
      <c r="IG40" s="132">
        <v>229110</v>
      </c>
      <c r="IH40" s="133">
        <v>0</v>
      </c>
      <c r="II40" s="148">
        <v>252714</v>
      </c>
      <c r="IJ40" s="150">
        <v>252714</v>
      </c>
      <c r="IK40" s="232">
        <v>0</v>
      </c>
      <c r="IL40" s="236">
        <v>0</v>
      </c>
      <c r="IM40" s="237">
        <v>0</v>
      </c>
      <c r="IN40" s="140"/>
      <c r="IO40" s="119">
        <v>0</v>
      </c>
      <c r="IP40" s="119">
        <v>0</v>
      </c>
      <c r="IQ40" s="119">
        <v>0</v>
      </c>
      <c r="IR40" s="119">
        <v>0</v>
      </c>
      <c r="IS40" s="119">
        <v>0</v>
      </c>
      <c r="IT40" s="141">
        <v>0</v>
      </c>
      <c r="IU40" s="318">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23604</v>
      </c>
      <c r="JL40" s="119">
        <v>0</v>
      </c>
      <c r="JM40" s="119">
        <v>0</v>
      </c>
      <c r="JN40" s="119">
        <v>0</v>
      </c>
      <c r="JO40" s="119">
        <v>0</v>
      </c>
      <c r="JP40" s="120">
        <v>23604</v>
      </c>
      <c r="JQ40" s="318">
        <v>23604</v>
      </c>
      <c r="JR40" s="142">
        <v>0</v>
      </c>
      <c r="JS40" s="119">
        <v>0</v>
      </c>
      <c r="JT40" s="141">
        <v>0</v>
      </c>
      <c r="JU40" s="118">
        <v>0</v>
      </c>
      <c r="JV40" s="119">
        <v>0</v>
      </c>
      <c r="JW40" s="119">
        <v>0</v>
      </c>
      <c r="JX40" s="119">
        <v>0</v>
      </c>
      <c r="JY40" s="119">
        <v>0</v>
      </c>
      <c r="JZ40" s="119">
        <v>0</v>
      </c>
      <c r="KA40" s="120">
        <v>0</v>
      </c>
      <c r="KB40" s="318">
        <v>0</v>
      </c>
      <c r="KC40" s="234">
        <v>0</v>
      </c>
      <c r="KD40" s="230">
        <v>0</v>
      </c>
      <c r="KE40" s="120">
        <v>0</v>
      </c>
      <c r="KF40" s="118">
        <v>0</v>
      </c>
      <c r="KG40" s="119">
        <v>0</v>
      </c>
      <c r="KH40" s="119">
        <v>0</v>
      </c>
      <c r="KI40" s="119">
        <v>0</v>
      </c>
      <c r="KJ40" s="119">
        <v>18382</v>
      </c>
      <c r="KK40" s="119">
        <v>0</v>
      </c>
      <c r="KL40" s="120">
        <v>18382</v>
      </c>
      <c r="KM40" s="143">
        <v>18382</v>
      </c>
      <c r="KN40" s="232">
        <v>0</v>
      </c>
      <c r="KO40" s="236">
        <v>0</v>
      </c>
      <c r="KP40" s="237">
        <v>0</v>
      </c>
      <c r="KQ40" s="140"/>
      <c r="KR40" s="119">
        <v>0</v>
      </c>
      <c r="KS40" s="119">
        <v>0</v>
      </c>
      <c r="KT40" s="119">
        <v>0</v>
      </c>
      <c r="KU40" s="119">
        <v>210728</v>
      </c>
      <c r="KV40" s="119">
        <v>0</v>
      </c>
      <c r="KW40" s="120">
        <v>210728</v>
      </c>
      <c r="KX40" s="318">
        <v>210728</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18">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0</v>
      </c>
      <c r="MM40" s="119">
        <v>224483</v>
      </c>
      <c r="MN40" s="119">
        <v>0</v>
      </c>
      <c r="MO40" s="120">
        <v>224483</v>
      </c>
      <c r="MP40" s="143">
        <v>224483</v>
      </c>
      <c r="MQ40" s="142">
        <v>0</v>
      </c>
      <c r="MR40" s="119">
        <v>0</v>
      </c>
      <c r="MS40" s="120">
        <v>0</v>
      </c>
      <c r="MT40" s="145"/>
      <c r="MU40" s="119">
        <v>0</v>
      </c>
      <c r="MV40" s="119">
        <v>0</v>
      </c>
      <c r="MW40" s="119">
        <v>0</v>
      </c>
      <c r="MX40" s="119">
        <v>224483</v>
      </c>
      <c r="MY40" s="119">
        <v>0</v>
      </c>
      <c r="MZ40" s="120">
        <v>224483</v>
      </c>
      <c r="NA40" s="143">
        <v>224483</v>
      </c>
      <c r="NB40" s="142">
        <v>0</v>
      </c>
      <c r="NC40" s="119">
        <v>0</v>
      </c>
      <c r="ND40" s="120">
        <v>0</v>
      </c>
      <c r="NE40" s="145">
        <v>0</v>
      </c>
      <c r="NF40" s="119">
        <v>0</v>
      </c>
      <c r="NG40" s="119">
        <v>0</v>
      </c>
      <c r="NH40" s="119">
        <v>0</v>
      </c>
      <c r="NI40" s="119">
        <v>0</v>
      </c>
      <c r="NJ40" s="119">
        <v>0</v>
      </c>
      <c r="NK40" s="120">
        <v>0</v>
      </c>
      <c r="NL40" s="318">
        <v>0</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28137</v>
      </c>
      <c r="OJ40" s="119">
        <v>185078</v>
      </c>
      <c r="OK40" s="141">
        <v>413215</v>
      </c>
      <c r="OL40" s="118">
        <v>0</v>
      </c>
      <c r="OM40" s="119">
        <v>889133</v>
      </c>
      <c r="ON40" s="119">
        <v>931292</v>
      </c>
      <c r="OO40" s="119">
        <v>1075526</v>
      </c>
      <c r="OP40" s="119">
        <v>2378571</v>
      </c>
      <c r="OQ40" s="119">
        <v>0</v>
      </c>
      <c r="OR40" s="120">
        <v>5274522</v>
      </c>
      <c r="OS40" s="143">
        <v>5687737</v>
      </c>
    </row>
    <row r="41" spans="2:409" ht="21" customHeight="1" x14ac:dyDescent="0.2">
      <c r="B41" s="126" t="s">
        <v>36</v>
      </c>
      <c r="C41" s="110">
        <v>0</v>
      </c>
      <c r="D41" s="114">
        <v>26243</v>
      </c>
      <c r="E41" s="113">
        <v>26243</v>
      </c>
      <c r="F41" s="109">
        <v>0</v>
      </c>
      <c r="G41" s="114">
        <v>358063</v>
      </c>
      <c r="H41" s="114">
        <v>410005</v>
      </c>
      <c r="I41" s="114">
        <v>491106</v>
      </c>
      <c r="J41" s="114">
        <v>1747381</v>
      </c>
      <c r="K41" s="114">
        <v>641096</v>
      </c>
      <c r="L41" s="173">
        <v>3647651</v>
      </c>
      <c r="M41" s="116">
        <v>3673894</v>
      </c>
      <c r="N41" s="110">
        <v>0</v>
      </c>
      <c r="O41" s="114">
        <v>24843</v>
      </c>
      <c r="P41" s="113">
        <v>24843</v>
      </c>
      <c r="Q41" s="110">
        <v>0</v>
      </c>
      <c r="R41" s="114">
        <v>198879</v>
      </c>
      <c r="S41" s="114">
        <v>90970</v>
      </c>
      <c r="T41" s="114">
        <v>45756</v>
      </c>
      <c r="U41" s="114">
        <v>891780</v>
      </c>
      <c r="V41" s="114">
        <v>520220</v>
      </c>
      <c r="W41" s="113">
        <v>1747605</v>
      </c>
      <c r="X41" s="116">
        <v>1772448</v>
      </c>
      <c r="Y41" s="110">
        <v>0</v>
      </c>
      <c r="Z41" s="114">
        <v>0</v>
      </c>
      <c r="AA41" s="113">
        <v>0</v>
      </c>
      <c r="AB41" s="110">
        <v>0</v>
      </c>
      <c r="AC41" s="114">
        <v>47973</v>
      </c>
      <c r="AD41" s="114">
        <v>18793</v>
      </c>
      <c r="AE41" s="114">
        <v>0</v>
      </c>
      <c r="AF41" s="114">
        <v>779003</v>
      </c>
      <c r="AG41" s="114">
        <v>434252</v>
      </c>
      <c r="AH41" s="113">
        <v>1280021</v>
      </c>
      <c r="AI41" s="116">
        <v>1280021</v>
      </c>
      <c r="AJ41" s="110">
        <v>0</v>
      </c>
      <c r="AK41" s="114">
        <v>0</v>
      </c>
      <c r="AL41" s="113">
        <v>0</v>
      </c>
      <c r="AM41" s="110">
        <v>0</v>
      </c>
      <c r="AN41" s="114">
        <v>18874</v>
      </c>
      <c r="AO41" s="114">
        <v>0</v>
      </c>
      <c r="AP41" s="114">
        <v>0</v>
      </c>
      <c r="AQ41" s="114">
        <v>0</v>
      </c>
      <c r="AR41" s="114">
        <v>0</v>
      </c>
      <c r="AS41" s="113">
        <v>18874</v>
      </c>
      <c r="AT41" s="116">
        <v>18874</v>
      </c>
      <c r="AU41" s="110">
        <v>0</v>
      </c>
      <c r="AV41" s="114">
        <v>24843</v>
      </c>
      <c r="AW41" s="113">
        <v>24843</v>
      </c>
      <c r="AX41" s="110">
        <v>0</v>
      </c>
      <c r="AY41" s="114">
        <v>74459</v>
      </c>
      <c r="AZ41" s="114">
        <v>58639</v>
      </c>
      <c r="BA41" s="114">
        <v>23818</v>
      </c>
      <c r="BB41" s="114">
        <v>37058</v>
      </c>
      <c r="BC41" s="114">
        <v>54069</v>
      </c>
      <c r="BD41" s="113">
        <v>248043</v>
      </c>
      <c r="BE41" s="116">
        <v>272886</v>
      </c>
      <c r="BF41" s="110">
        <v>0</v>
      </c>
      <c r="BG41" s="114">
        <v>0</v>
      </c>
      <c r="BH41" s="112">
        <v>0</v>
      </c>
      <c r="BI41" s="111">
        <v>0</v>
      </c>
      <c r="BJ41" s="114">
        <v>36629</v>
      </c>
      <c r="BK41" s="114">
        <v>0</v>
      </c>
      <c r="BL41" s="114">
        <v>0</v>
      </c>
      <c r="BM41" s="114">
        <v>0</v>
      </c>
      <c r="BN41" s="114">
        <v>0</v>
      </c>
      <c r="BO41" s="113">
        <v>36629</v>
      </c>
      <c r="BP41" s="116">
        <v>36629</v>
      </c>
      <c r="BQ41" s="110">
        <v>0</v>
      </c>
      <c r="BR41" s="114">
        <v>0</v>
      </c>
      <c r="BS41" s="113">
        <v>0</v>
      </c>
      <c r="BT41" s="110">
        <v>0</v>
      </c>
      <c r="BU41" s="114">
        <v>20944</v>
      </c>
      <c r="BV41" s="114">
        <v>13538</v>
      </c>
      <c r="BW41" s="114">
        <v>21938</v>
      </c>
      <c r="BX41" s="114">
        <v>75719</v>
      </c>
      <c r="BY41" s="114">
        <v>31899</v>
      </c>
      <c r="BZ41" s="113">
        <v>164038</v>
      </c>
      <c r="CA41" s="116">
        <v>164038</v>
      </c>
      <c r="CB41" s="110">
        <v>0</v>
      </c>
      <c r="CC41" s="114">
        <v>0</v>
      </c>
      <c r="CD41" s="113">
        <v>0</v>
      </c>
      <c r="CE41" s="110">
        <v>0</v>
      </c>
      <c r="CF41" s="114">
        <v>126984</v>
      </c>
      <c r="CG41" s="114">
        <v>36815</v>
      </c>
      <c r="CH41" s="114">
        <v>103367</v>
      </c>
      <c r="CI41" s="114">
        <v>238271</v>
      </c>
      <c r="CJ41" s="114">
        <v>58198</v>
      </c>
      <c r="CK41" s="113">
        <v>563635</v>
      </c>
      <c r="CL41" s="116">
        <v>563635</v>
      </c>
      <c r="CM41" s="110">
        <v>0</v>
      </c>
      <c r="CN41" s="114">
        <v>0</v>
      </c>
      <c r="CO41" s="113">
        <v>0</v>
      </c>
      <c r="CP41" s="111">
        <v>0</v>
      </c>
      <c r="CQ41" s="114">
        <v>108663</v>
      </c>
      <c r="CR41" s="114">
        <v>36815</v>
      </c>
      <c r="CS41" s="114">
        <v>103367</v>
      </c>
      <c r="CT41" s="114">
        <v>238271</v>
      </c>
      <c r="CU41" s="114">
        <v>58198</v>
      </c>
      <c r="CV41" s="113">
        <v>545314</v>
      </c>
      <c r="CW41" s="116">
        <v>545314</v>
      </c>
      <c r="CX41" s="110">
        <v>0</v>
      </c>
      <c r="CY41" s="114">
        <v>0</v>
      </c>
      <c r="CZ41" s="113">
        <v>0</v>
      </c>
      <c r="DA41" s="110">
        <v>0</v>
      </c>
      <c r="DB41" s="114">
        <v>18321</v>
      </c>
      <c r="DC41" s="114">
        <v>0</v>
      </c>
      <c r="DD41" s="114">
        <v>0</v>
      </c>
      <c r="DE41" s="114">
        <v>0</v>
      </c>
      <c r="DF41" s="114">
        <v>0</v>
      </c>
      <c r="DG41" s="113">
        <v>18321</v>
      </c>
      <c r="DH41" s="116">
        <v>18321</v>
      </c>
      <c r="DI41" s="110">
        <v>0</v>
      </c>
      <c r="DJ41" s="114">
        <v>0</v>
      </c>
      <c r="DK41" s="112">
        <v>0</v>
      </c>
      <c r="DL41" s="111">
        <v>0</v>
      </c>
      <c r="DM41" s="114">
        <v>0</v>
      </c>
      <c r="DN41" s="114">
        <v>105375</v>
      </c>
      <c r="DO41" s="114">
        <v>0</v>
      </c>
      <c r="DP41" s="114">
        <v>53837</v>
      </c>
      <c r="DQ41" s="114">
        <v>0</v>
      </c>
      <c r="DR41" s="113">
        <v>159212</v>
      </c>
      <c r="DS41" s="116">
        <v>159212</v>
      </c>
      <c r="DT41" s="110">
        <v>0</v>
      </c>
      <c r="DU41" s="114">
        <v>0</v>
      </c>
      <c r="DV41" s="113">
        <v>0</v>
      </c>
      <c r="DW41" s="110">
        <v>0</v>
      </c>
      <c r="DX41" s="114">
        <v>0</v>
      </c>
      <c r="DY41" s="114">
        <v>105375</v>
      </c>
      <c r="DZ41" s="114">
        <v>0</v>
      </c>
      <c r="EA41" s="114">
        <v>53837</v>
      </c>
      <c r="EB41" s="114">
        <v>0</v>
      </c>
      <c r="EC41" s="113">
        <v>159212</v>
      </c>
      <c r="ED41" s="116">
        <v>159212</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5"/>
      <c r="FE41" s="114">
        <v>0</v>
      </c>
      <c r="FF41" s="114">
        <v>0</v>
      </c>
      <c r="FG41" s="114">
        <v>0</v>
      </c>
      <c r="FH41" s="114">
        <v>0</v>
      </c>
      <c r="FI41" s="114">
        <v>0</v>
      </c>
      <c r="FJ41" s="113">
        <v>0</v>
      </c>
      <c r="FK41" s="116">
        <v>0</v>
      </c>
      <c r="FL41" s="110">
        <v>0</v>
      </c>
      <c r="FM41" s="114">
        <v>1400</v>
      </c>
      <c r="FN41" s="113">
        <v>1400</v>
      </c>
      <c r="FO41" s="110">
        <v>0</v>
      </c>
      <c r="FP41" s="114">
        <v>32200</v>
      </c>
      <c r="FQ41" s="114">
        <v>28637</v>
      </c>
      <c r="FR41" s="114">
        <v>4550</v>
      </c>
      <c r="FS41" s="114">
        <v>82516</v>
      </c>
      <c r="FT41" s="114">
        <v>62678</v>
      </c>
      <c r="FU41" s="113">
        <v>210581</v>
      </c>
      <c r="FV41" s="116">
        <v>211981</v>
      </c>
      <c r="FW41" s="115">
        <v>0</v>
      </c>
      <c r="FX41" s="114">
        <v>1400</v>
      </c>
      <c r="FY41" s="112">
        <v>1400</v>
      </c>
      <c r="FZ41" s="111">
        <v>0</v>
      </c>
      <c r="GA41" s="114">
        <v>32200</v>
      </c>
      <c r="GB41" s="114">
        <v>7385</v>
      </c>
      <c r="GC41" s="114">
        <v>4550</v>
      </c>
      <c r="GD41" s="114">
        <v>82516</v>
      </c>
      <c r="GE41" s="114">
        <v>62678</v>
      </c>
      <c r="GF41" s="113">
        <v>189329</v>
      </c>
      <c r="GG41" s="316">
        <v>190729</v>
      </c>
      <c r="GH41" s="115">
        <v>0</v>
      </c>
      <c r="GI41" s="114">
        <v>0</v>
      </c>
      <c r="GJ41" s="112">
        <v>0</v>
      </c>
      <c r="GK41" s="111">
        <v>0</v>
      </c>
      <c r="GL41" s="114">
        <v>0</v>
      </c>
      <c r="GM41" s="114">
        <v>21252</v>
      </c>
      <c r="GN41" s="114">
        <v>0</v>
      </c>
      <c r="GO41" s="114">
        <v>0</v>
      </c>
      <c r="GP41" s="114">
        <v>0</v>
      </c>
      <c r="GQ41" s="113">
        <v>21252</v>
      </c>
      <c r="GR41" s="116">
        <v>21252</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148208</v>
      </c>
      <c r="HJ41" s="114">
        <v>337433</v>
      </c>
      <c r="HK41" s="114">
        <v>480977</v>
      </c>
      <c r="HL41" s="114">
        <v>0</v>
      </c>
      <c r="HM41" s="113">
        <v>966618</v>
      </c>
      <c r="HN41" s="109">
        <v>966618</v>
      </c>
      <c r="HO41" s="326"/>
      <c r="HP41" s="327"/>
      <c r="HQ41" s="328"/>
      <c r="HR41" s="329"/>
      <c r="HS41" s="327"/>
      <c r="HT41" s="327"/>
      <c r="HU41" s="327"/>
      <c r="HV41" s="327"/>
      <c r="HW41" s="327"/>
      <c r="HX41" s="330"/>
      <c r="HY41" s="331"/>
      <c r="HZ41" s="131">
        <v>0</v>
      </c>
      <c r="IA41" s="132">
        <v>0</v>
      </c>
      <c r="IB41" s="133">
        <v>0</v>
      </c>
      <c r="IC41" s="146">
        <v>0</v>
      </c>
      <c r="ID41" s="132">
        <v>325165</v>
      </c>
      <c r="IE41" s="147">
        <v>209727</v>
      </c>
      <c r="IF41" s="133">
        <v>0</v>
      </c>
      <c r="IG41" s="132">
        <v>119651</v>
      </c>
      <c r="IH41" s="133">
        <v>224189</v>
      </c>
      <c r="II41" s="148">
        <v>878732</v>
      </c>
      <c r="IJ41" s="139">
        <v>878732</v>
      </c>
      <c r="IK41" s="232">
        <v>0</v>
      </c>
      <c r="IL41" s="236">
        <v>0</v>
      </c>
      <c r="IM41" s="237">
        <v>0</v>
      </c>
      <c r="IN41" s="140"/>
      <c r="IO41" s="119">
        <v>0</v>
      </c>
      <c r="IP41" s="119">
        <v>0</v>
      </c>
      <c r="IQ41" s="119">
        <v>0</v>
      </c>
      <c r="IR41" s="119">
        <v>0</v>
      </c>
      <c r="IS41" s="119">
        <v>0</v>
      </c>
      <c r="IT41" s="141">
        <v>0</v>
      </c>
      <c r="IU41" s="318">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7664</v>
      </c>
      <c r="JL41" s="119">
        <v>0</v>
      </c>
      <c r="JM41" s="119">
        <v>0</v>
      </c>
      <c r="JN41" s="119">
        <v>119651</v>
      </c>
      <c r="JO41" s="119">
        <v>0</v>
      </c>
      <c r="JP41" s="120">
        <v>147315</v>
      </c>
      <c r="JQ41" s="318">
        <v>147315</v>
      </c>
      <c r="JR41" s="142">
        <v>0</v>
      </c>
      <c r="JS41" s="119">
        <v>0</v>
      </c>
      <c r="JT41" s="141">
        <v>0</v>
      </c>
      <c r="JU41" s="118">
        <v>0</v>
      </c>
      <c r="JV41" s="119">
        <v>0</v>
      </c>
      <c r="JW41" s="119">
        <v>0</v>
      </c>
      <c r="JX41" s="119">
        <v>0</v>
      </c>
      <c r="JY41" s="119">
        <v>0</v>
      </c>
      <c r="JZ41" s="119">
        <v>0</v>
      </c>
      <c r="KA41" s="120">
        <v>0</v>
      </c>
      <c r="KB41" s="318">
        <v>0</v>
      </c>
      <c r="KC41" s="234">
        <v>0</v>
      </c>
      <c r="KD41" s="230">
        <v>0</v>
      </c>
      <c r="KE41" s="120">
        <v>0</v>
      </c>
      <c r="KF41" s="118">
        <v>0</v>
      </c>
      <c r="KG41" s="119">
        <v>96661</v>
      </c>
      <c r="KH41" s="119">
        <v>0</v>
      </c>
      <c r="KI41" s="119">
        <v>0</v>
      </c>
      <c r="KJ41" s="119">
        <v>0</v>
      </c>
      <c r="KK41" s="119">
        <v>0</v>
      </c>
      <c r="KL41" s="120">
        <v>96661</v>
      </c>
      <c r="KM41" s="143">
        <v>96661</v>
      </c>
      <c r="KN41" s="232">
        <v>0</v>
      </c>
      <c r="KO41" s="236">
        <v>0</v>
      </c>
      <c r="KP41" s="237">
        <v>0</v>
      </c>
      <c r="KQ41" s="140"/>
      <c r="KR41" s="119">
        <v>200840</v>
      </c>
      <c r="KS41" s="119">
        <v>209727</v>
      </c>
      <c r="KT41" s="119">
        <v>0</v>
      </c>
      <c r="KU41" s="119">
        <v>0</v>
      </c>
      <c r="KV41" s="119">
        <v>224189</v>
      </c>
      <c r="KW41" s="120">
        <v>634756</v>
      </c>
      <c r="KX41" s="318">
        <v>634756</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18">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188448</v>
      </c>
      <c r="MK41" s="119">
        <v>0</v>
      </c>
      <c r="ML41" s="119">
        <v>607669</v>
      </c>
      <c r="MM41" s="119">
        <v>899417</v>
      </c>
      <c r="MN41" s="119">
        <v>487013</v>
      </c>
      <c r="MO41" s="120">
        <v>2182547</v>
      </c>
      <c r="MP41" s="143">
        <v>2182547</v>
      </c>
      <c r="MQ41" s="142">
        <v>0</v>
      </c>
      <c r="MR41" s="119">
        <v>0</v>
      </c>
      <c r="MS41" s="120">
        <v>0</v>
      </c>
      <c r="MT41" s="145"/>
      <c r="MU41" s="119">
        <v>0</v>
      </c>
      <c r="MV41" s="119">
        <v>0</v>
      </c>
      <c r="MW41" s="119">
        <v>386640</v>
      </c>
      <c r="MX41" s="119">
        <v>0</v>
      </c>
      <c r="MY41" s="119">
        <v>487013</v>
      </c>
      <c r="MZ41" s="120">
        <v>873653</v>
      </c>
      <c r="NA41" s="143">
        <v>873653</v>
      </c>
      <c r="NB41" s="142">
        <v>0</v>
      </c>
      <c r="NC41" s="119">
        <v>0</v>
      </c>
      <c r="ND41" s="120">
        <v>0</v>
      </c>
      <c r="NE41" s="145">
        <v>0</v>
      </c>
      <c r="NF41" s="119">
        <v>188448</v>
      </c>
      <c r="NG41" s="119">
        <v>0</v>
      </c>
      <c r="NH41" s="119">
        <v>221029</v>
      </c>
      <c r="NI41" s="119">
        <v>899417</v>
      </c>
      <c r="NJ41" s="119">
        <v>0</v>
      </c>
      <c r="NK41" s="120">
        <v>1308894</v>
      </c>
      <c r="NL41" s="318">
        <v>1308894</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26243</v>
      </c>
      <c r="OK41" s="141">
        <v>26243</v>
      </c>
      <c r="OL41" s="118">
        <v>0</v>
      </c>
      <c r="OM41" s="119">
        <v>871676</v>
      </c>
      <c r="ON41" s="119">
        <v>619732</v>
      </c>
      <c r="OO41" s="119">
        <v>1098775</v>
      </c>
      <c r="OP41" s="119">
        <v>2766449</v>
      </c>
      <c r="OQ41" s="119">
        <v>1352298</v>
      </c>
      <c r="OR41" s="120">
        <v>6708930</v>
      </c>
      <c r="OS41" s="143">
        <v>6735173</v>
      </c>
    </row>
    <row r="42" spans="2:409" ht="21" customHeight="1" thickBot="1" x14ac:dyDescent="0.25">
      <c r="B42" s="127" t="s">
        <v>37</v>
      </c>
      <c r="C42" s="117">
        <v>0</v>
      </c>
      <c r="D42" s="178">
        <v>0</v>
      </c>
      <c r="E42" s="179">
        <v>0</v>
      </c>
      <c r="F42" s="180">
        <v>0</v>
      </c>
      <c r="G42" s="178">
        <v>0</v>
      </c>
      <c r="H42" s="178">
        <v>0</v>
      </c>
      <c r="I42" s="178">
        <v>0</v>
      </c>
      <c r="J42" s="178">
        <v>188498</v>
      </c>
      <c r="K42" s="178">
        <v>187724</v>
      </c>
      <c r="L42" s="180">
        <v>376222</v>
      </c>
      <c r="M42" s="181">
        <v>376222</v>
      </c>
      <c r="N42" s="117">
        <v>0</v>
      </c>
      <c r="O42" s="178">
        <v>0</v>
      </c>
      <c r="P42" s="179">
        <v>0</v>
      </c>
      <c r="Q42" s="117">
        <v>0</v>
      </c>
      <c r="R42" s="178">
        <v>0</v>
      </c>
      <c r="S42" s="178">
        <v>0</v>
      </c>
      <c r="T42" s="178">
        <v>0</v>
      </c>
      <c r="U42" s="178">
        <v>8400</v>
      </c>
      <c r="V42" s="178">
        <v>112632</v>
      </c>
      <c r="W42" s="179">
        <v>121032</v>
      </c>
      <c r="X42" s="181">
        <v>121032</v>
      </c>
      <c r="Y42" s="117">
        <v>0</v>
      </c>
      <c r="Z42" s="178">
        <v>0</v>
      </c>
      <c r="AA42" s="179">
        <v>0</v>
      </c>
      <c r="AB42" s="117">
        <v>0</v>
      </c>
      <c r="AC42" s="178">
        <v>0</v>
      </c>
      <c r="AD42" s="178">
        <v>0</v>
      </c>
      <c r="AE42" s="178">
        <v>0</v>
      </c>
      <c r="AF42" s="178">
        <v>0</v>
      </c>
      <c r="AG42" s="178">
        <v>29115</v>
      </c>
      <c r="AH42" s="179">
        <v>29115</v>
      </c>
      <c r="AI42" s="181">
        <v>29115</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64869</v>
      </c>
      <c r="BD42" s="179">
        <v>64869</v>
      </c>
      <c r="BE42" s="181">
        <v>64869</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18648</v>
      </c>
      <c r="BZ42" s="179">
        <v>27048</v>
      </c>
      <c r="CA42" s="181">
        <v>27048</v>
      </c>
      <c r="CB42" s="117">
        <v>0</v>
      </c>
      <c r="CC42" s="178">
        <v>0</v>
      </c>
      <c r="CD42" s="179">
        <v>0</v>
      </c>
      <c r="CE42" s="117">
        <v>0</v>
      </c>
      <c r="CF42" s="178">
        <v>0</v>
      </c>
      <c r="CG42" s="178">
        <v>0</v>
      </c>
      <c r="CH42" s="178">
        <v>0</v>
      </c>
      <c r="CI42" s="178">
        <v>0</v>
      </c>
      <c r="CJ42" s="178">
        <v>0</v>
      </c>
      <c r="CK42" s="179">
        <v>0</v>
      </c>
      <c r="CL42" s="181">
        <v>0</v>
      </c>
      <c r="CM42" s="117">
        <v>0</v>
      </c>
      <c r="CN42" s="178">
        <v>0</v>
      </c>
      <c r="CO42" s="179">
        <v>0</v>
      </c>
      <c r="CP42" s="182">
        <v>0</v>
      </c>
      <c r="CQ42" s="178">
        <v>0</v>
      </c>
      <c r="CR42" s="178">
        <v>0</v>
      </c>
      <c r="CS42" s="178">
        <v>0</v>
      </c>
      <c r="CT42" s="178">
        <v>0</v>
      </c>
      <c r="CU42" s="178">
        <v>0</v>
      </c>
      <c r="CV42" s="179">
        <v>0</v>
      </c>
      <c r="CW42" s="181">
        <v>0</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40932</v>
      </c>
      <c r="DR42" s="179">
        <v>40932</v>
      </c>
      <c r="DS42" s="181">
        <v>40932</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40932</v>
      </c>
      <c r="EN42" s="183">
        <v>40932</v>
      </c>
      <c r="EO42" s="181">
        <v>40932</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6"/>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4160</v>
      </c>
      <c r="FU42" s="179">
        <v>34160</v>
      </c>
      <c r="FV42" s="181">
        <v>34160</v>
      </c>
      <c r="FW42" s="184">
        <v>0</v>
      </c>
      <c r="FX42" s="178">
        <v>0</v>
      </c>
      <c r="FY42" s="183">
        <v>0</v>
      </c>
      <c r="FZ42" s="182">
        <v>0</v>
      </c>
      <c r="GA42" s="178">
        <v>0</v>
      </c>
      <c r="GB42" s="178">
        <v>0</v>
      </c>
      <c r="GC42" s="178">
        <v>0</v>
      </c>
      <c r="GD42" s="178">
        <v>0</v>
      </c>
      <c r="GE42" s="178">
        <v>34160</v>
      </c>
      <c r="GF42" s="179">
        <v>34160</v>
      </c>
      <c r="GG42" s="317">
        <v>341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0098</v>
      </c>
      <c r="HL42" s="178">
        <v>0</v>
      </c>
      <c r="HM42" s="179">
        <v>180098</v>
      </c>
      <c r="HN42" s="180">
        <v>180098</v>
      </c>
      <c r="HO42" s="332"/>
      <c r="HP42" s="333"/>
      <c r="HQ42" s="334"/>
      <c r="HR42" s="335"/>
      <c r="HS42" s="333"/>
      <c r="HT42" s="333"/>
      <c r="HU42" s="333"/>
      <c r="HV42" s="333"/>
      <c r="HW42" s="333"/>
      <c r="HX42" s="336"/>
      <c r="HY42" s="337"/>
      <c r="HZ42" s="151">
        <v>0</v>
      </c>
      <c r="IA42" s="152">
        <v>0</v>
      </c>
      <c r="IB42" s="153">
        <v>0</v>
      </c>
      <c r="IC42" s="154">
        <v>0</v>
      </c>
      <c r="ID42" s="155">
        <v>0</v>
      </c>
      <c r="IE42" s="156">
        <v>0</v>
      </c>
      <c r="IF42" s="157">
        <v>0</v>
      </c>
      <c r="IG42" s="155">
        <v>0</v>
      </c>
      <c r="IH42" s="157">
        <v>146108</v>
      </c>
      <c r="II42" s="158">
        <v>146108</v>
      </c>
      <c r="IJ42" s="159">
        <v>146108</v>
      </c>
      <c r="IK42" s="233">
        <v>0</v>
      </c>
      <c r="IL42" s="238">
        <v>0</v>
      </c>
      <c r="IM42" s="239">
        <v>0</v>
      </c>
      <c r="IN42" s="160"/>
      <c r="IO42" s="161">
        <v>0</v>
      </c>
      <c r="IP42" s="161">
        <v>0</v>
      </c>
      <c r="IQ42" s="161">
        <v>0</v>
      </c>
      <c r="IR42" s="161">
        <v>0</v>
      </c>
      <c r="IS42" s="161">
        <v>0</v>
      </c>
      <c r="IT42" s="162">
        <v>0</v>
      </c>
      <c r="IU42" s="319">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146108</v>
      </c>
      <c r="JP42" s="165">
        <v>146108</v>
      </c>
      <c r="JQ42" s="319">
        <v>146108</v>
      </c>
      <c r="JR42" s="163">
        <v>0</v>
      </c>
      <c r="JS42" s="161">
        <v>0</v>
      </c>
      <c r="JT42" s="162">
        <v>0</v>
      </c>
      <c r="JU42" s="164">
        <v>0</v>
      </c>
      <c r="JV42" s="161">
        <v>0</v>
      </c>
      <c r="JW42" s="161">
        <v>0</v>
      </c>
      <c r="JX42" s="161">
        <v>0</v>
      </c>
      <c r="JY42" s="161">
        <v>0</v>
      </c>
      <c r="JZ42" s="161">
        <v>0</v>
      </c>
      <c r="KA42" s="165">
        <v>0</v>
      </c>
      <c r="KB42" s="319">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19">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19">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0</v>
      </c>
      <c r="MO42" s="165">
        <v>0</v>
      </c>
      <c r="MP42" s="167">
        <v>0</v>
      </c>
      <c r="MQ42" s="163">
        <v>0</v>
      </c>
      <c r="MR42" s="161">
        <v>0</v>
      </c>
      <c r="MS42" s="165">
        <v>0</v>
      </c>
      <c r="MT42" s="169"/>
      <c r="MU42" s="161">
        <v>0</v>
      </c>
      <c r="MV42" s="161">
        <v>0</v>
      </c>
      <c r="MW42" s="161">
        <v>0</v>
      </c>
      <c r="MX42" s="161">
        <v>0</v>
      </c>
      <c r="MY42" s="161">
        <v>0</v>
      </c>
      <c r="MZ42" s="165">
        <v>0</v>
      </c>
      <c r="NA42" s="167">
        <v>0</v>
      </c>
      <c r="NB42" s="163">
        <v>0</v>
      </c>
      <c r="NC42" s="161">
        <v>0</v>
      </c>
      <c r="ND42" s="165">
        <v>0</v>
      </c>
      <c r="NE42" s="169">
        <v>0</v>
      </c>
      <c r="NF42" s="161">
        <v>0</v>
      </c>
      <c r="NG42" s="161">
        <v>0</v>
      </c>
      <c r="NH42" s="161">
        <v>0</v>
      </c>
      <c r="NI42" s="161">
        <v>0</v>
      </c>
      <c r="NJ42" s="161">
        <v>0</v>
      </c>
      <c r="NK42" s="165">
        <v>0</v>
      </c>
      <c r="NL42" s="319">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0</v>
      </c>
      <c r="OK42" s="162">
        <v>0</v>
      </c>
      <c r="OL42" s="164">
        <v>0</v>
      </c>
      <c r="OM42" s="161">
        <v>0</v>
      </c>
      <c r="ON42" s="161">
        <v>0</v>
      </c>
      <c r="OO42" s="161">
        <v>0</v>
      </c>
      <c r="OP42" s="161">
        <v>188498</v>
      </c>
      <c r="OQ42" s="161">
        <v>333832</v>
      </c>
      <c r="OR42" s="165">
        <v>522330</v>
      </c>
      <c r="OS42" s="167">
        <v>522330</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10.6640625" style="291" customWidth="1"/>
    <col min="2" max="3" width="9.21875" style="291" bestFit="1" customWidth="1"/>
    <col min="4" max="4" width="10.77734375" style="291" bestFit="1" customWidth="1"/>
    <col min="5" max="5" width="7.88671875" style="291" customWidth="1"/>
    <col min="6" max="10" width="10.44140625" style="291" bestFit="1" customWidth="1"/>
    <col min="11" max="12" width="11.6640625" style="291" bestFit="1" customWidth="1"/>
    <col min="13" max="15" width="9.21875" style="291" bestFit="1" customWidth="1"/>
    <col min="16" max="16" width="7.44140625" style="291" customWidth="1"/>
    <col min="17" max="17" width="9.21875" style="291" bestFit="1" customWidth="1"/>
    <col min="18" max="21" width="10.44140625" style="291" bestFit="1" customWidth="1"/>
    <col min="22" max="23" width="11.6640625" style="291" bestFit="1" customWidth="1"/>
    <col min="24" max="26" width="9.109375" style="291" bestFit="1" customWidth="1"/>
    <col min="27" max="27" width="7" style="291" customWidth="1"/>
    <col min="28" max="29" width="9.109375" style="291" bestFit="1" customWidth="1"/>
    <col min="30" max="31" width="9.6640625" style="291" bestFit="1" customWidth="1"/>
    <col min="32" max="32" width="9.109375" style="291" bestFit="1" customWidth="1"/>
    <col min="33" max="34" width="9.6640625" style="291" bestFit="1" customWidth="1"/>
    <col min="35" max="37" width="9.109375" style="291" bestFit="1" customWidth="1"/>
    <col min="38" max="38" width="7.33203125" style="291" customWidth="1"/>
    <col min="39" max="48" width="9.109375" style="291" bestFit="1" customWidth="1"/>
    <col min="49" max="49" width="7.33203125" style="291" customWidth="1"/>
    <col min="50" max="59" width="9.109375" style="291" bestFit="1" customWidth="1"/>
    <col min="60" max="60" width="7.77734375" style="291" customWidth="1"/>
    <col min="61" max="70" width="9.109375" style="291" bestFit="1" customWidth="1"/>
    <col min="71" max="71" width="7.77734375" style="291" customWidth="1"/>
    <col min="72" max="76" width="9.109375" style="291" bestFit="1" customWidth="1"/>
    <col min="77" max="78" width="9.6640625" style="291" bestFit="1" customWidth="1"/>
    <col min="79" max="81" width="9.109375" style="291" bestFit="1" customWidth="1"/>
    <col min="82" max="82" width="7.88671875" style="291" customWidth="1"/>
    <col min="83" max="92" width="9.109375" style="291" bestFit="1" customWidth="1"/>
    <col min="93" max="93" width="8" style="291" customWidth="1"/>
    <col min="94" max="103" width="9.109375" style="291" bestFit="1" customWidth="1"/>
    <col min="104" max="104" width="8" style="291" customWidth="1"/>
    <col min="105" max="114" width="9.109375" style="291" bestFit="1" customWidth="1"/>
    <col min="115" max="115" width="7.6640625" style="291" customWidth="1"/>
    <col min="116" max="116" width="9.109375" style="291" bestFit="1" customWidth="1"/>
    <col min="117" max="120" width="9.6640625" style="291" bestFit="1" customWidth="1"/>
    <col min="121" max="122" width="10.6640625" style="291" bestFit="1" customWidth="1"/>
    <col min="123" max="125" width="9.109375" style="291" bestFit="1" customWidth="1"/>
    <col min="126" max="126" width="7.44140625" style="291" customWidth="1"/>
    <col min="127" max="128" width="9.109375" style="291" bestFit="1" customWidth="1"/>
    <col min="129" max="133" width="9.6640625" style="291" bestFit="1" customWidth="1"/>
    <col min="134" max="136" width="9.109375" style="291" bestFit="1" customWidth="1"/>
    <col min="137" max="137" width="7.6640625" style="291" customWidth="1"/>
    <col min="138" max="147" width="9.109375" style="291" bestFit="1" customWidth="1"/>
    <col min="148" max="148" width="7.77734375" style="291" customWidth="1"/>
    <col min="149" max="158" width="9.109375" style="291" bestFit="1" customWidth="1"/>
    <col min="159" max="159" width="7.77734375" style="291" customWidth="1"/>
    <col min="160" max="169" width="9.109375" style="291" bestFit="1" customWidth="1"/>
    <col min="170" max="170" width="7.33203125" style="291" customWidth="1"/>
    <col min="171" max="180" width="9.109375" style="291" bestFit="1" customWidth="1"/>
    <col min="181" max="181" width="8" style="291" customWidth="1"/>
    <col min="182" max="187" width="9.109375" style="291" bestFit="1" customWidth="1"/>
    <col min="188" max="188" width="9.6640625" style="291" bestFit="1" customWidth="1"/>
    <col min="189" max="191" width="9.109375" style="291" bestFit="1" customWidth="1"/>
    <col min="192" max="192" width="7.44140625" style="291" customWidth="1"/>
    <col min="193" max="202" width="9.109375" style="291" bestFit="1" customWidth="1"/>
    <col min="203" max="203" width="7.88671875" style="291" customWidth="1"/>
    <col min="204" max="213" width="9.109375" style="291" bestFit="1" customWidth="1"/>
    <col min="214" max="214" width="7.88671875" style="291" customWidth="1"/>
    <col min="215" max="224" width="9.109375" style="291" bestFit="1" customWidth="1"/>
    <col min="225" max="225" width="7.6640625" style="291" customWidth="1"/>
    <col min="226" max="228" width="9.6640625" style="291" bestFit="1" customWidth="1"/>
    <col min="229" max="229" width="10.6640625" style="291" bestFit="1" customWidth="1"/>
    <col min="230" max="230" width="9.6640625" style="291" bestFit="1" customWidth="1"/>
    <col min="231" max="232" width="10.6640625" style="291" bestFit="1" customWidth="1"/>
    <col min="233" max="16384" width="9" style="291"/>
  </cols>
  <sheetData>
    <row r="1" spans="1:232" s="1" customFormat="1" ht="24" customHeight="1" x14ac:dyDescent="0.2">
      <c r="A1" s="20" t="s">
        <v>0</v>
      </c>
      <c r="B1" s="39"/>
      <c r="C1" s="39"/>
      <c r="D1" s="490">
        <f>第１表!F2</f>
        <v>5</v>
      </c>
      <c r="E1" s="491">
        <f>第１表!G2</f>
        <v>6</v>
      </c>
      <c r="F1" s="606">
        <f>IF(E1&lt;3,E1-2+12,E1-2)</f>
        <v>4</v>
      </c>
      <c r="G1" s="606"/>
      <c r="K1" s="39"/>
      <c r="CK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row>
    <row r="2" spans="1:232" ht="24" customHeight="1" thickBot="1" x14ac:dyDescent="0.25">
      <c r="A2" s="20" t="s">
        <v>120</v>
      </c>
    </row>
    <row r="3" spans="1:232" ht="21" customHeight="1" thickBot="1" x14ac:dyDescent="0.25">
      <c r="A3" s="751"/>
      <c r="B3" s="729" t="s">
        <v>116</v>
      </c>
      <c r="C3" s="730"/>
      <c r="D3" s="730"/>
      <c r="E3" s="730"/>
      <c r="F3" s="730"/>
      <c r="G3" s="730"/>
      <c r="H3" s="730"/>
      <c r="I3" s="730"/>
      <c r="J3" s="730"/>
      <c r="K3" s="730"/>
      <c r="L3" s="730"/>
      <c r="M3" s="517"/>
      <c r="N3" s="517"/>
      <c r="O3" s="517"/>
      <c r="P3" s="517"/>
      <c r="Q3" s="517"/>
      <c r="R3" s="517"/>
      <c r="S3" s="517"/>
      <c r="T3" s="517"/>
      <c r="U3" s="517"/>
      <c r="V3" s="517"/>
      <c r="W3" s="517"/>
      <c r="X3" s="517"/>
      <c r="Y3" s="517"/>
      <c r="Z3" s="517"/>
      <c r="AA3" s="517"/>
      <c r="AB3" s="517"/>
      <c r="AC3" s="517"/>
      <c r="AD3" s="517"/>
      <c r="AE3" s="517"/>
      <c r="AF3" s="517"/>
      <c r="AG3" s="517"/>
      <c r="AH3" s="517"/>
      <c r="AI3" s="517"/>
      <c r="AJ3" s="517"/>
      <c r="AK3" s="517"/>
      <c r="AL3" s="517"/>
      <c r="AM3" s="517"/>
      <c r="AN3" s="517"/>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7"/>
      <c r="CN3" s="517"/>
      <c r="CO3" s="517"/>
      <c r="CP3" s="517"/>
      <c r="CQ3" s="517"/>
      <c r="CR3" s="517"/>
      <c r="CS3" s="517"/>
      <c r="CT3" s="517"/>
      <c r="CU3" s="517"/>
      <c r="CV3" s="517"/>
      <c r="CW3" s="517"/>
      <c r="CX3" s="517"/>
      <c r="CY3" s="517"/>
      <c r="CZ3" s="517"/>
      <c r="DA3" s="517"/>
      <c r="DB3" s="517"/>
      <c r="DC3" s="517"/>
      <c r="DD3" s="517"/>
      <c r="DE3" s="517"/>
      <c r="DF3" s="517"/>
      <c r="DG3" s="518"/>
      <c r="DH3" s="729" t="s">
        <v>118</v>
      </c>
      <c r="DI3" s="730"/>
      <c r="DJ3" s="730"/>
      <c r="DK3" s="730"/>
      <c r="DL3" s="730"/>
      <c r="DM3" s="730"/>
      <c r="DN3" s="730"/>
      <c r="DO3" s="730"/>
      <c r="DP3" s="730"/>
      <c r="DQ3" s="730"/>
      <c r="DR3" s="730"/>
      <c r="DS3" s="730"/>
      <c r="DT3" s="730"/>
      <c r="DU3" s="730"/>
      <c r="DV3" s="730"/>
      <c r="DW3" s="730"/>
      <c r="DX3" s="730"/>
      <c r="DY3" s="730"/>
      <c r="DZ3" s="730"/>
      <c r="EA3" s="730"/>
      <c r="EB3" s="730"/>
      <c r="EC3" s="730"/>
      <c r="ED3" s="730"/>
      <c r="EE3" s="730"/>
      <c r="EF3" s="730"/>
      <c r="EG3" s="730"/>
      <c r="EH3" s="730"/>
      <c r="EI3" s="730"/>
      <c r="EJ3" s="730"/>
      <c r="EK3" s="730"/>
      <c r="EL3" s="730"/>
      <c r="EM3" s="730"/>
      <c r="EN3" s="730"/>
      <c r="EO3" s="730"/>
      <c r="EP3" s="730"/>
      <c r="EQ3" s="730"/>
      <c r="ER3" s="730"/>
      <c r="ES3" s="730"/>
      <c r="ET3" s="730"/>
      <c r="EU3" s="730"/>
      <c r="EV3" s="730"/>
      <c r="EW3" s="730"/>
      <c r="EX3" s="730"/>
      <c r="EY3" s="730"/>
      <c r="EZ3" s="730"/>
      <c r="FA3" s="730"/>
      <c r="FB3" s="730"/>
      <c r="FC3" s="730"/>
      <c r="FD3" s="730"/>
      <c r="FE3" s="730"/>
      <c r="FF3" s="730"/>
      <c r="FG3" s="730"/>
      <c r="FH3" s="730"/>
      <c r="FI3" s="730"/>
      <c r="FJ3" s="730"/>
      <c r="FK3" s="730"/>
      <c r="FL3" s="730"/>
      <c r="FM3" s="730"/>
      <c r="FN3" s="730"/>
      <c r="FO3" s="730"/>
      <c r="FP3" s="730"/>
      <c r="FQ3" s="730"/>
      <c r="FR3" s="730"/>
      <c r="FS3" s="730"/>
      <c r="FT3" s="730"/>
      <c r="FU3" s="730"/>
      <c r="FV3" s="730"/>
      <c r="FW3" s="730"/>
      <c r="FX3" s="730"/>
      <c r="FY3" s="730"/>
      <c r="FZ3" s="730"/>
      <c r="GA3" s="730"/>
      <c r="GB3" s="730"/>
      <c r="GC3" s="730"/>
      <c r="GD3" s="730"/>
      <c r="GE3" s="730"/>
      <c r="GF3" s="730"/>
      <c r="GG3" s="730"/>
      <c r="GH3" s="730"/>
      <c r="GI3" s="730"/>
      <c r="GJ3" s="730"/>
      <c r="GK3" s="730"/>
      <c r="GL3" s="730"/>
      <c r="GM3" s="730"/>
      <c r="GN3" s="730"/>
      <c r="GO3" s="730"/>
      <c r="GP3" s="730"/>
      <c r="GQ3" s="730"/>
      <c r="GR3" s="730"/>
      <c r="GS3" s="730"/>
      <c r="GT3" s="730"/>
      <c r="GU3" s="730"/>
      <c r="GV3" s="730"/>
      <c r="GW3" s="730"/>
      <c r="GX3" s="730"/>
      <c r="GY3" s="730"/>
      <c r="GZ3" s="730"/>
      <c r="HA3" s="730"/>
      <c r="HB3" s="730"/>
      <c r="HC3" s="730"/>
      <c r="HD3" s="730"/>
      <c r="HE3" s="730"/>
      <c r="HF3" s="730"/>
      <c r="HG3" s="730"/>
      <c r="HH3" s="730"/>
      <c r="HI3" s="730"/>
      <c r="HJ3" s="730"/>
      <c r="HK3" s="730"/>
      <c r="HL3" s="730"/>
      <c r="HM3" s="731"/>
      <c r="HN3" s="736" t="s">
        <v>60</v>
      </c>
      <c r="HO3" s="737"/>
      <c r="HP3" s="737"/>
      <c r="HQ3" s="737"/>
      <c r="HR3" s="737"/>
      <c r="HS3" s="737"/>
      <c r="HT3" s="737"/>
      <c r="HU3" s="737"/>
      <c r="HV3" s="737"/>
      <c r="HW3" s="737"/>
      <c r="HX3" s="738"/>
    </row>
    <row r="4" spans="1:232" ht="21" customHeight="1" thickBot="1" x14ac:dyDescent="0.25">
      <c r="A4" s="752"/>
      <c r="B4" s="732"/>
      <c r="C4" s="733"/>
      <c r="D4" s="733"/>
      <c r="E4" s="733"/>
      <c r="F4" s="733"/>
      <c r="G4" s="733"/>
      <c r="H4" s="733"/>
      <c r="I4" s="733"/>
      <c r="J4" s="733"/>
      <c r="K4" s="733"/>
      <c r="L4" s="735"/>
      <c r="M4" s="726" t="s">
        <v>57</v>
      </c>
      <c r="N4" s="727"/>
      <c r="O4" s="727"/>
      <c r="P4" s="727"/>
      <c r="Q4" s="727"/>
      <c r="R4" s="727"/>
      <c r="S4" s="727"/>
      <c r="T4" s="727"/>
      <c r="U4" s="727"/>
      <c r="V4" s="727"/>
      <c r="W4" s="728"/>
      <c r="X4" s="726" t="s">
        <v>58</v>
      </c>
      <c r="Y4" s="727"/>
      <c r="Z4" s="727"/>
      <c r="AA4" s="727"/>
      <c r="AB4" s="727"/>
      <c r="AC4" s="727"/>
      <c r="AD4" s="727"/>
      <c r="AE4" s="727"/>
      <c r="AF4" s="727"/>
      <c r="AG4" s="727"/>
      <c r="AH4" s="728"/>
      <c r="AI4" s="726" t="s">
        <v>59</v>
      </c>
      <c r="AJ4" s="727"/>
      <c r="AK4" s="727"/>
      <c r="AL4" s="727"/>
      <c r="AM4" s="727"/>
      <c r="AN4" s="727"/>
      <c r="AO4" s="727"/>
      <c r="AP4" s="727"/>
      <c r="AQ4" s="727"/>
      <c r="AR4" s="727"/>
      <c r="AS4" s="728"/>
      <c r="AT4" s="726" t="s">
        <v>150</v>
      </c>
      <c r="AU4" s="727"/>
      <c r="AV4" s="727"/>
      <c r="AW4" s="727"/>
      <c r="AX4" s="727"/>
      <c r="AY4" s="727"/>
      <c r="AZ4" s="727"/>
      <c r="BA4" s="727"/>
      <c r="BB4" s="727"/>
      <c r="BC4" s="727"/>
      <c r="BD4" s="728"/>
      <c r="BE4" s="726" t="s">
        <v>117</v>
      </c>
      <c r="BF4" s="727"/>
      <c r="BG4" s="727"/>
      <c r="BH4" s="727"/>
      <c r="BI4" s="727"/>
      <c r="BJ4" s="727"/>
      <c r="BK4" s="727"/>
      <c r="BL4" s="727"/>
      <c r="BM4" s="727"/>
      <c r="BN4" s="727"/>
      <c r="BO4" s="728"/>
      <c r="BP4" s="726" t="s">
        <v>77</v>
      </c>
      <c r="BQ4" s="727"/>
      <c r="BR4" s="727"/>
      <c r="BS4" s="727"/>
      <c r="BT4" s="727"/>
      <c r="BU4" s="727"/>
      <c r="BV4" s="727"/>
      <c r="BW4" s="727"/>
      <c r="BX4" s="727"/>
      <c r="BY4" s="727"/>
      <c r="BZ4" s="728"/>
      <c r="CA4" s="726" t="s">
        <v>78</v>
      </c>
      <c r="CB4" s="727"/>
      <c r="CC4" s="727"/>
      <c r="CD4" s="727"/>
      <c r="CE4" s="727"/>
      <c r="CF4" s="727"/>
      <c r="CG4" s="727"/>
      <c r="CH4" s="727"/>
      <c r="CI4" s="727"/>
      <c r="CJ4" s="727"/>
      <c r="CK4" s="728"/>
      <c r="CL4" s="726" t="s">
        <v>79</v>
      </c>
      <c r="CM4" s="727"/>
      <c r="CN4" s="727"/>
      <c r="CO4" s="727"/>
      <c r="CP4" s="727"/>
      <c r="CQ4" s="727"/>
      <c r="CR4" s="727"/>
      <c r="CS4" s="727"/>
      <c r="CT4" s="727"/>
      <c r="CU4" s="727"/>
      <c r="CV4" s="728"/>
      <c r="CW4" s="726" t="s">
        <v>151</v>
      </c>
      <c r="CX4" s="727"/>
      <c r="CY4" s="727"/>
      <c r="CZ4" s="727"/>
      <c r="DA4" s="727"/>
      <c r="DB4" s="727"/>
      <c r="DC4" s="727"/>
      <c r="DD4" s="727"/>
      <c r="DE4" s="727"/>
      <c r="DF4" s="727"/>
      <c r="DG4" s="728"/>
      <c r="DH4" s="732"/>
      <c r="DI4" s="733"/>
      <c r="DJ4" s="733"/>
      <c r="DK4" s="733"/>
      <c r="DL4" s="733"/>
      <c r="DM4" s="733"/>
      <c r="DN4" s="733"/>
      <c r="DO4" s="733"/>
      <c r="DP4" s="733"/>
      <c r="DQ4" s="733"/>
      <c r="DR4" s="734"/>
      <c r="DS4" s="726" t="s">
        <v>57</v>
      </c>
      <c r="DT4" s="727"/>
      <c r="DU4" s="727"/>
      <c r="DV4" s="727"/>
      <c r="DW4" s="727"/>
      <c r="DX4" s="727"/>
      <c r="DY4" s="727"/>
      <c r="DZ4" s="727"/>
      <c r="EA4" s="727"/>
      <c r="EB4" s="727"/>
      <c r="EC4" s="728"/>
      <c r="ED4" s="726" t="s">
        <v>58</v>
      </c>
      <c r="EE4" s="727"/>
      <c r="EF4" s="727"/>
      <c r="EG4" s="727"/>
      <c r="EH4" s="727"/>
      <c r="EI4" s="727"/>
      <c r="EJ4" s="727"/>
      <c r="EK4" s="727"/>
      <c r="EL4" s="727"/>
      <c r="EM4" s="727"/>
      <c r="EN4" s="728"/>
      <c r="EO4" s="726" t="s">
        <v>59</v>
      </c>
      <c r="EP4" s="727"/>
      <c r="EQ4" s="727"/>
      <c r="ER4" s="727"/>
      <c r="ES4" s="727"/>
      <c r="ET4" s="727"/>
      <c r="EU4" s="727"/>
      <c r="EV4" s="727"/>
      <c r="EW4" s="727"/>
      <c r="EX4" s="727"/>
      <c r="EY4" s="728"/>
      <c r="EZ4" s="726" t="s">
        <v>150</v>
      </c>
      <c r="FA4" s="727"/>
      <c r="FB4" s="727"/>
      <c r="FC4" s="727"/>
      <c r="FD4" s="727"/>
      <c r="FE4" s="727"/>
      <c r="FF4" s="727"/>
      <c r="FG4" s="727"/>
      <c r="FH4" s="727"/>
      <c r="FI4" s="727"/>
      <c r="FJ4" s="728"/>
      <c r="FK4" s="726" t="s">
        <v>117</v>
      </c>
      <c r="FL4" s="727"/>
      <c r="FM4" s="727"/>
      <c r="FN4" s="727"/>
      <c r="FO4" s="727"/>
      <c r="FP4" s="727"/>
      <c r="FQ4" s="727"/>
      <c r="FR4" s="727"/>
      <c r="FS4" s="727"/>
      <c r="FT4" s="727"/>
      <c r="FU4" s="728"/>
      <c r="FV4" s="726" t="s">
        <v>77</v>
      </c>
      <c r="FW4" s="727"/>
      <c r="FX4" s="727"/>
      <c r="FY4" s="727"/>
      <c r="FZ4" s="727"/>
      <c r="GA4" s="727"/>
      <c r="GB4" s="727"/>
      <c r="GC4" s="727"/>
      <c r="GD4" s="727"/>
      <c r="GE4" s="727"/>
      <c r="GF4" s="728"/>
      <c r="GG4" s="726" t="s">
        <v>78</v>
      </c>
      <c r="GH4" s="727"/>
      <c r="GI4" s="727"/>
      <c r="GJ4" s="727"/>
      <c r="GK4" s="727"/>
      <c r="GL4" s="727"/>
      <c r="GM4" s="727"/>
      <c r="GN4" s="727"/>
      <c r="GO4" s="727"/>
      <c r="GP4" s="727"/>
      <c r="GQ4" s="728"/>
      <c r="GR4" s="726" t="s">
        <v>79</v>
      </c>
      <c r="GS4" s="727"/>
      <c r="GT4" s="727"/>
      <c r="GU4" s="727"/>
      <c r="GV4" s="727"/>
      <c r="GW4" s="727"/>
      <c r="GX4" s="727"/>
      <c r="GY4" s="727"/>
      <c r="GZ4" s="727"/>
      <c r="HA4" s="727"/>
      <c r="HB4" s="728"/>
      <c r="HC4" s="726" t="s">
        <v>151</v>
      </c>
      <c r="HD4" s="727"/>
      <c r="HE4" s="727"/>
      <c r="HF4" s="727"/>
      <c r="HG4" s="727"/>
      <c r="HH4" s="727"/>
      <c r="HI4" s="727"/>
      <c r="HJ4" s="727"/>
      <c r="HK4" s="727"/>
      <c r="HL4" s="727"/>
      <c r="HM4" s="728"/>
      <c r="HN4" s="739"/>
      <c r="HO4" s="740"/>
      <c r="HP4" s="740"/>
      <c r="HQ4" s="740"/>
      <c r="HR4" s="740"/>
      <c r="HS4" s="740"/>
      <c r="HT4" s="740"/>
      <c r="HU4" s="740"/>
      <c r="HV4" s="740"/>
      <c r="HW4" s="740"/>
      <c r="HX4" s="741"/>
    </row>
    <row r="5" spans="1:232" ht="21" customHeight="1" x14ac:dyDescent="0.2">
      <c r="A5" s="752"/>
      <c r="B5" s="742" t="s">
        <v>61</v>
      </c>
      <c r="C5" s="743"/>
      <c r="D5" s="744"/>
      <c r="E5" s="745" t="s">
        <v>62</v>
      </c>
      <c r="F5" s="743"/>
      <c r="G5" s="743"/>
      <c r="H5" s="743"/>
      <c r="I5" s="743"/>
      <c r="J5" s="743"/>
      <c r="K5" s="746"/>
      <c r="L5" s="747" t="s">
        <v>52</v>
      </c>
      <c r="M5" s="732" t="s">
        <v>61</v>
      </c>
      <c r="N5" s="733"/>
      <c r="O5" s="734"/>
      <c r="P5" s="749" t="s">
        <v>62</v>
      </c>
      <c r="Q5" s="733"/>
      <c r="R5" s="733"/>
      <c r="S5" s="733"/>
      <c r="T5" s="733"/>
      <c r="U5" s="733"/>
      <c r="V5" s="750"/>
      <c r="W5" s="667" t="s">
        <v>52</v>
      </c>
      <c r="X5" s="732" t="s">
        <v>61</v>
      </c>
      <c r="Y5" s="733"/>
      <c r="Z5" s="734"/>
      <c r="AA5" s="749" t="s">
        <v>62</v>
      </c>
      <c r="AB5" s="733"/>
      <c r="AC5" s="733"/>
      <c r="AD5" s="733"/>
      <c r="AE5" s="733"/>
      <c r="AF5" s="733"/>
      <c r="AG5" s="750"/>
      <c r="AH5" s="667" t="s">
        <v>52</v>
      </c>
      <c r="AI5" s="732" t="s">
        <v>61</v>
      </c>
      <c r="AJ5" s="733"/>
      <c r="AK5" s="734"/>
      <c r="AL5" s="749" t="s">
        <v>62</v>
      </c>
      <c r="AM5" s="733"/>
      <c r="AN5" s="733"/>
      <c r="AO5" s="733"/>
      <c r="AP5" s="733"/>
      <c r="AQ5" s="733"/>
      <c r="AR5" s="750"/>
      <c r="AS5" s="667" t="s">
        <v>52</v>
      </c>
      <c r="AT5" s="732" t="s">
        <v>61</v>
      </c>
      <c r="AU5" s="733"/>
      <c r="AV5" s="734"/>
      <c r="AW5" s="749" t="s">
        <v>62</v>
      </c>
      <c r="AX5" s="733"/>
      <c r="AY5" s="733"/>
      <c r="AZ5" s="733"/>
      <c r="BA5" s="733"/>
      <c r="BB5" s="733"/>
      <c r="BC5" s="750"/>
      <c r="BD5" s="667" t="s">
        <v>52</v>
      </c>
      <c r="BE5" s="732" t="s">
        <v>61</v>
      </c>
      <c r="BF5" s="733"/>
      <c r="BG5" s="734"/>
      <c r="BH5" s="749" t="s">
        <v>62</v>
      </c>
      <c r="BI5" s="733"/>
      <c r="BJ5" s="733"/>
      <c r="BK5" s="733"/>
      <c r="BL5" s="733"/>
      <c r="BM5" s="733"/>
      <c r="BN5" s="750"/>
      <c r="BO5" s="667" t="s">
        <v>52</v>
      </c>
      <c r="BP5" s="732" t="s">
        <v>61</v>
      </c>
      <c r="BQ5" s="733"/>
      <c r="BR5" s="734"/>
      <c r="BS5" s="749" t="s">
        <v>62</v>
      </c>
      <c r="BT5" s="733"/>
      <c r="BU5" s="733"/>
      <c r="BV5" s="733"/>
      <c r="BW5" s="733"/>
      <c r="BX5" s="733"/>
      <c r="BY5" s="750"/>
      <c r="BZ5" s="667" t="s">
        <v>52</v>
      </c>
      <c r="CA5" s="732" t="s">
        <v>61</v>
      </c>
      <c r="CB5" s="733"/>
      <c r="CC5" s="734"/>
      <c r="CD5" s="749" t="s">
        <v>62</v>
      </c>
      <c r="CE5" s="733"/>
      <c r="CF5" s="733"/>
      <c r="CG5" s="733"/>
      <c r="CH5" s="733"/>
      <c r="CI5" s="733"/>
      <c r="CJ5" s="750"/>
      <c r="CK5" s="667" t="s">
        <v>52</v>
      </c>
      <c r="CL5" s="732" t="s">
        <v>61</v>
      </c>
      <c r="CM5" s="733"/>
      <c r="CN5" s="734"/>
      <c r="CO5" s="749" t="s">
        <v>62</v>
      </c>
      <c r="CP5" s="733"/>
      <c r="CQ5" s="733"/>
      <c r="CR5" s="733"/>
      <c r="CS5" s="733"/>
      <c r="CT5" s="733"/>
      <c r="CU5" s="750"/>
      <c r="CV5" s="667" t="s">
        <v>52</v>
      </c>
      <c r="CW5" s="732" t="s">
        <v>61</v>
      </c>
      <c r="CX5" s="733"/>
      <c r="CY5" s="734"/>
      <c r="CZ5" s="749" t="s">
        <v>62</v>
      </c>
      <c r="DA5" s="733"/>
      <c r="DB5" s="733"/>
      <c r="DC5" s="733"/>
      <c r="DD5" s="733"/>
      <c r="DE5" s="733"/>
      <c r="DF5" s="750"/>
      <c r="DG5" s="667" t="s">
        <v>52</v>
      </c>
      <c r="DH5" s="742" t="s">
        <v>61</v>
      </c>
      <c r="DI5" s="743"/>
      <c r="DJ5" s="744"/>
      <c r="DK5" s="745" t="s">
        <v>62</v>
      </c>
      <c r="DL5" s="743"/>
      <c r="DM5" s="743"/>
      <c r="DN5" s="743"/>
      <c r="DO5" s="743"/>
      <c r="DP5" s="743"/>
      <c r="DQ5" s="746"/>
      <c r="DR5" s="754" t="s">
        <v>52</v>
      </c>
      <c r="DS5" s="732" t="s">
        <v>61</v>
      </c>
      <c r="DT5" s="733"/>
      <c r="DU5" s="734"/>
      <c r="DV5" s="749" t="s">
        <v>62</v>
      </c>
      <c r="DW5" s="733"/>
      <c r="DX5" s="733"/>
      <c r="DY5" s="733"/>
      <c r="DZ5" s="733"/>
      <c r="EA5" s="733"/>
      <c r="EB5" s="750"/>
      <c r="EC5" s="667" t="s">
        <v>52</v>
      </c>
      <c r="ED5" s="732" t="s">
        <v>61</v>
      </c>
      <c r="EE5" s="733"/>
      <c r="EF5" s="734"/>
      <c r="EG5" s="749" t="s">
        <v>62</v>
      </c>
      <c r="EH5" s="733"/>
      <c r="EI5" s="733"/>
      <c r="EJ5" s="733"/>
      <c r="EK5" s="733"/>
      <c r="EL5" s="733"/>
      <c r="EM5" s="750"/>
      <c r="EN5" s="667" t="s">
        <v>52</v>
      </c>
      <c r="EO5" s="732" t="s">
        <v>61</v>
      </c>
      <c r="EP5" s="733"/>
      <c r="EQ5" s="734"/>
      <c r="ER5" s="749" t="s">
        <v>62</v>
      </c>
      <c r="ES5" s="733"/>
      <c r="ET5" s="733"/>
      <c r="EU5" s="733"/>
      <c r="EV5" s="733"/>
      <c r="EW5" s="733"/>
      <c r="EX5" s="750"/>
      <c r="EY5" s="667" t="s">
        <v>52</v>
      </c>
      <c r="EZ5" s="732" t="s">
        <v>61</v>
      </c>
      <c r="FA5" s="733"/>
      <c r="FB5" s="734"/>
      <c r="FC5" s="749" t="s">
        <v>62</v>
      </c>
      <c r="FD5" s="733"/>
      <c r="FE5" s="733"/>
      <c r="FF5" s="733"/>
      <c r="FG5" s="733"/>
      <c r="FH5" s="733"/>
      <c r="FI5" s="750"/>
      <c r="FJ5" s="667" t="s">
        <v>52</v>
      </c>
      <c r="FK5" s="732" t="s">
        <v>61</v>
      </c>
      <c r="FL5" s="733"/>
      <c r="FM5" s="734"/>
      <c r="FN5" s="749" t="s">
        <v>62</v>
      </c>
      <c r="FO5" s="733"/>
      <c r="FP5" s="733"/>
      <c r="FQ5" s="733"/>
      <c r="FR5" s="733"/>
      <c r="FS5" s="733"/>
      <c r="FT5" s="750"/>
      <c r="FU5" s="667" t="s">
        <v>52</v>
      </c>
      <c r="FV5" s="732" t="s">
        <v>61</v>
      </c>
      <c r="FW5" s="733"/>
      <c r="FX5" s="734"/>
      <c r="FY5" s="749" t="s">
        <v>62</v>
      </c>
      <c r="FZ5" s="733"/>
      <c r="GA5" s="733"/>
      <c r="GB5" s="733"/>
      <c r="GC5" s="733"/>
      <c r="GD5" s="733"/>
      <c r="GE5" s="750"/>
      <c r="GF5" s="667" t="s">
        <v>52</v>
      </c>
      <c r="GG5" s="732" t="s">
        <v>61</v>
      </c>
      <c r="GH5" s="733"/>
      <c r="GI5" s="734"/>
      <c r="GJ5" s="749" t="s">
        <v>62</v>
      </c>
      <c r="GK5" s="733"/>
      <c r="GL5" s="733"/>
      <c r="GM5" s="733"/>
      <c r="GN5" s="733"/>
      <c r="GO5" s="733"/>
      <c r="GP5" s="750"/>
      <c r="GQ5" s="667" t="s">
        <v>52</v>
      </c>
      <c r="GR5" s="732" t="s">
        <v>61</v>
      </c>
      <c r="GS5" s="733"/>
      <c r="GT5" s="734"/>
      <c r="GU5" s="749" t="s">
        <v>62</v>
      </c>
      <c r="GV5" s="733"/>
      <c r="GW5" s="733"/>
      <c r="GX5" s="733"/>
      <c r="GY5" s="733"/>
      <c r="GZ5" s="733"/>
      <c r="HA5" s="750"/>
      <c r="HB5" s="667" t="s">
        <v>52</v>
      </c>
      <c r="HC5" s="732" t="s">
        <v>61</v>
      </c>
      <c r="HD5" s="733"/>
      <c r="HE5" s="734"/>
      <c r="HF5" s="749" t="s">
        <v>62</v>
      </c>
      <c r="HG5" s="733"/>
      <c r="HH5" s="733"/>
      <c r="HI5" s="733"/>
      <c r="HJ5" s="733"/>
      <c r="HK5" s="733"/>
      <c r="HL5" s="750"/>
      <c r="HM5" s="667" t="s">
        <v>52</v>
      </c>
      <c r="HN5" s="732" t="s">
        <v>61</v>
      </c>
      <c r="HO5" s="733"/>
      <c r="HP5" s="734"/>
      <c r="HQ5" s="749" t="s">
        <v>62</v>
      </c>
      <c r="HR5" s="733"/>
      <c r="HS5" s="733"/>
      <c r="HT5" s="733"/>
      <c r="HU5" s="733"/>
      <c r="HV5" s="733"/>
      <c r="HW5" s="750"/>
      <c r="HX5" s="667" t="s">
        <v>52</v>
      </c>
    </row>
    <row r="6" spans="1:232" ht="30" customHeight="1" thickBot="1" x14ac:dyDescent="0.25">
      <c r="A6" s="753"/>
      <c r="B6" s="369" t="s">
        <v>119</v>
      </c>
      <c r="C6" s="370" t="s">
        <v>44</v>
      </c>
      <c r="D6" s="371" t="s">
        <v>45</v>
      </c>
      <c r="E6" s="372" t="s">
        <v>83</v>
      </c>
      <c r="F6" s="370" t="s">
        <v>47</v>
      </c>
      <c r="G6" s="370" t="s">
        <v>48</v>
      </c>
      <c r="H6" s="370" t="s">
        <v>49</v>
      </c>
      <c r="I6" s="370" t="s">
        <v>50</v>
      </c>
      <c r="J6" s="370" t="s">
        <v>51</v>
      </c>
      <c r="K6" s="373" t="s">
        <v>45</v>
      </c>
      <c r="L6" s="748"/>
      <c r="M6" s="369" t="s">
        <v>119</v>
      </c>
      <c r="N6" s="370" t="s">
        <v>44</v>
      </c>
      <c r="O6" s="371" t="s">
        <v>45</v>
      </c>
      <c r="P6" s="372" t="s">
        <v>83</v>
      </c>
      <c r="Q6" s="370" t="s">
        <v>47</v>
      </c>
      <c r="R6" s="370" t="s">
        <v>48</v>
      </c>
      <c r="S6" s="370" t="s">
        <v>49</v>
      </c>
      <c r="T6" s="370" t="s">
        <v>50</v>
      </c>
      <c r="U6" s="370" t="s">
        <v>51</v>
      </c>
      <c r="V6" s="373" t="s">
        <v>45</v>
      </c>
      <c r="W6" s="748"/>
      <c r="X6" s="369" t="s">
        <v>119</v>
      </c>
      <c r="Y6" s="370" t="s">
        <v>44</v>
      </c>
      <c r="Z6" s="371" t="s">
        <v>45</v>
      </c>
      <c r="AA6" s="372" t="s">
        <v>83</v>
      </c>
      <c r="AB6" s="370" t="s">
        <v>47</v>
      </c>
      <c r="AC6" s="370" t="s">
        <v>48</v>
      </c>
      <c r="AD6" s="370" t="s">
        <v>49</v>
      </c>
      <c r="AE6" s="370" t="s">
        <v>50</v>
      </c>
      <c r="AF6" s="370" t="s">
        <v>51</v>
      </c>
      <c r="AG6" s="373" t="s">
        <v>45</v>
      </c>
      <c r="AH6" s="748"/>
      <c r="AI6" s="369" t="s">
        <v>119</v>
      </c>
      <c r="AJ6" s="370" t="s">
        <v>44</v>
      </c>
      <c r="AK6" s="371" t="s">
        <v>45</v>
      </c>
      <c r="AL6" s="372" t="s">
        <v>83</v>
      </c>
      <c r="AM6" s="370" t="s">
        <v>47</v>
      </c>
      <c r="AN6" s="370" t="s">
        <v>48</v>
      </c>
      <c r="AO6" s="370" t="s">
        <v>49</v>
      </c>
      <c r="AP6" s="370" t="s">
        <v>50</v>
      </c>
      <c r="AQ6" s="370" t="s">
        <v>51</v>
      </c>
      <c r="AR6" s="373" t="s">
        <v>45</v>
      </c>
      <c r="AS6" s="748"/>
      <c r="AT6" s="369" t="s">
        <v>119</v>
      </c>
      <c r="AU6" s="370" t="s">
        <v>44</v>
      </c>
      <c r="AV6" s="371" t="s">
        <v>45</v>
      </c>
      <c r="AW6" s="372" t="s">
        <v>83</v>
      </c>
      <c r="AX6" s="370" t="s">
        <v>47</v>
      </c>
      <c r="AY6" s="370" t="s">
        <v>48</v>
      </c>
      <c r="AZ6" s="370" t="s">
        <v>49</v>
      </c>
      <c r="BA6" s="370" t="s">
        <v>50</v>
      </c>
      <c r="BB6" s="370" t="s">
        <v>51</v>
      </c>
      <c r="BC6" s="373" t="s">
        <v>45</v>
      </c>
      <c r="BD6" s="748"/>
      <c r="BE6" s="369" t="s">
        <v>119</v>
      </c>
      <c r="BF6" s="370" t="s">
        <v>44</v>
      </c>
      <c r="BG6" s="371" t="s">
        <v>45</v>
      </c>
      <c r="BH6" s="372" t="s">
        <v>83</v>
      </c>
      <c r="BI6" s="370" t="s">
        <v>47</v>
      </c>
      <c r="BJ6" s="370" t="s">
        <v>48</v>
      </c>
      <c r="BK6" s="370" t="s">
        <v>49</v>
      </c>
      <c r="BL6" s="370" t="s">
        <v>50</v>
      </c>
      <c r="BM6" s="370" t="s">
        <v>51</v>
      </c>
      <c r="BN6" s="373" t="s">
        <v>45</v>
      </c>
      <c r="BO6" s="748"/>
      <c r="BP6" s="369" t="s">
        <v>119</v>
      </c>
      <c r="BQ6" s="370" t="s">
        <v>44</v>
      </c>
      <c r="BR6" s="371" t="s">
        <v>45</v>
      </c>
      <c r="BS6" s="372" t="s">
        <v>83</v>
      </c>
      <c r="BT6" s="370" t="s">
        <v>47</v>
      </c>
      <c r="BU6" s="370" t="s">
        <v>48</v>
      </c>
      <c r="BV6" s="370" t="s">
        <v>49</v>
      </c>
      <c r="BW6" s="370" t="s">
        <v>50</v>
      </c>
      <c r="BX6" s="370" t="s">
        <v>51</v>
      </c>
      <c r="BY6" s="373" t="s">
        <v>45</v>
      </c>
      <c r="BZ6" s="748"/>
      <c r="CA6" s="369" t="s">
        <v>119</v>
      </c>
      <c r="CB6" s="370" t="s">
        <v>44</v>
      </c>
      <c r="CC6" s="371" t="s">
        <v>45</v>
      </c>
      <c r="CD6" s="372" t="s">
        <v>83</v>
      </c>
      <c r="CE6" s="370" t="s">
        <v>47</v>
      </c>
      <c r="CF6" s="370" t="s">
        <v>48</v>
      </c>
      <c r="CG6" s="370" t="s">
        <v>49</v>
      </c>
      <c r="CH6" s="370" t="s">
        <v>50</v>
      </c>
      <c r="CI6" s="370" t="s">
        <v>51</v>
      </c>
      <c r="CJ6" s="373" t="s">
        <v>45</v>
      </c>
      <c r="CK6" s="748"/>
      <c r="CL6" s="369" t="s">
        <v>119</v>
      </c>
      <c r="CM6" s="370" t="s">
        <v>44</v>
      </c>
      <c r="CN6" s="371" t="s">
        <v>45</v>
      </c>
      <c r="CO6" s="372" t="s">
        <v>83</v>
      </c>
      <c r="CP6" s="370" t="s">
        <v>47</v>
      </c>
      <c r="CQ6" s="370" t="s">
        <v>48</v>
      </c>
      <c r="CR6" s="370" t="s">
        <v>49</v>
      </c>
      <c r="CS6" s="370" t="s">
        <v>50</v>
      </c>
      <c r="CT6" s="370" t="s">
        <v>51</v>
      </c>
      <c r="CU6" s="373" t="s">
        <v>45</v>
      </c>
      <c r="CV6" s="748"/>
      <c r="CW6" s="369" t="s">
        <v>119</v>
      </c>
      <c r="CX6" s="370" t="s">
        <v>44</v>
      </c>
      <c r="CY6" s="371" t="s">
        <v>45</v>
      </c>
      <c r="CZ6" s="372" t="s">
        <v>83</v>
      </c>
      <c r="DA6" s="370" t="s">
        <v>47</v>
      </c>
      <c r="DB6" s="370" t="s">
        <v>48</v>
      </c>
      <c r="DC6" s="370" t="s">
        <v>49</v>
      </c>
      <c r="DD6" s="370" t="s">
        <v>50</v>
      </c>
      <c r="DE6" s="370" t="s">
        <v>51</v>
      </c>
      <c r="DF6" s="373" t="s">
        <v>45</v>
      </c>
      <c r="DG6" s="748"/>
      <c r="DH6" s="369" t="s">
        <v>119</v>
      </c>
      <c r="DI6" s="370" t="s">
        <v>44</v>
      </c>
      <c r="DJ6" s="371" t="s">
        <v>45</v>
      </c>
      <c r="DK6" s="372" t="s">
        <v>83</v>
      </c>
      <c r="DL6" s="370" t="s">
        <v>47</v>
      </c>
      <c r="DM6" s="370" t="s">
        <v>48</v>
      </c>
      <c r="DN6" s="370" t="s">
        <v>49</v>
      </c>
      <c r="DO6" s="370" t="s">
        <v>50</v>
      </c>
      <c r="DP6" s="370" t="s">
        <v>51</v>
      </c>
      <c r="DQ6" s="373" t="s">
        <v>45</v>
      </c>
      <c r="DR6" s="755"/>
      <c r="DS6" s="369" t="s">
        <v>119</v>
      </c>
      <c r="DT6" s="370" t="s">
        <v>44</v>
      </c>
      <c r="DU6" s="371" t="s">
        <v>45</v>
      </c>
      <c r="DV6" s="372" t="s">
        <v>83</v>
      </c>
      <c r="DW6" s="370" t="s">
        <v>47</v>
      </c>
      <c r="DX6" s="370" t="s">
        <v>48</v>
      </c>
      <c r="DY6" s="370" t="s">
        <v>49</v>
      </c>
      <c r="DZ6" s="370" t="s">
        <v>50</v>
      </c>
      <c r="EA6" s="370" t="s">
        <v>51</v>
      </c>
      <c r="EB6" s="373" t="s">
        <v>45</v>
      </c>
      <c r="EC6" s="748"/>
      <c r="ED6" s="369" t="s">
        <v>119</v>
      </c>
      <c r="EE6" s="370" t="s">
        <v>44</v>
      </c>
      <c r="EF6" s="371" t="s">
        <v>45</v>
      </c>
      <c r="EG6" s="372" t="s">
        <v>83</v>
      </c>
      <c r="EH6" s="370" t="s">
        <v>47</v>
      </c>
      <c r="EI6" s="370" t="s">
        <v>48</v>
      </c>
      <c r="EJ6" s="370" t="s">
        <v>49</v>
      </c>
      <c r="EK6" s="370" t="s">
        <v>50</v>
      </c>
      <c r="EL6" s="370" t="s">
        <v>51</v>
      </c>
      <c r="EM6" s="373" t="s">
        <v>45</v>
      </c>
      <c r="EN6" s="748"/>
      <c r="EO6" s="369" t="s">
        <v>119</v>
      </c>
      <c r="EP6" s="370" t="s">
        <v>44</v>
      </c>
      <c r="EQ6" s="371" t="s">
        <v>45</v>
      </c>
      <c r="ER6" s="372" t="s">
        <v>83</v>
      </c>
      <c r="ES6" s="370" t="s">
        <v>47</v>
      </c>
      <c r="ET6" s="370" t="s">
        <v>48</v>
      </c>
      <c r="EU6" s="370" t="s">
        <v>49</v>
      </c>
      <c r="EV6" s="370" t="s">
        <v>50</v>
      </c>
      <c r="EW6" s="370" t="s">
        <v>51</v>
      </c>
      <c r="EX6" s="373" t="s">
        <v>45</v>
      </c>
      <c r="EY6" s="748"/>
      <c r="EZ6" s="369" t="s">
        <v>119</v>
      </c>
      <c r="FA6" s="370" t="s">
        <v>44</v>
      </c>
      <c r="FB6" s="371" t="s">
        <v>45</v>
      </c>
      <c r="FC6" s="372" t="s">
        <v>83</v>
      </c>
      <c r="FD6" s="370" t="s">
        <v>47</v>
      </c>
      <c r="FE6" s="370" t="s">
        <v>48</v>
      </c>
      <c r="FF6" s="370" t="s">
        <v>49</v>
      </c>
      <c r="FG6" s="370" t="s">
        <v>50</v>
      </c>
      <c r="FH6" s="370" t="s">
        <v>51</v>
      </c>
      <c r="FI6" s="373" t="s">
        <v>45</v>
      </c>
      <c r="FJ6" s="748"/>
      <c r="FK6" s="369" t="s">
        <v>119</v>
      </c>
      <c r="FL6" s="370" t="s">
        <v>44</v>
      </c>
      <c r="FM6" s="371" t="s">
        <v>45</v>
      </c>
      <c r="FN6" s="372" t="s">
        <v>83</v>
      </c>
      <c r="FO6" s="370" t="s">
        <v>47</v>
      </c>
      <c r="FP6" s="370" t="s">
        <v>48</v>
      </c>
      <c r="FQ6" s="370" t="s">
        <v>49</v>
      </c>
      <c r="FR6" s="370" t="s">
        <v>50</v>
      </c>
      <c r="FS6" s="370" t="s">
        <v>51</v>
      </c>
      <c r="FT6" s="373" t="s">
        <v>45</v>
      </c>
      <c r="FU6" s="748"/>
      <c r="FV6" s="369" t="s">
        <v>119</v>
      </c>
      <c r="FW6" s="370" t="s">
        <v>44</v>
      </c>
      <c r="FX6" s="371" t="s">
        <v>45</v>
      </c>
      <c r="FY6" s="372" t="s">
        <v>83</v>
      </c>
      <c r="FZ6" s="370" t="s">
        <v>47</v>
      </c>
      <c r="GA6" s="370" t="s">
        <v>48</v>
      </c>
      <c r="GB6" s="370" t="s">
        <v>49</v>
      </c>
      <c r="GC6" s="370" t="s">
        <v>50</v>
      </c>
      <c r="GD6" s="370" t="s">
        <v>51</v>
      </c>
      <c r="GE6" s="373" t="s">
        <v>45</v>
      </c>
      <c r="GF6" s="748"/>
      <c r="GG6" s="369" t="s">
        <v>119</v>
      </c>
      <c r="GH6" s="370" t="s">
        <v>44</v>
      </c>
      <c r="GI6" s="371" t="s">
        <v>45</v>
      </c>
      <c r="GJ6" s="372" t="s">
        <v>83</v>
      </c>
      <c r="GK6" s="370" t="s">
        <v>47</v>
      </c>
      <c r="GL6" s="370" t="s">
        <v>48</v>
      </c>
      <c r="GM6" s="370" t="s">
        <v>49</v>
      </c>
      <c r="GN6" s="370" t="s">
        <v>50</v>
      </c>
      <c r="GO6" s="370" t="s">
        <v>51</v>
      </c>
      <c r="GP6" s="373" t="s">
        <v>45</v>
      </c>
      <c r="GQ6" s="748"/>
      <c r="GR6" s="369" t="s">
        <v>119</v>
      </c>
      <c r="GS6" s="370" t="s">
        <v>44</v>
      </c>
      <c r="GT6" s="371" t="s">
        <v>45</v>
      </c>
      <c r="GU6" s="372" t="s">
        <v>83</v>
      </c>
      <c r="GV6" s="370" t="s">
        <v>47</v>
      </c>
      <c r="GW6" s="370" t="s">
        <v>48</v>
      </c>
      <c r="GX6" s="370" t="s">
        <v>49</v>
      </c>
      <c r="GY6" s="370" t="s">
        <v>50</v>
      </c>
      <c r="GZ6" s="370" t="s">
        <v>51</v>
      </c>
      <c r="HA6" s="373" t="s">
        <v>45</v>
      </c>
      <c r="HB6" s="748"/>
      <c r="HC6" s="369" t="s">
        <v>119</v>
      </c>
      <c r="HD6" s="370" t="s">
        <v>44</v>
      </c>
      <c r="HE6" s="371" t="s">
        <v>45</v>
      </c>
      <c r="HF6" s="372" t="s">
        <v>83</v>
      </c>
      <c r="HG6" s="370" t="s">
        <v>47</v>
      </c>
      <c r="HH6" s="370" t="s">
        <v>48</v>
      </c>
      <c r="HI6" s="370" t="s">
        <v>49</v>
      </c>
      <c r="HJ6" s="370" t="s">
        <v>50</v>
      </c>
      <c r="HK6" s="370" t="s">
        <v>51</v>
      </c>
      <c r="HL6" s="373" t="s">
        <v>45</v>
      </c>
      <c r="HM6" s="748"/>
      <c r="HN6" s="369" t="s">
        <v>119</v>
      </c>
      <c r="HO6" s="370" t="s">
        <v>44</v>
      </c>
      <c r="HP6" s="371" t="s">
        <v>45</v>
      </c>
      <c r="HQ6" s="372" t="s">
        <v>83</v>
      </c>
      <c r="HR6" s="370" t="s">
        <v>47</v>
      </c>
      <c r="HS6" s="370" t="s">
        <v>48</v>
      </c>
      <c r="HT6" s="370" t="s">
        <v>49</v>
      </c>
      <c r="HU6" s="370" t="s">
        <v>50</v>
      </c>
      <c r="HV6" s="370" t="s">
        <v>51</v>
      </c>
      <c r="HW6" s="373" t="s">
        <v>45</v>
      </c>
      <c r="HX6" s="748"/>
    </row>
    <row r="7" spans="1:232" s="481" customFormat="1" ht="21" customHeight="1" x14ac:dyDescent="0.2">
      <c r="A7" s="494" t="s">
        <v>4</v>
      </c>
      <c r="B7" s="473">
        <v>31605</v>
      </c>
      <c r="C7" s="474">
        <v>127410</v>
      </c>
      <c r="D7" s="475">
        <v>159015</v>
      </c>
      <c r="E7" s="476">
        <v>0</v>
      </c>
      <c r="F7" s="474">
        <v>17077951</v>
      </c>
      <c r="G7" s="474">
        <v>37655384</v>
      </c>
      <c r="H7" s="474">
        <v>114688934</v>
      </c>
      <c r="I7" s="474">
        <v>154611394</v>
      </c>
      <c r="J7" s="474">
        <v>99018121</v>
      </c>
      <c r="K7" s="477">
        <v>423051784</v>
      </c>
      <c r="L7" s="478">
        <v>423210799</v>
      </c>
      <c r="M7" s="473">
        <v>0</v>
      </c>
      <c r="N7" s="474">
        <v>0</v>
      </c>
      <c r="O7" s="475">
        <v>0</v>
      </c>
      <c r="P7" s="479"/>
      <c r="Q7" s="474">
        <v>4567220</v>
      </c>
      <c r="R7" s="474">
        <v>13131533</v>
      </c>
      <c r="S7" s="474">
        <v>77484875</v>
      </c>
      <c r="T7" s="474">
        <v>112289592</v>
      </c>
      <c r="U7" s="474">
        <v>76418789</v>
      </c>
      <c r="V7" s="477">
        <v>283892009</v>
      </c>
      <c r="W7" s="478">
        <v>283892009</v>
      </c>
      <c r="X7" s="473">
        <v>0</v>
      </c>
      <c r="Y7" s="474">
        <v>0</v>
      </c>
      <c r="Z7" s="475">
        <v>0</v>
      </c>
      <c r="AA7" s="479"/>
      <c r="AB7" s="474">
        <v>10631771</v>
      </c>
      <c r="AC7" s="474">
        <v>20138989</v>
      </c>
      <c r="AD7" s="474">
        <v>27124044</v>
      </c>
      <c r="AE7" s="474">
        <v>30957035</v>
      </c>
      <c r="AF7" s="474">
        <v>14381572</v>
      </c>
      <c r="AG7" s="477">
        <v>103233411</v>
      </c>
      <c r="AH7" s="478">
        <v>103233411</v>
      </c>
      <c r="AI7" s="473">
        <v>0</v>
      </c>
      <c r="AJ7" s="474">
        <v>0</v>
      </c>
      <c r="AK7" s="475">
        <v>0</v>
      </c>
      <c r="AL7" s="479"/>
      <c r="AM7" s="474">
        <v>0</v>
      </c>
      <c r="AN7" s="474">
        <v>0</v>
      </c>
      <c r="AO7" s="474">
        <v>24305</v>
      </c>
      <c r="AP7" s="474">
        <v>692355</v>
      </c>
      <c r="AQ7" s="474">
        <v>529315</v>
      </c>
      <c r="AR7" s="477">
        <v>1245975</v>
      </c>
      <c r="AS7" s="478">
        <v>1245975</v>
      </c>
      <c r="AT7" s="473">
        <v>0</v>
      </c>
      <c r="AU7" s="474">
        <v>0</v>
      </c>
      <c r="AV7" s="475">
        <v>0</v>
      </c>
      <c r="AW7" s="479"/>
      <c r="AX7" s="474">
        <v>154670</v>
      </c>
      <c r="AY7" s="474">
        <v>168770</v>
      </c>
      <c r="AZ7" s="474">
        <v>526275</v>
      </c>
      <c r="BA7" s="474">
        <v>1862815</v>
      </c>
      <c r="BB7" s="474">
        <v>2720750</v>
      </c>
      <c r="BC7" s="477">
        <v>5433280</v>
      </c>
      <c r="BD7" s="478">
        <v>5433280</v>
      </c>
      <c r="BE7" s="473">
        <v>0</v>
      </c>
      <c r="BF7" s="474">
        <v>0</v>
      </c>
      <c r="BG7" s="475">
        <v>0</v>
      </c>
      <c r="BH7" s="479"/>
      <c r="BI7" s="474">
        <v>94800</v>
      </c>
      <c r="BJ7" s="474">
        <v>285150</v>
      </c>
      <c r="BK7" s="474">
        <v>1501020</v>
      </c>
      <c r="BL7" s="474">
        <v>1675150</v>
      </c>
      <c r="BM7" s="474">
        <v>1446990</v>
      </c>
      <c r="BN7" s="477">
        <v>5003110</v>
      </c>
      <c r="BO7" s="478">
        <v>5003110</v>
      </c>
      <c r="BP7" s="473">
        <v>31605</v>
      </c>
      <c r="BQ7" s="474">
        <v>125129</v>
      </c>
      <c r="BR7" s="475">
        <v>156734</v>
      </c>
      <c r="BS7" s="476">
        <v>0</v>
      </c>
      <c r="BT7" s="474">
        <v>1517280</v>
      </c>
      <c r="BU7" s="474">
        <v>3680555</v>
      </c>
      <c r="BV7" s="474">
        <v>7699638</v>
      </c>
      <c r="BW7" s="474">
        <v>6821247</v>
      </c>
      <c r="BX7" s="474">
        <v>3270713</v>
      </c>
      <c r="BY7" s="477">
        <v>22989433</v>
      </c>
      <c r="BZ7" s="478">
        <v>23146167</v>
      </c>
      <c r="CA7" s="473">
        <v>0</v>
      </c>
      <c r="CB7" s="474">
        <v>2281</v>
      </c>
      <c r="CC7" s="475">
        <v>2281</v>
      </c>
      <c r="CD7" s="476">
        <v>0</v>
      </c>
      <c r="CE7" s="474">
        <v>112210</v>
      </c>
      <c r="CF7" s="474">
        <v>250387</v>
      </c>
      <c r="CG7" s="474">
        <v>328777</v>
      </c>
      <c r="CH7" s="474">
        <v>313200</v>
      </c>
      <c r="CI7" s="474">
        <v>249992</v>
      </c>
      <c r="CJ7" s="477">
        <v>1254566</v>
      </c>
      <c r="CK7" s="478">
        <v>1256847</v>
      </c>
      <c r="CL7" s="473">
        <v>0</v>
      </c>
      <c r="CM7" s="474">
        <v>0</v>
      </c>
      <c r="CN7" s="475">
        <v>0</v>
      </c>
      <c r="CO7" s="476">
        <v>0</v>
      </c>
      <c r="CP7" s="474">
        <v>0</v>
      </c>
      <c r="CQ7" s="474">
        <v>0</v>
      </c>
      <c r="CR7" s="474">
        <v>0</v>
      </c>
      <c r="CS7" s="474">
        <v>0</v>
      </c>
      <c r="CT7" s="474">
        <v>0</v>
      </c>
      <c r="CU7" s="477">
        <v>0</v>
      </c>
      <c r="CV7" s="478">
        <v>0</v>
      </c>
      <c r="CW7" s="473">
        <v>0</v>
      </c>
      <c r="CX7" s="474">
        <v>0</v>
      </c>
      <c r="CY7" s="475">
        <v>0</v>
      </c>
      <c r="CZ7" s="479"/>
      <c r="DA7" s="474">
        <v>0</v>
      </c>
      <c r="DB7" s="474">
        <v>0</v>
      </c>
      <c r="DC7" s="474">
        <v>0</v>
      </c>
      <c r="DD7" s="474">
        <v>0</v>
      </c>
      <c r="DE7" s="474">
        <v>0</v>
      </c>
      <c r="DF7" s="477">
        <v>0</v>
      </c>
      <c r="DG7" s="478">
        <v>0</v>
      </c>
      <c r="DH7" s="473">
        <v>44363</v>
      </c>
      <c r="DI7" s="474">
        <v>180710</v>
      </c>
      <c r="DJ7" s="475">
        <v>225073</v>
      </c>
      <c r="DK7" s="476">
        <v>0</v>
      </c>
      <c r="DL7" s="474">
        <v>11116599</v>
      </c>
      <c r="DM7" s="474">
        <v>30324350</v>
      </c>
      <c r="DN7" s="474">
        <v>122872008</v>
      </c>
      <c r="DO7" s="474">
        <v>162540493</v>
      </c>
      <c r="DP7" s="474">
        <v>103310182</v>
      </c>
      <c r="DQ7" s="477">
        <v>430163632</v>
      </c>
      <c r="DR7" s="480">
        <v>430388705</v>
      </c>
      <c r="DS7" s="473">
        <v>0</v>
      </c>
      <c r="DT7" s="474">
        <v>0</v>
      </c>
      <c r="DU7" s="475">
        <v>0</v>
      </c>
      <c r="DV7" s="479"/>
      <c r="DW7" s="474">
        <v>5757674</v>
      </c>
      <c r="DX7" s="474">
        <v>18617040</v>
      </c>
      <c r="DY7" s="474">
        <v>101871260</v>
      </c>
      <c r="DZ7" s="474">
        <v>141863041</v>
      </c>
      <c r="EA7" s="474">
        <v>91508606</v>
      </c>
      <c r="EB7" s="477">
        <v>359617621</v>
      </c>
      <c r="EC7" s="478">
        <v>359617621</v>
      </c>
      <c r="ED7" s="473">
        <v>0</v>
      </c>
      <c r="EE7" s="474">
        <v>0</v>
      </c>
      <c r="EF7" s="475">
        <v>0</v>
      </c>
      <c r="EG7" s="479"/>
      <c r="EH7" s="474">
        <v>2618381</v>
      </c>
      <c r="EI7" s="474">
        <v>5263027</v>
      </c>
      <c r="EJ7" s="474">
        <v>6313415</v>
      </c>
      <c r="EK7" s="474">
        <v>6907553</v>
      </c>
      <c r="EL7" s="474">
        <v>3827358</v>
      </c>
      <c r="EM7" s="477">
        <v>24929734</v>
      </c>
      <c r="EN7" s="478">
        <v>24929734</v>
      </c>
      <c r="EO7" s="473">
        <v>0</v>
      </c>
      <c r="EP7" s="474">
        <v>0</v>
      </c>
      <c r="EQ7" s="475">
        <v>0</v>
      </c>
      <c r="ER7" s="479"/>
      <c r="ES7" s="474">
        <v>0</v>
      </c>
      <c r="ET7" s="474">
        <v>0</v>
      </c>
      <c r="EU7" s="474">
        <v>33930</v>
      </c>
      <c r="EV7" s="474">
        <v>95443</v>
      </c>
      <c r="EW7" s="474">
        <v>80636</v>
      </c>
      <c r="EX7" s="477">
        <v>210009</v>
      </c>
      <c r="EY7" s="478">
        <v>210009</v>
      </c>
      <c r="EZ7" s="473">
        <v>0</v>
      </c>
      <c r="FA7" s="474">
        <v>0</v>
      </c>
      <c r="FB7" s="475">
        <v>0</v>
      </c>
      <c r="FC7" s="479"/>
      <c r="FD7" s="474">
        <v>12388</v>
      </c>
      <c r="FE7" s="474">
        <v>51182</v>
      </c>
      <c r="FF7" s="474">
        <v>83363</v>
      </c>
      <c r="FG7" s="474">
        <v>286720</v>
      </c>
      <c r="FH7" s="474">
        <v>391072</v>
      </c>
      <c r="FI7" s="477">
        <v>824725</v>
      </c>
      <c r="FJ7" s="478">
        <v>824725</v>
      </c>
      <c r="FK7" s="473">
        <v>0</v>
      </c>
      <c r="FL7" s="474">
        <v>0</v>
      </c>
      <c r="FM7" s="475">
        <v>0</v>
      </c>
      <c r="FN7" s="479"/>
      <c r="FO7" s="474">
        <v>154680</v>
      </c>
      <c r="FP7" s="474">
        <v>351720</v>
      </c>
      <c r="FQ7" s="474">
        <v>2547414</v>
      </c>
      <c r="FR7" s="474">
        <v>3189573</v>
      </c>
      <c r="FS7" s="474">
        <v>2284597</v>
      </c>
      <c r="FT7" s="477">
        <v>8527984</v>
      </c>
      <c r="FU7" s="478">
        <v>8527984</v>
      </c>
      <c r="FV7" s="473">
        <v>44363</v>
      </c>
      <c r="FW7" s="474">
        <v>180689</v>
      </c>
      <c r="FX7" s="475">
        <v>225052</v>
      </c>
      <c r="FY7" s="476">
        <v>0</v>
      </c>
      <c r="FZ7" s="474">
        <v>2529325</v>
      </c>
      <c r="GA7" s="474">
        <v>5901891</v>
      </c>
      <c r="GB7" s="474">
        <v>11771099</v>
      </c>
      <c r="GC7" s="474">
        <v>9980935</v>
      </c>
      <c r="GD7" s="474">
        <v>5064570</v>
      </c>
      <c r="GE7" s="477">
        <v>35247820</v>
      </c>
      <c r="GF7" s="478">
        <v>35472872</v>
      </c>
      <c r="GG7" s="473">
        <v>0</v>
      </c>
      <c r="GH7" s="474">
        <v>21</v>
      </c>
      <c r="GI7" s="475">
        <v>21</v>
      </c>
      <c r="GJ7" s="476">
        <v>0</v>
      </c>
      <c r="GK7" s="474">
        <v>44151</v>
      </c>
      <c r="GL7" s="474">
        <v>139490</v>
      </c>
      <c r="GM7" s="474">
        <v>251527</v>
      </c>
      <c r="GN7" s="474">
        <v>217228</v>
      </c>
      <c r="GO7" s="474">
        <v>153343</v>
      </c>
      <c r="GP7" s="477">
        <v>805739</v>
      </c>
      <c r="GQ7" s="478">
        <v>805760</v>
      </c>
      <c r="GR7" s="473">
        <v>0</v>
      </c>
      <c r="GS7" s="474">
        <v>0</v>
      </c>
      <c r="GT7" s="475">
        <v>0</v>
      </c>
      <c r="GU7" s="476">
        <v>0</v>
      </c>
      <c r="GV7" s="474">
        <v>0</v>
      </c>
      <c r="GW7" s="474">
        <v>0</v>
      </c>
      <c r="GX7" s="474">
        <v>0</v>
      </c>
      <c r="GY7" s="474">
        <v>0</v>
      </c>
      <c r="GZ7" s="474">
        <v>0</v>
      </c>
      <c r="HA7" s="477">
        <v>0</v>
      </c>
      <c r="HB7" s="478">
        <v>0</v>
      </c>
      <c r="HC7" s="473">
        <v>0</v>
      </c>
      <c r="HD7" s="474">
        <v>0</v>
      </c>
      <c r="HE7" s="475">
        <v>0</v>
      </c>
      <c r="HF7" s="479"/>
      <c r="HG7" s="474">
        <v>0</v>
      </c>
      <c r="HH7" s="474">
        <v>0</v>
      </c>
      <c r="HI7" s="474">
        <v>0</v>
      </c>
      <c r="HJ7" s="474">
        <v>0</v>
      </c>
      <c r="HK7" s="474">
        <v>0</v>
      </c>
      <c r="HL7" s="477">
        <v>0</v>
      </c>
      <c r="HM7" s="478">
        <v>0</v>
      </c>
      <c r="HN7" s="473">
        <v>75968</v>
      </c>
      <c r="HO7" s="474">
        <v>308120</v>
      </c>
      <c r="HP7" s="475">
        <v>384088</v>
      </c>
      <c r="HQ7" s="476">
        <v>0</v>
      </c>
      <c r="HR7" s="474">
        <v>28194550</v>
      </c>
      <c r="HS7" s="474">
        <v>67979734</v>
      </c>
      <c r="HT7" s="474">
        <v>237560942</v>
      </c>
      <c r="HU7" s="474">
        <v>317151887</v>
      </c>
      <c r="HV7" s="474">
        <v>202328303</v>
      </c>
      <c r="HW7" s="477">
        <v>853215416</v>
      </c>
      <c r="HX7" s="478">
        <v>853599504</v>
      </c>
    </row>
    <row r="8" spans="1:232" s="481" customFormat="1" ht="21" customHeight="1" x14ac:dyDescent="0.2">
      <c r="A8" s="495" t="s">
        <v>5</v>
      </c>
      <c r="B8" s="482">
        <v>21075</v>
      </c>
      <c r="C8" s="483">
        <v>27839</v>
      </c>
      <c r="D8" s="484">
        <v>48914</v>
      </c>
      <c r="E8" s="485">
        <v>0</v>
      </c>
      <c r="F8" s="483">
        <v>6924437</v>
      </c>
      <c r="G8" s="483">
        <v>19014682</v>
      </c>
      <c r="H8" s="483">
        <v>48301582</v>
      </c>
      <c r="I8" s="483">
        <v>65586128</v>
      </c>
      <c r="J8" s="483">
        <v>41604638</v>
      </c>
      <c r="K8" s="486">
        <v>181431467</v>
      </c>
      <c r="L8" s="487">
        <v>181480381</v>
      </c>
      <c r="M8" s="482">
        <v>0</v>
      </c>
      <c r="N8" s="483">
        <v>0</v>
      </c>
      <c r="O8" s="484">
        <v>0</v>
      </c>
      <c r="P8" s="488"/>
      <c r="Q8" s="483">
        <v>2601245</v>
      </c>
      <c r="R8" s="483">
        <v>8640012</v>
      </c>
      <c r="S8" s="483">
        <v>33211995</v>
      </c>
      <c r="T8" s="483">
        <v>48799143</v>
      </c>
      <c r="U8" s="483">
        <v>32235774</v>
      </c>
      <c r="V8" s="486">
        <v>125488169</v>
      </c>
      <c r="W8" s="487">
        <v>125488169</v>
      </c>
      <c r="X8" s="482">
        <v>0</v>
      </c>
      <c r="Y8" s="483">
        <v>0</v>
      </c>
      <c r="Z8" s="484">
        <v>0</v>
      </c>
      <c r="AA8" s="488"/>
      <c r="AB8" s="483">
        <v>3851425</v>
      </c>
      <c r="AC8" s="483">
        <v>8767911</v>
      </c>
      <c r="AD8" s="483">
        <v>11359092</v>
      </c>
      <c r="AE8" s="483">
        <v>13437130</v>
      </c>
      <c r="AF8" s="483">
        <v>6893659</v>
      </c>
      <c r="AG8" s="486">
        <v>44309217</v>
      </c>
      <c r="AH8" s="487">
        <v>44309217</v>
      </c>
      <c r="AI8" s="482">
        <v>0</v>
      </c>
      <c r="AJ8" s="483">
        <v>0</v>
      </c>
      <c r="AK8" s="484">
        <v>0</v>
      </c>
      <c r="AL8" s="488"/>
      <c r="AM8" s="483">
        <v>0</v>
      </c>
      <c r="AN8" s="483">
        <v>0</v>
      </c>
      <c r="AO8" s="483">
        <v>0</v>
      </c>
      <c r="AP8" s="483">
        <v>199425</v>
      </c>
      <c r="AQ8" s="483">
        <v>152400</v>
      </c>
      <c r="AR8" s="486">
        <v>351825</v>
      </c>
      <c r="AS8" s="487">
        <v>351825</v>
      </c>
      <c r="AT8" s="482">
        <v>0</v>
      </c>
      <c r="AU8" s="483">
        <v>0</v>
      </c>
      <c r="AV8" s="484">
        <v>0</v>
      </c>
      <c r="AW8" s="488"/>
      <c r="AX8" s="483">
        <v>0</v>
      </c>
      <c r="AY8" s="483">
        <v>79070</v>
      </c>
      <c r="AZ8" s="483">
        <v>19120</v>
      </c>
      <c r="BA8" s="483">
        <v>328035</v>
      </c>
      <c r="BB8" s="483">
        <v>583800</v>
      </c>
      <c r="BC8" s="486">
        <v>1010025</v>
      </c>
      <c r="BD8" s="487">
        <v>1010025</v>
      </c>
      <c r="BE8" s="482">
        <v>0</v>
      </c>
      <c r="BF8" s="483">
        <v>0</v>
      </c>
      <c r="BG8" s="484">
        <v>0</v>
      </c>
      <c r="BH8" s="488"/>
      <c r="BI8" s="483">
        <v>65850</v>
      </c>
      <c r="BJ8" s="483">
        <v>134850</v>
      </c>
      <c r="BK8" s="483">
        <v>252900</v>
      </c>
      <c r="BL8" s="483">
        <v>196485</v>
      </c>
      <c r="BM8" s="483">
        <v>171150</v>
      </c>
      <c r="BN8" s="486">
        <v>821235</v>
      </c>
      <c r="BO8" s="487">
        <v>821235</v>
      </c>
      <c r="BP8" s="482">
        <v>21075</v>
      </c>
      <c r="BQ8" s="483">
        <v>27839</v>
      </c>
      <c r="BR8" s="484">
        <v>48914</v>
      </c>
      <c r="BS8" s="485">
        <v>0</v>
      </c>
      <c r="BT8" s="483">
        <v>371402</v>
      </c>
      <c r="BU8" s="483">
        <v>1270998</v>
      </c>
      <c r="BV8" s="483">
        <v>3284559</v>
      </c>
      <c r="BW8" s="483">
        <v>2443833</v>
      </c>
      <c r="BX8" s="483">
        <v>1434699</v>
      </c>
      <c r="BY8" s="486">
        <v>8805491</v>
      </c>
      <c r="BZ8" s="487">
        <v>8854405</v>
      </c>
      <c r="CA8" s="482">
        <v>0</v>
      </c>
      <c r="CB8" s="483">
        <v>0</v>
      </c>
      <c r="CC8" s="484">
        <v>0</v>
      </c>
      <c r="CD8" s="485">
        <v>0</v>
      </c>
      <c r="CE8" s="483">
        <v>34515</v>
      </c>
      <c r="CF8" s="483">
        <v>121841</v>
      </c>
      <c r="CG8" s="483">
        <v>173916</v>
      </c>
      <c r="CH8" s="483">
        <v>182077</v>
      </c>
      <c r="CI8" s="483">
        <v>133156</v>
      </c>
      <c r="CJ8" s="486">
        <v>645505</v>
      </c>
      <c r="CK8" s="487">
        <v>645505</v>
      </c>
      <c r="CL8" s="482">
        <v>0</v>
      </c>
      <c r="CM8" s="483">
        <v>0</v>
      </c>
      <c r="CN8" s="484">
        <v>0</v>
      </c>
      <c r="CO8" s="485">
        <v>0</v>
      </c>
      <c r="CP8" s="483">
        <v>0</v>
      </c>
      <c r="CQ8" s="483">
        <v>0</v>
      </c>
      <c r="CR8" s="483">
        <v>0</v>
      </c>
      <c r="CS8" s="483">
        <v>0</v>
      </c>
      <c r="CT8" s="483">
        <v>0</v>
      </c>
      <c r="CU8" s="486">
        <v>0</v>
      </c>
      <c r="CV8" s="487">
        <v>0</v>
      </c>
      <c r="CW8" s="482">
        <v>0</v>
      </c>
      <c r="CX8" s="483">
        <v>0</v>
      </c>
      <c r="CY8" s="484">
        <v>0</v>
      </c>
      <c r="CZ8" s="488"/>
      <c r="DA8" s="483">
        <v>0</v>
      </c>
      <c r="DB8" s="483">
        <v>0</v>
      </c>
      <c r="DC8" s="483">
        <v>0</v>
      </c>
      <c r="DD8" s="483">
        <v>0</v>
      </c>
      <c r="DE8" s="483">
        <v>0</v>
      </c>
      <c r="DF8" s="486">
        <v>0</v>
      </c>
      <c r="DG8" s="487">
        <v>0</v>
      </c>
      <c r="DH8" s="482">
        <v>25956</v>
      </c>
      <c r="DI8" s="483">
        <v>48442</v>
      </c>
      <c r="DJ8" s="484">
        <v>74398</v>
      </c>
      <c r="DK8" s="485">
        <v>0</v>
      </c>
      <c r="DL8" s="483">
        <v>5962043</v>
      </c>
      <c r="DM8" s="483">
        <v>17886261</v>
      </c>
      <c r="DN8" s="483">
        <v>54313345</v>
      </c>
      <c r="DO8" s="483">
        <v>70289724</v>
      </c>
      <c r="DP8" s="483">
        <v>45701314</v>
      </c>
      <c r="DQ8" s="486">
        <v>194152687</v>
      </c>
      <c r="DR8" s="489">
        <v>194227085</v>
      </c>
      <c r="DS8" s="482">
        <v>0</v>
      </c>
      <c r="DT8" s="483">
        <v>0</v>
      </c>
      <c r="DU8" s="484">
        <v>0</v>
      </c>
      <c r="DV8" s="488"/>
      <c r="DW8" s="483">
        <v>3683771</v>
      </c>
      <c r="DX8" s="483">
        <v>12243523</v>
      </c>
      <c r="DY8" s="483">
        <v>45233820</v>
      </c>
      <c r="DZ8" s="483">
        <v>62274584</v>
      </c>
      <c r="EA8" s="483">
        <v>40387571</v>
      </c>
      <c r="EB8" s="486">
        <v>163823269</v>
      </c>
      <c r="EC8" s="487">
        <v>163823269</v>
      </c>
      <c r="ED8" s="482">
        <v>0</v>
      </c>
      <c r="EE8" s="483">
        <v>0</v>
      </c>
      <c r="EF8" s="484">
        <v>0</v>
      </c>
      <c r="EG8" s="488"/>
      <c r="EH8" s="483">
        <v>1404342</v>
      </c>
      <c r="EI8" s="483">
        <v>3052913</v>
      </c>
      <c r="EJ8" s="483">
        <v>3595677</v>
      </c>
      <c r="EK8" s="483">
        <v>3711179</v>
      </c>
      <c r="EL8" s="483">
        <v>2547420</v>
      </c>
      <c r="EM8" s="486">
        <v>14311531</v>
      </c>
      <c r="EN8" s="487">
        <v>14311531</v>
      </c>
      <c r="EO8" s="482">
        <v>0</v>
      </c>
      <c r="EP8" s="483">
        <v>0</v>
      </c>
      <c r="EQ8" s="484">
        <v>0</v>
      </c>
      <c r="ER8" s="488"/>
      <c r="ES8" s="483">
        <v>0</v>
      </c>
      <c r="ET8" s="483">
        <v>0</v>
      </c>
      <c r="EU8" s="483">
        <v>11100</v>
      </c>
      <c r="EV8" s="483">
        <v>35743</v>
      </c>
      <c r="EW8" s="483">
        <v>24300</v>
      </c>
      <c r="EX8" s="486">
        <v>71143</v>
      </c>
      <c r="EY8" s="487">
        <v>71143</v>
      </c>
      <c r="EZ8" s="482">
        <v>0</v>
      </c>
      <c r="FA8" s="483">
        <v>0</v>
      </c>
      <c r="FB8" s="484">
        <v>0</v>
      </c>
      <c r="FC8" s="488"/>
      <c r="FD8" s="483">
        <v>0</v>
      </c>
      <c r="FE8" s="483">
        <v>28292</v>
      </c>
      <c r="FF8" s="483">
        <v>826</v>
      </c>
      <c r="FG8" s="483">
        <v>59585</v>
      </c>
      <c r="FH8" s="483">
        <v>145561</v>
      </c>
      <c r="FI8" s="486">
        <v>234264</v>
      </c>
      <c r="FJ8" s="487">
        <v>234264</v>
      </c>
      <c r="FK8" s="482">
        <v>0</v>
      </c>
      <c r="FL8" s="483">
        <v>0</v>
      </c>
      <c r="FM8" s="484">
        <v>0</v>
      </c>
      <c r="FN8" s="488"/>
      <c r="FO8" s="483">
        <v>92040</v>
      </c>
      <c r="FP8" s="483">
        <v>133800</v>
      </c>
      <c r="FQ8" s="483">
        <v>407580</v>
      </c>
      <c r="FR8" s="483">
        <v>366432</v>
      </c>
      <c r="FS8" s="483">
        <v>288480</v>
      </c>
      <c r="FT8" s="486">
        <v>1288332</v>
      </c>
      <c r="FU8" s="487">
        <v>1288332</v>
      </c>
      <c r="FV8" s="482">
        <v>25956</v>
      </c>
      <c r="FW8" s="483">
        <v>48442</v>
      </c>
      <c r="FX8" s="484">
        <v>74398</v>
      </c>
      <c r="FY8" s="485">
        <v>0</v>
      </c>
      <c r="FZ8" s="483">
        <v>763382</v>
      </c>
      <c r="GA8" s="483">
        <v>2345833</v>
      </c>
      <c r="GB8" s="483">
        <v>4925499</v>
      </c>
      <c r="GC8" s="483">
        <v>3712358</v>
      </c>
      <c r="GD8" s="483">
        <v>2199075</v>
      </c>
      <c r="GE8" s="486">
        <v>13946147</v>
      </c>
      <c r="GF8" s="487">
        <v>14020545</v>
      </c>
      <c r="GG8" s="482">
        <v>0</v>
      </c>
      <c r="GH8" s="483">
        <v>0</v>
      </c>
      <c r="GI8" s="484">
        <v>0</v>
      </c>
      <c r="GJ8" s="485">
        <v>0</v>
      </c>
      <c r="GK8" s="483">
        <v>18508</v>
      </c>
      <c r="GL8" s="483">
        <v>81900</v>
      </c>
      <c r="GM8" s="483">
        <v>138843</v>
      </c>
      <c r="GN8" s="483">
        <v>129843</v>
      </c>
      <c r="GO8" s="483">
        <v>108907</v>
      </c>
      <c r="GP8" s="486">
        <v>478001</v>
      </c>
      <c r="GQ8" s="487">
        <v>478001</v>
      </c>
      <c r="GR8" s="482">
        <v>0</v>
      </c>
      <c r="GS8" s="483">
        <v>0</v>
      </c>
      <c r="GT8" s="484">
        <v>0</v>
      </c>
      <c r="GU8" s="485">
        <v>0</v>
      </c>
      <c r="GV8" s="483">
        <v>0</v>
      </c>
      <c r="GW8" s="483">
        <v>0</v>
      </c>
      <c r="GX8" s="483">
        <v>0</v>
      </c>
      <c r="GY8" s="483">
        <v>0</v>
      </c>
      <c r="GZ8" s="483">
        <v>0</v>
      </c>
      <c r="HA8" s="486">
        <v>0</v>
      </c>
      <c r="HB8" s="487">
        <v>0</v>
      </c>
      <c r="HC8" s="482">
        <v>0</v>
      </c>
      <c r="HD8" s="483">
        <v>0</v>
      </c>
      <c r="HE8" s="484">
        <v>0</v>
      </c>
      <c r="HF8" s="488"/>
      <c r="HG8" s="483">
        <v>0</v>
      </c>
      <c r="HH8" s="483">
        <v>0</v>
      </c>
      <c r="HI8" s="483">
        <v>0</v>
      </c>
      <c r="HJ8" s="483">
        <v>0</v>
      </c>
      <c r="HK8" s="483">
        <v>0</v>
      </c>
      <c r="HL8" s="486">
        <v>0</v>
      </c>
      <c r="HM8" s="487">
        <v>0</v>
      </c>
      <c r="HN8" s="482">
        <v>47031</v>
      </c>
      <c r="HO8" s="483">
        <v>76281</v>
      </c>
      <c r="HP8" s="484">
        <v>123312</v>
      </c>
      <c r="HQ8" s="485">
        <v>0</v>
      </c>
      <c r="HR8" s="483">
        <v>12886480</v>
      </c>
      <c r="HS8" s="483">
        <v>36900943</v>
      </c>
      <c r="HT8" s="483">
        <v>102614927</v>
      </c>
      <c r="HU8" s="483">
        <v>135875852</v>
      </c>
      <c r="HV8" s="483">
        <v>87305952</v>
      </c>
      <c r="HW8" s="486">
        <v>375584154</v>
      </c>
      <c r="HX8" s="487">
        <v>375707466</v>
      </c>
    </row>
    <row r="9" spans="1:232" ht="21" customHeight="1" x14ac:dyDescent="0.2">
      <c r="A9" s="492" t="s">
        <v>6</v>
      </c>
      <c r="B9" s="292">
        <v>0</v>
      </c>
      <c r="C9" s="293">
        <v>14430</v>
      </c>
      <c r="D9" s="294">
        <v>14430</v>
      </c>
      <c r="E9" s="295">
        <v>0</v>
      </c>
      <c r="F9" s="293">
        <v>2478581</v>
      </c>
      <c r="G9" s="293">
        <v>3918905</v>
      </c>
      <c r="H9" s="293">
        <v>14782559</v>
      </c>
      <c r="I9" s="293">
        <v>21145037</v>
      </c>
      <c r="J9" s="293">
        <v>14055396</v>
      </c>
      <c r="K9" s="296">
        <v>56380478</v>
      </c>
      <c r="L9" s="297">
        <v>56394908</v>
      </c>
      <c r="M9" s="292">
        <v>0</v>
      </c>
      <c r="N9" s="293">
        <v>0</v>
      </c>
      <c r="O9" s="294">
        <v>0</v>
      </c>
      <c r="P9" s="298"/>
      <c r="Q9" s="293">
        <v>943895</v>
      </c>
      <c r="R9" s="293">
        <v>1371955</v>
      </c>
      <c r="S9" s="293">
        <v>10250182</v>
      </c>
      <c r="T9" s="293">
        <v>14927033</v>
      </c>
      <c r="U9" s="293">
        <v>10747120</v>
      </c>
      <c r="V9" s="296">
        <v>38240185</v>
      </c>
      <c r="W9" s="297">
        <v>38240185</v>
      </c>
      <c r="X9" s="292">
        <v>0</v>
      </c>
      <c r="Y9" s="293">
        <v>0</v>
      </c>
      <c r="Z9" s="294">
        <v>0</v>
      </c>
      <c r="AA9" s="298"/>
      <c r="AB9" s="293">
        <v>1230660</v>
      </c>
      <c r="AC9" s="293">
        <v>2023435</v>
      </c>
      <c r="AD9" s="293">
        <v>3152135</v>
      </c>
      <c r="AE9" s="293">
        <v>4511137</v>
      </c>
      <c r="AF9" s="293">
        <v>1950435</v>
      </c>
      <c r="AG9" s="296">
        <v>12867802</v>
      </c>
      <c r="AH9" s="297">
        <v>12867802</v>
      </c>
      <c r="AI9" s="292">
        <v>0</v>
      </c>
      <c r="AJ9" s="293">
        <v>0</v>
      </c>
      <c r="AK9" s="294">
        <v>0</v>
      </c>
      <c r="AL9" s="298"/>
      <c r="AM9" s="293">
        <v>0</v>
      </c>
      <c r="AN9" s="293">
        <v>0</v>
      </c>
      <c r="AO9" s="293">
        <v>21755</v>
      </c>
      <c r="AP9" s="293">
        <v>262335</v>
      </c>
      <c r="AQ9" s="293">
        <v>148135</v>
      </c>
      <c r="AR9" s="296">
        <v>432225</v>
      </c>
      <c r="AS9" s="297">
        <v>432225</v>
      </c>
      <c r="AT9" s="292">
        <v>0</v>
      </c>
      <c r="AU9" s="293">
        <v>0</v>
      </c>
      <c r="AV9" s="294">
        <v>0</v>
      </c>
      <c r="AW9" s="298"/>
      <c r="AX9" s="293">
        <v>2550</v>
      </c>
      <c r="AY9" s="293">
        <v>0</v>
      </c>
      <c r="AZ9" s="293">
        <v>7310</v>
      </c>
      <c r="BA9" s="293">
        <v>236075</v>
      </c>
      <c r="BB9" s="293">
        <v>344275</v>
      </c>
      <c r="BC9" s="296">
        <v>590210</v>
      </c>
      <c r="BD9" s="297">
        <v>590210</v>
      </c>
      <c r="BE9" s="292">
        <v>0</v>
      </c>
      <c r="BF9" s="293">
        <v>0</v>
      </c>
      <c r="BG9" s="294">
        <v>0</v>
      </c>
      <c r="BH9" s="298"/>
      <c r="BI9" s="293">
        <v>28950</v>
      </c>
      <c r="BJ9" s="293">
        <v>66000</v>
      </c>
      <c r="BK9" s="293">
        <v>337200</v>
      </c>
      <c r="BL9" s="293">
        <v>352080</v>
      </c>
      <c r="BM9" s="293">
        <v>357010</v>
      </c>
      <c r="BN9" s="296">
        <v>1141240</v>
      </c>
      <c r="BO9" s="297">
        <v>1141240</v>
      </c>
      <c r="BP9" s="292">
        <v>0</v>
      </c>
      <c r="BQ9" s="293">
        <v>14430</v>
      </c>
      <c r="BR9" s="294">
        <v>14430</v>
      </c>
      <c r="BS9" s="295">
        <v>0</v>
      </c>
      <c r="BT9" s="293">
        <v>248111</v>
      </c>
      <c r="BU9" s="293">
        <v>397930</v>
      </c>
      <c r="BV9" s="293">
        <v>931197</v>
      </c>
      <c r="BW9" s="293">
        <v>802727</v>
      </c>
      <c r="BX9" s="293">
        <v>462656</v>
      </c>
      <c r="BY9" s="296">
        <v>2842621</v>
      </c>
      <c r="BZ9" s="297">
        <v>2857051</v>
      </c>
      <c r="CA9" s="292">
        <v>0</v>
      </c>
      <c r="CB9" s="293">
        <v>0</v>
      </c>
      <c r="CC9" s="294">
        <v>0</v>
      </c>
      <c r="CD9" s="295">
        <v>0</v>
      </c>
      <c r="CE9" s="293">
        <v>24415</v>
      </c>
      <c r="CF9" s="293">
        <v>59585</v>
      </c>
      <c r="CG9" s="293">
        <v>82780</v>
      </c>
      <c r="CH9" s="293">
        <v>53650</v>
      </c>
      <c r="CI9" s="293">
        <v>45765</v>
      </c>
      <c r="CJ9" s="296">
        <v>266195</v>
      </c>
      <c r="CK9" s="297">
        <v>266195</v>
      </c>
      <c r="CL9" s="292">
        <v>0</v>
      </c>
      <c r="CM9" s="293">
        <v>0</v>
      </c>
      <c r="CN9" s="294">
        <v>0</v>
      </c>
      <c r="CO9" s="295">
        <v>0</v>
      </c>
      <c r="CP9" s="293">
        <v>0</v>
      </c>
      <c r="CQ9" s="293">
        <v>0</v>
      </c>
      <c r="CR9" s="293">
        <v>0</v>
      </c>
      <c r="CS9" s="293">
        <v>0</v>
      </c>
      <c r="CT9" s="293">
        <v>0</v>
      </c>
      <c r="CU9" s="296">
        <v>0</v>
      </c>
      <c r="CV9" s="297">
        <v>0</v>
      </c>
      <c r="CW9" s="292">
        <v>0</v>
      </c>
      <c r="CX9" s="293">
        <v>0</v>
      </c>
      <c r="CY9" s="294">
        <v>0</v>
      </c>
      <c r="CZ9" s="298"/>
      <c r="DA9" s="293">
        <v>0</v>
      </c>
      <c r="DB9" s="293">
        <v>0</v>
      </c>
      <c r="DC9" s="293">
        <v>0</v>
      </c>
      <c r="DD9" s="293">
        <v>0</v>
      </c>
      <c r="DE9" s="293">
        <v>0</v>
      </c>
      <c r="DF9" s="296">
        <v>0</v>
      </c>
      <c r="DG9" s="297">
        <v>0</v>
      </c>
      <c r="DH9" s="292">
        <v>0</v>
      </c>
      <c r="DI9" s="293">
        <v>22399</v>
      </c>
      <c r="DJ9" s="294">
        <v>22399</v>
      </c>
      <c r="DK9" s="295">
        <v>0</v>
      </c>
      <c r="DL9" s="293">
        <v>1419665</v>
      </c>
      <c r="DM9" s="293">
        <v>2937962</v>
      </c>
      <c r="DN9" s="293">
        <v>14012446</v>
      </c>
      <c r="DO9" s="293">
        <v>18995745</v>
      </c>
      <c r="DP9" s="293">
        <v>12684846</v>
      </c>
      <c r="DQ9" s="296">
        <v>50050664</v>
      </c>
      <c r="DR9" s="299">
        <v>50073063</v>
      </c>
      <c r="DS9" s="292">
        <v>0</v>
      </c>
      <c r="DT9" s="293">
        <v>0</v>
      </c>
      <c r="DU9" s="294">
        <v>0</v>
      </c>
      <c r="DV9" s="298"/>
      <c r="DW9" s="293">
        <v>766605</v>
      </c>
      <c r="DX9" s="293">
        <v>1735983</v>
      </c>
      <c r="DY9" s="293">
        <v>11367291</v>
      </c>
      <c r="DZ9" s="293">
        <v>15777343</v>
      </c>
      <c r="EA9" s="293">
        <v>10953149</v>
      </c>
      <c r="EB9" s="296">
        <v>40600371</v>
      </c>
      <c r="EC9" s="297">
        <v>40600371</v>
      </c>
      <c r="ED9" s="292">
        <v>0</v>
      </c>
      <c r="EE9" s="293">
        <v>0</v>
      </c>
      <c r="EF9" s="294">
        <v>0</v>
      </c>
      <c r="EG9" s="298"/>
      <c r="EH9" s="293">
        <v>232560</v>
      </c>
      <c r="EI9" s="293">
        <v>537151</v>
      </c>
      <c r="EJ9" s="293">
        <v>731717</v>
      </c>
      <c r="EK9" s="293">
        <v>1154959</v>
      </c>
      <c r="EL9" s="293">
        <v>433042</v>
      </c>
      <c r="EM9" s="296">
        <v>3089429</v>
      </c>
      <c r="EN9" s="297">
        <v>3089429</v>
      </c>
      <c r="EO9" s="292">
        <v>0</v>
      </c>
      <c r="EP9" s="293">
        <v>0</v>
      </c>
      <c r="EQ9" s="294">
        <v>0</v>
      </c>
      <c r="ER9" s="298"/>
      <c r="ES9" s="293">
        <v>0</v>
      </c>
      <c r="ET9" s="293">
        <v>0</v>
      </c>
      <c r="EU9" s="293">
        <v>22620</v>
      </c>
      <c r="EV9" s="293">
        <v>25560</v>
      </c>
      <c r="EW9" s="293">
        <v>21986</v>
      </c>
      <c r="EX9" s="296">
        <v>70166</v>
      </c>
      <c r="EY9" s="297">
        <v>70166</v>
      </c>
      <c r="EZ9" s="292">
        <v>0</v>
      </c>
      <c r="FA9" s="293">
        <v>0</v>
      </c>
      <c r="FB9" s="294">
        <v>0</v>
      </c>
      <c r="FC9" s="298"/>
      <c r="FD9" s="293">
        <v>0</v>
      </c>
      <c r="FE9" s="293">
        <v>0</v>
      </c>
      <c r="FF9" s="293">
        <v>420</v>
      </c>
      <c r="FG9" s="293">
        <v>47102</v>
      </c>
      <c r="FH9" s="293">
        <v>37696</v>
      </c>
      <c r="FI9" s="296">
        <v>85218</v>
      </c>
      <c r="FJ9" s="297">
        <v>85218</v>
      </c>
      <c r="FK9" s="292">
        <v>0</v>
      </c>
      <c r="FL9" s="293">
        <v>0</v>
      </c>
      <c r="FM9" s="294">
        <v>0</v>
      </c>
      <c r="FN9" s="298"/>
      <c r="FO9" s="293">
        <v>62640</v>
      </c>
      <c r="FP9" s="293">
        <v>61230</v>
      </c>
      <c r="FQ9" s="293">
        <v>568290</v>
      </c>
      <c r="FR9" s="293">
        <v>780244</v>
      </c>
      <c r="FS9" s="293">
        <v>553250</v>
      </c>
      <c r="FT9" s="296">
        <v>2025654</v>
      </c>
      <c r="FU9" s="297">
        <v>2025654</v>
      </c>
      <c r="FV9" s="292">
        <v>0</v>
      </c>
      <c r="FW9" s="293">
        <v>22399</v>
      </c>
      <c r="FX9" s="294">
        <v>22399</v>
      </c>
      <c r="FY9" s="295">
        <v>0</v>
      </c>
      <c r="FZ9" s="293">
        <v>340945</v>
      </c>
      <c r="GA9" s="293">
        <v>573427</v>
      </c>
      <c r="GB9" s="293">
        <v>1262358</v>
      </c>
      <c r="GC9" s="293">
        <v>1150414</v>
      </c>
      <c r="GD9" s="293">
        <v>657669</v>
      </c>
      <c r="GE9" s="296">
        <v>3984813</v>
      </c>
      <c r="GF9" s="297">
        <v>4007212</v>
      </c>
      <c r="GG9" s="292">
        <v>0</v>
      </c>
      <c r="GH9" s="293">
        <v>0</v>
      </c>
      <c r="GI9" s="294">
        <v>0</v>
      </c>
      <c r="GJ9" s="295">
        <v>0</v>
      </c>
      <c r="GK9" s="293">
        <v>16915</v>
      </c>
      <c r="GL9" s="293">
        <v>30171</v>
      </c>
      <c r="GM9" s="293">
        <v>59750</v>
      </c>
      <c r="GN9" s="293">
        <v>60123</v>
      </c>
      <c r="GO9" s="293">
        <v>28054</v>
      </c>
      <c r="GP9" s="296">
        <v>195013</v>
      </c>
      <c r="GQ9" s="297">
        <v>195013</v>
      </c>
      <c r="GR9" s="292">
        <v>0</v>
      </c>
      <c r="GS9" s="293">
        <v>0</v>
      </c>
      <c r="GT9" s="294">
        <v>0</v>
      </c>
      <c r="GU9" s="295">
        <v>0</v>
      </c>
      <c r="GV9" s="293">
        <v>0</v>
      </c>
      <c r="GW9" s="293">
        <v>0</v>
      </c>
      <c r="GX9" s="293">
        <v>0</v>
      </c>
      <c r="GY9" s="293">
        <v>0</v>
      </c>
      <c r="GZ9" s="293">
        <v>0</v>
      </c>
      <c r="HA9" s="296">
        <v>0</v>
      </c>
      <c r="HB9" s="297">
        <v>0</v>
      </c>
      <c r="HC9" s="292">
        <v>0</v>
      </c>
      <c r="HD9" s="293">
        <v>0</v>
      </c>
      <c r="HE9" s="294">
        <v>0</v>
      </c>
      <c r="HF9" s="298"/>
      <c r="HG9" s="293">
        <v>0</v>
      </c>
      <c r="HH9" s="293">
        <v>0</v>
      </c>
      <c r="HI9" s="293">
        <v>0</v>
      </c>
      <c r="HJ9" s="293">
        <v>0</v>
      </c>
      <c r="HK9" s="293">
        <v>0</v>
      </c>
      <c r="HL9" s="296">
        <v>0</v>
      </c>
      <c r="HM9" s="297">
        <v>0</v>
      </c>
      <c r="HN9" s="292">
        <v>0</v>
      </c>
      <c r="HO9" s="293">
        <v>36829</v>
      </c>
      <c r="HP9" s="294">
        <v>36829</v>
      </c>
      <c r="HQ9" s="295">
        <v>0</v>
      </c>
      <c r="HR9" s="293">
        <v>3898246</v>
      </c>
      <c r="HS9" s="293">
        <v>6856867</v>
      </c>
      <c r="HT9" s="293">
        <v>28795005</v>
      </c>
      <c r="HU9" s="293">
        <v>40140782</v>
      </c>
      <c r="HV9" s="293">
        <v>26740242</v>
      </c>
      <c r="HW9" s="296">
        <v>106431142</v>
      </c>
      <c r="HX9" s="297">
        <v>106467971</v>
      </c>
    </row>
    <row r="10" spans="1:232" ht="21" customHeight="1" x14ac:dyDescent="0.2">
      <c r="A10" s="492" t="s">
        <v>14</v>
      </c>
      <c r="B10" s="292">
        <v>0</v>
      </c>
      <c r="C10" s="293">
        <v>32190</v>
      </c>
      <c r="D10" s="294">
        <v>32190</v>
      </c>
      <c r="E10" s="295">
        <v>0</v>
      </c>
      <c r="F10" s="293">
        <v>736051</v>
      </c>
      <c r="G10" s="293">
        <v>2184890</v>
      </c>
      <c r="H10" s="293">
        <v>7982750</v>
      </c>
      <c r="I10" s="293">
        <v>13376191</v>
      </c>
      <c r="J10" s="293">
        <v>7840031</v>
      </c>
      <c r="K10" s="296">
        <v>32119913</v>
      </c>
      <c r="L10" s="297">
        <v>32152103</v>
      </c>
      <c r="M10" s="292">
        <v>0</v>
      </c>
      <c r="N10" s="293">
        <v>0</v>
      </c>
      <c r="O10" s="294">
        <v>0</v>
      </c>
      <c r="P10" s="298"/>
      <c r="Q10" s="293">
        <v>76650</v>
      </c>
      <c r="R10" s="293">
        <v>412681</v>
      </c>
      <c r="S10" s="293">
        <v>5750960</v>
      </c>
      <c r="T10" s="293">
        <v>9528445</v>
      </c>
      <c r="U10" s="293">
        <v>5947790</v>
      </c>
      <c r="V10" s="296">
        <v>21716526</v>
      </c>
      <c r="W10" s="297">
        <v>21716526</v>
      </c>
      <c r="X10" s="292">
        <v>0</v>
      </c>
      <c r="Y10" s="293">
        <v>0</v>
      </c>
      <c r="Z10" s="294">
        <v>0</v>
      </c>
      <c r="AA10" s="298"/>
      <c r="AB10" s="293">
        <v>612715</v>
      </c>
      <c r="AC10" s="293">
        <v>1530363</v>
      </c>
      <c r="AD10" s="293">
        <v>1715326</v>
      </c>
      <c r="AE10" s="293">
        <v>2305258</v>
      </c>
      <c r="AF10" s="293">
        <v>835645</v>
      </c>
      <c r="AG10" s="296">
        <v>6999307</v>
      </c>
      <c r="AH10" s="297">
        <v>6999307</v>
      </c>
      <c r="AI10" s="292">
        <v>0</v>
      </c>
      <c r="AJ10" s="293">
        <v>0</v>
      </c>
      <c r="AK10" s="294">
        <v>0</v>
      </c>
      <c r="AL10" s="298"/>
      <c r="AM10" s="293">
        <v>0</v>
      </c>
      <c r="AN10" s="293">
        <v>0</v>
      </c>
      <c r="AO10" s="293">
        <v>0</v>
      </c>
      <c r="AP10" s="293">
        <v>189900</v>
      </c>
      <c r="AQ10" s="293">
        <v>132755</v>
      </c>
      <c r="AR10" s="296">
        <v>322655</v>
      </c>
      <c r="AS10" s="297">
        <v>322655</v>
      </c>
      <c r="AT10" s="292">
        <v>0</v>
      </c>
      <c r="AU10" s="293">
        <v>0</v>
      </c>
      <c r="AV10" s="294">
        <v>0</v>
      </c>
      <c r="AW10" s="298"/>
      <c r="AX10" s="293">
        <v>0</v>
      </c>
      <c r="AY10" s="293">
        <v>0</v>
      </c>
      <c r="AZ10" s="293">
        <v>80145</v>
      </c>
      <c r="BA10" s="293">
        <v>509250</v>
      </c>
      <c r="BB10" s="293">
        <v>483640</v>
      </c>
      <c r="BC10" s="296">
        <v>1073035</v>
      </c>
      <c r="BD10" s="297">
        <v>1073035</v>
      </c>
      <c r="BE10" s="292">
        <v>0</v>
      </c>
      <c r="BF10" s="293">
        <v>0</v>
      </c>
      <c r="BG10" s="294">
        <v>0</v>
      </c>
      <c r="BH10" s="298"/>
      <c r="BI10" s="293">
        <v>0</v>
      </c>
      <c r="BJ10" s="293">
        <v>23850</v>
      </c>
      <c r="BK10" s="293">
        <v>13940</v>
      </c>
      <c r="BL10" s="293">
        <v>154740</v>
      </c>
      <c r="BM10" s="293">
        <v>92250</v>
      </c>
      <c r="BN10" s="296">
        <v>284780</v>
      </c>
      <c r="BO10" s="297">
        <v>284780</v>
      </c>
      <c r="BP10" s="292">
        <v>0</v>
      </c>
      <c r="BQ10" s="293">
        <v>32190</v>
      </c>
      <c r="BR10" s="294">
        <v>32190</v>
      </c>
      <c r="BS10" s="295">
        <v>0</v>
      </c>
      <c r="BT10" s="293">
        <v>46686</v>
      </c>
      <c r="BU10" s="293">
        <v>217101</v>
      </c>
      <c r="BV10" s="293">
        <v>405624</v>
      </c>
      <c r="BW10" s="293">
        <v>688163</v>
      </c>
      <c r="BX10" s="293">
        <v>347198</v>
      </c>
      <c r="BY10" s="296">
        <v>1704772</v>
      </c>
      <c r="BZ10" s="297">
        <v>1736962</v>
      </c>
      <c r="CA10" s="292">
        <v>0</v>
      </c>
      <c r="CB10" s="293">
        <v>0</v>
      </c>
      <c r="CC10" s="294">
        <v>0</v>
      </c>
      <c r="CD10" s="295">
        <v>0</v>
      </c>
      <c r="CE10" s="293">
        <v>0</v>
      </c>
      <c r="CF10" s="293">
        <v>895</v>
      </c>
      <c r="CG10" s="293">
        <v>16755</v>
      </c>
      <c r="CH10" s="293">
        <v>435</v>
      </c>
      <c r="CI10" s="293">
        <v>753</v>
      </c>
      <c r="CJ10" s="296">
        <v>18838</v>
      </c>
      <c r="CK10" s="297">
        <v>18838</v>
      </c>
      <c r="CL10" s="292">
        <v>0</v>
      </c>
      <c r="CM10" s="293">
        <v>0</v>
      </c>
      <c r="CN10" s="294">
        <v>0</v>
      </c>
      <c r="CO10" s="295">
        <v>0</v>
      </c>
      <c r="CP10" s="293">
        <v>0</v>
      </c>
      <c r="CQ10" s="293">
        <v>0</v>
      </c>
      <c r="CR10" s="293">
        <v>0</v>
      </c>
      <c r="CS10" s="293">
        <v>0</v>
      </c>
      <c r="CT10" s="293">
        <v>0</v>
      </c>
      <c r="CU10" s="296">
        <v>0</v>
      </c>
      <c r="CV10" s="297">
        <v>0</v>
      </c>
      <c r="CW10" s="292">
        <v>0</v>
      </c>
      <c r="CX10" s="293">
        <v>0</v>
      </c>
      <c r="CY10" s="294">
        <v>0</v>
      </c>
      <c r="CZ10" s="298"/>
      <c r="DA10" s="293">
        <v>0</v>
      </c>
      <c r="DB10" s="293">
        <v>0</v>
      </c>
      <c r="DC10" s="293">
        <v>0</v>
      </c>
      <c r="DD10" s="293">
        <v>0</v>
      </c>
      <c r="DE10" s="293">
        <v>0</v>
      </c>
      <c r="DF10" s="296">
        <v>0</v>
      </c>
      <c r="DG10" s="297">
        <v>0</v>
      </c>
      <c r="DH10" s="292">
        <v>0</v>
      </c>
      <c r="DI10" s="293">
        <v>36341</v>
      </c>
      <c r="DJ10" s="294">
        <v>36341</v>
      </c>
      <c r="DK10" s="295">
        <v>0</v>
      </c>
      <c r="DL10" s="293">
        <v>221264</v>
      </c>
      <c r="DM10" s="293">
        <v>1234324</v>
      </c>
      <c r="DN10" s="293">
        <v>9327723</v>
      </c>
      <c r="DO10" s="293">
        <v>14466338</v>
      </c>
      <c r="DP10" s="293">
        <v>8001470</v>
      </c>
      <c r="DQ10" s="296">
        <v>33251119</v>
      </c>
      <c r="DR10" s="299">
        <v>33287460</v>
      </c>
      <c r="DS10" s="292">
        <v>0</v>
      </c>
      <c r="DT10" s="293">
        <v>0</v>
      </c>
      <c r="DU10" s="294">
        <v>0</v>
      </c>
      <c r="DV10" s="298"/>
      <c r="DW10" s="293">
        <v>91740</v>
      </c>
      <c r="DX10" s="293">
        <v>597085</v>
      </c>
      <c r="DY10" s="293">
        <v>8253090</v>
      </c>
      <c r="DZ10" s="293">
        <v>12696213</v>
      </c>
      <c r="EA10" s="293">
        <v>7112843</v>
      </c>
      <c r="EB10" s="296">
        <v>28750971</v>
      </c>
      <c r="EC10" s="297">
        <v>28750971</v>
      </c>
      <c r="ED10" s="292">
        <v>0</v>
      </c>
      <c r="EE10" s="293">
        <v>0</v>
      </c>
      <c r="EF10" s="294">
        <v>0</v>
      </c>
      <c r="EG10" s="298"/>
      <c r="EH10" s="293">
        <v>29659</v>
      </c>
      <c r="EI10" s="293">
        <v>268934</v>
      </c>
      <c r="EJ10" s="293">
        <v>244017</v>
      </c>
      <c r="EK10" s="293">
        <v>468078</v>
      </c>
      <c r="EL10" s="293">
        <v>120761</v>
      </c>
      <c r="EM10" s="296">
        <v>1131449</v>
      </c>
      <c r="EN10" s="297">
        <v>1131449</v>
      </c>
      <c r="EO10" s="292">
        <v>0</v>
      </c>
      <c r="EP10" s="293">
        <v>0</v>
      </c>
      <c r="EQ10" s="294">
        <v>0</v>
      </c>
      <c r="ER10" s="298"/>
      <c r="ES10" s="293">
        <v>0</v>
      </c>
      <c r="ET10" s="293">
        <v>0</v>
      </c>
      <c r="EU10" s="293">
        <v>0</v>
      </c>
      <c r="EV10" s="293">
        <v>33720</v>
      </c>
      <c r="EW10" s="293">
        <v>22410</v>
      </c>
      <c r="EX10" s="296">
        <v>56130</v>
      </c>
      <c r="EY10" s="297">
        <v>56130</v>
      </c>
      <c r="EZ10" s="292">
        <v>0</v>
      </c>
      <c r="FA10" s="293">
        <v>0</v>
      </c>
      <c r="FB10" s="294">
        <v>0</v>
      </c>
      <c r="FC10" s="298"/>
      <c r="FD10" s="293">
        <v>0</v>
      </c>
      <c r="FE10" s="293">
        <v>0</v>
      </c>
      <c r="FF10" s="293">
        <v>637</v>
      </c>
      <c r="FG10" s="293">
        <v>83538</v>
      </c>
      <c r="FH10" s="293">
        <v>73512</v>
      </c>
      <c r="FI10" s="296">
        <v>157687</v>
      </c>
      <c r="FJ10" s="297">
        <v>157687</v>
      </c>
      <c r="FK10" s="292">
        <v>0</v>
      </c>
      <c r="FL10" s="293">
        <v>0</v>
      </c>
      <c r="FM10" s="294">
        <v>0</v>
      </c>
      <c r="FN10" s="298"/>
      <c r="FO10" s="293">
        <v>0</v>
      </c>
      <c r="FP10" s="293">
        <v>20880</v>
      </c>
      <c r="FQ10" s="293">
        <v>112686</v>
      </c>
      <c r="FR10" s="293">
        <v>264725</v>
      </c>
      <c r="FS10" s="293">
        <v>133800</v>
      </c>
      <c r="FT10" s="296">
        <v>532091</v>
      </c>
      <c r="FU10" s="297">
        <v>532091</v>
      </c>
      <c r="FV10" s="292">
        <v>0</v>
      </c>
      <c r="FW10" s="293">
        <v>36341</v>
      </c>
      <c r="FX10" s="294">
        <v>36341</v>
      </c>
      <c r="FY10" s="295">
        <v>0</v>
      </c>
      <c r="FZ10" s="293">
        <v>99865</v>
      </c>
      <c r="GA10" s="293">
        <v>347376</v>
      </c>
      <c r="GB10" s="293">
        <v>687921</v>
      </c>
      <c r="GC10" s="293">
        <v>920036</v>
      </c>
      <c r="GD10" s="293">
        <v>538095</v>
      </c>
      <c r="GE10" s="296">
        <v>2593293</v>
      </c>
      <c r="GF10" s="297">
        <v>2629634</v>
      </c>
      <c r="GG10" s="292">
        <v>0</v>
      </c>
      <c r="GH10" s="293">
        <v>0</v>
      </c>
      <c r="GI10" s="294">
        <v>0</v>
      </c>
      <c r="GJ10" s="295">
        <v>0</v>
      </c>
      <c r="GK10" s="293">
        <v>0</v>
      </c>
      <c r="GL10" s="293">
        <v>49</v>
      </c>
      <c r="GM10" s="293">
        <v>29372</v>
      </c>
      <c r="GN10" s="293">
        <v>28</v>
      </c>
      <c r="GO10" s="293">
        <v>49</v>
      </c>
      <c r="GP10" s="296">
        <v>29498</v>
      </c>
      <c r="GQ10" s="297">
        <v>29498</v>
      </c>
      <c r="GR10" s="292">
        <v>0</v>
      </c>
      <c r="GS10" s="293">
        <v>0</v>
      </c>
      <c r="GT10" s="294">
        <v>0</v>
      </c>
      <c r="GU10" s="295">
        <v>0</v>
      </c>
      <c r="GV10" s="293">
        <v>0</v>
      </c>
      <c r="GW10" s="293">
        <v>0</v>
      </c>
      <c r="GX10" s="293">
        <v>0</v>
      </c>
      <c r="GY10" s="293">
        <v>0</v>
      </c>
      <c r="GZ10" s="293">
        <v>0</v>
      </c>
      <c r="HA10" s="296">
        <v>0</v>
      </c>
      <c r="HB10" s="297">
        <v>0</v>
      </c>
      <c r="HC10" s="292">
        <v>0</v>
      </c>
      <c r="HD10" s="293">
        <v>0</v>
      </c>
      <c r="HE10" s="294">
        <v>0</v>
      </c>
      <c r="HF10" s="298"/>
      <c r="HG10" s="293">
        <v>0</v>
      </c>
      <c r="HH10" s="293">
        <v>0</v>
      </c>
      <c r="HI10" s="293">
        <v>0</v>
      </c>
      <c r="HJ10" s="293">
        <v>0</v>
      </c>
      <c r="HK10" s="293">
        <v>0</v>
      </c>
      <c r="HL10" s="296">
        <v>0</v>
      </c>
      <c r="HM10" s="297">
        <v>0</v>
      </c>
      <c r="HN10" s="292">
        <v>0</v>
      </c>
      <c r="HO10" s="293">
        <v>68531</v>
      </c>
      <c r="HP10" s="294">
        <v>68531</v>
      </c>
      <c r="HQ10" s="295">
        <v>0</v>
      </c>
      <c r="HR10" s="293">
        <v>957315</v>
      </c>
      <c r="HS10" s="293">
        <v>3419214</v>
      </c>
      <c r="HT10" s="293">
        <v>17310473</v>
      </c>
      <c r="HU10" s="293">
        <v>27842529</v>
      </c>
      <c r="HV10" s="293">
        <v>15841501</v>
      </c>
      <c r="HW10" s="296">
        <v>65371032</v>
      </c>
      <c r="HX10" s="297">
        <v>65439563</v>
      </c>
    </row>
    <row r="11" spans="1:232" ht="21" customHeight="1" x14ac:dyDescent="0.2">
      <c r="A11" s="492" t="s">
        <v>7</v>
      </c>
      <c r="B11" s="292">
        <v>435</v>
      </c>
      <c r="C11" s="293">
        <v>1225</v>
      </c>
      <c r="D11" s="294">
        <v>1660</v>
      </c>
      <c r="E11" s="295">
        <v>0</v>
      </c>
      <c r="F11" s="293">
        <v>1651241</v>
      </c>
      <c r="G11" s="293">
        <v>1908645</v>
      </c>
      <c r="H11" s="293">
        <v>7068627</v>
      </c>
      <c r="I11" s="293">
        <v>9303215</v>
      </c>
      <c r="J11" s="293">
        <v>4654149</v>
      </c>
      <c r="K11" s="296">
        <v>24585877</v>
      </c>
      <c r="L11" s="297">
        <v>24587537</v>
      </c>
      <c r="M11" s="292">
        <v>0</v>
      </c>
      <c r="N11" s="293">
        <v>0</v>
      </c>
      <c r="O11" s="294">
        <v>0</v>
      </c>
      <c r="P11" s="298"/>
      <c r="Q11" s="293">
        <v>171600</v>
      </c>
      <c r="R11" s="293">
        <v>462395</v>
      </c>
      <c r="S11" s="293">
        <v>4735090</v>
      </c>
      <c r="T11" s="293">
        <v>7188790</v>
      </c>
      <c r="U11" s="293">
        <v>4043470</v>
      </c>
      <c r="V11" s="296">
        <v>16601345</v>
      </c>
      <c r="W11" s="297">
        <v>16601345</v>
      </c>
      <c r="X11" s="292">
        <v>0</v>
      </c>
      <c r="Y11" s="293">
        <v>0</v>
      </c>
      <c r="Z11" s="294">
        <v>0</v>
      </c>
      <c r="AA11" s="298"/>
      <c r="AB11" s="293">
        <v>1281508</v>
      </c>
      <c r="AC11" s="293">
        <v>1135239</v>
      </c>
      <c r="AD11" s="293">
        <v>1874980</v>
      </c>
      <c r="AE11" s="293">
        <v>1607257</v>
      </c>
      <c r="AF11" s="293">
        <v>434446</v>
      </c>
      <c r="AG11" s="296">
        <v>6333430</v>
      </c>
      <c r="AH11" s="297">
        <v>6333430</v>
      </c>
      <c r="AI11" s="292">
        <v>0</v>
      </c>
      <c r="AJ11" s="293">
        <v>0</v>
      </c>
      <c r="AK11" s="294">
        <v>0</v>
      </c>
      <c r="AL11" s="298"/>
      <c r="AM11" s="293">
        <v>0</v>
      </c>
      <c r="AN11" s="293">
        <v>0</v>
      </c>
      <c r="AO11" s="293">
        <v>0</v>
      </c>
      <c r="AP11" s="293">
        <v>6495</v>
      </c>
      <c r="AQ11" s="293">
        <v>5100</v>
      </c>
      <c r="AR11" s="296">
        <v>11595</v>
      </c>
      <c r="AS11" s="297">
        <v>11595</v>
      </c>
      <c r="AT11" s="292">
        <v>0</v>
      </c>
      <c r="AU11" s="293">
        <v>0</v>
      </c>
      <c r="AV11" s="294">
        <v>0</v>
      </c>
      <c r="AW11" s="298"/>
      <c r="AX11" s="293">
        <v>0</v>
      </c>
      <c r="AY11" s="293">
        <v>0</v>
      </c>
      <c r="AZ11" s="293">
        <v>0</v>
      </c>
      <c r="BA11" s="293">
        <v>34200</v>
      </c>
      <c r="BB11" s="293">
        <v>0</v>
      </c>
      <c r="BC11" s="296">
        <v>34200</v>
      </c>
      <c r="BD11" s="297">
        <v>34200</v>
      </c>
      <c r="BE11" s="292">
        <v>0</v>
      </c>
      <c r="BF11" s="293">
        <v>0</v>
      </c>
      <c r="BG11" s="294">
        <v>0</v>
      </c>
      <c r="BH11" s="298"/>
      <c r="BI11" s="293">
        <v>0</v>
      </c>
      <c r="BJ11" s="293">
        <v>0</v>
      </c>
      <c r="BK11" s="293">
        <v>0</v>
      </c>
      <c r="BL11" s="293">
        <v>0</v>
      </c>
      <c r="BM11" s="293">
        <v>0</v>
      </c>
      <c r="BN11" s="296">
        <v>0</v>
      </c>
      <c r="BO11" s="297">
        <v>0</v>
      </c>
      <c r="BP11" s="292">
        <v>435</v>
      </c>
      <c r="BQ11" s="293">
        <v>1225</v>
      </c>
      <c r="BR11" s="294">
        <v>1660</v>
      </c>
      <c r="BS11" s="295">
        <v>0</v>
      </c>
      <c r="BT11" s="293">
        <v>196168</v>
      </c>
      <c r="BU11" s="293">
        <v>305415</v>
      </c>
      <c r="BV11" s="293">
        <v>434727</v>
      </c>
      <c r="BW11" s="293">
        <v>461898</v>
      </c>
      <c r="BX11" s="293">
        <v>170618</v>
      </c>
      <c r="BY11" s="296">
        <v>1568826</v>
      </c>
      <c r="BZ11" s="297">
        <v>1570486</v>
      </c>
      <c r="CA11" s="292">
        <v>0</v>
      </c>
      <c r="CB11" s="293">
        <v>0</v>
      </c>
      <c r="CC11" s="294">
        <v>0</v>
      </c>
      <c r="CD11" s="295">
        <v>0</v>
      </c>
      <c r="CE11" s="293">
        <v>1965</v>
      </c>
      <c r="CF11" s="293">
        <v>5596</v>
      </c>
      <c r="CG11" s="293">
        <v>23830</v>
      </c>
      <c r="CH11" s="293">
        <v>4575</v>
      </c>
      <c r="CI11" s="293">
        <v>515</v>
      </c>
      <c r="CJ11" s="296">
        <v>36481</v>
      </c>
      <c r="CK11" s="297">
        <v>36481</v>
      </c>
      <c r="CL11" s="292">
        <v>0</v>
      </c>
      <c r="CM11" s="293">
        <v>0</v>
      </c>
      <c r="CN11" s="294">
        <v>0</v>
      </c>
      <c r="CO11" s="295">
        <v>0</v>
      </c>
      <c r="CP11" s="293">
        <v>0</v>
      </c>
      <c r="CQ11" s="293">
        <v>0</v>
      </c>
      <c r="CR11" s="293">
        <v>0</v>
      </c>
      <c r="CS11" s="293">
        <v>0</v>
      </c>
      <c r="CT11" s="293">
        <v>0</v>
      </c>
      <c r="CU11" s="296">
        <v>0</v>
      </c>
      <c r="CV11" s="297">
        <v>0</v>
      </c>
      <c r="CW11" s="292">
        <v>0</v>
      </c>
      <c r="CX11" s="293">
        <v>0</v>
      </c>
      <c r="CY11" s="294">
        <v>0</v>
      </c>
      <c r="CZ11" s="298"/>
      <c r="DA11" s="293">
        <v>0</v>
      </c>
      <c r="DB11" s="293">
        <v>0</v>
      </c>
      <c r="DC11" s="293">
        <v>0</v>
      </c>
      <c r="DD11" s="293">
        <v>0</v>
      </c>
      <c r="DE11" s="293">
        <v>0</v>
      </c>
      <c r="DF11" s="296">
        <v>0</v>
      </c>
      <c r="DG11" s="297">
        <v>0</v>
      </c>
      <c r="DH11" s="292">
        <v>3480</v>
      </c>
      <c r="DI11" s="293">
        <v>4914</v>
      </c>
      <c r="DJ11" s="294">
        <v>8394</v>
      </c>
      <c r="DK11" s="295">
        <v>0</v>
      </c>
      <c r="DL11" s="293">
        <v>645827</v>
      </c>
      <c r="DM11" s="293">
        <v>1240947</v>
      </c>
      <c r="DN11" s="293">
        <v>6807768</v>
      </c>
      <c r="DO11" s="293">
        <v>9107518</v>
      </c>
      <c r="DP11" s="293">
        <v>4880098</v>
      </c>
      <c r="DQ11" s="296">
        <v>22682158</v>
      </c>
      <c r="DR11" s="299">
        <v>22690552</v>
      </c>
      <c r="DS11" s="292">
        <v>0</v>
      </c>
      <c r="DT11" s="293">
        <v>0</v>
      </c>
      <c r="DU11" s="294">
        <v>0</v>
      </c>
      <c r="DV11" s="298"/>
      <c r="DW11" s="293">
        <v>205260</v>
      </c>
      <c r="DX11" s="293">
        <v>605088</v>
      </c>
      <c r="DY11" s="293">
        <v>5860562</v>
      </c>
      <c r="DZ11" s="293">
        <v>8302102</v>
      </c>
      <c r="EA11" s="293">
        <v>4574507</v>
      </c>
      <c r="EB11" s="296">
        <v>19547519</v>
      </c>
      <c r="EC11" s="297">
        <v>19547519</v>
      </c>
      <c r="ED11" s="292">
        <v>0</v>
      </c>
      <c r="EE11" s="293">
        <v>0</v>
      </c>
      <c r="EF11" s="294">
        <v>0</v>
      </c>
      <c r="EG11" s="298"/>
      <c r="EH11" s="293">
        <v>164619</v>
      </c>
      <c r="EI11" s="293">
        <v>169511</v>
      </c>
      <c r="EJ11" s="293">
        <v>240266</v>
      </c>
      <c r="EK11" s="293">
        <v>272045</v>
      </c>
      <c r="EL11" s="293">
        <v>74041</v>
      </c>
      <c r="EM11" s="296">
        <v>920482</v>
      </c>
      <c r="EN11" s="297">
        <v>920482</v>
      </c>
      <c r="EO11" s="292">
        <v>0</v>
      </c>
      <c r="EP11" s="293">
        <v>0</v>
      </c>
      <c r="EQ11" s="294">
        <v>0</v>
      </c>
      <c r="ER11" s="298"/>
      <c r="ES11" s="293">
        <v>0</v>
      </c>
      <c r="ET11" s="293">
        <v>0</v>
      </c>
      <c r="EU11" s="293">
        <v>0</v>
      </c>
      <c r="EV11" s="293">
        <v>210</v>
      </c>
      <c r="EW11" s="293">
        <v>420</v>
      </c>
      <c r="EX11" s="296">
        <v>630</v>
      </c>
      <c r="EY11" s="297">
        <v>630</v>
      </c>
      <c r="EZ11" s="292">
        <v>0</v>
      </c>
      <c r="FA11" s="293">
        <v>0</v>
      </c>
      <c r="FB11" s="294">
        <v>0</v>
      </c>
      <c r="FC11" s="298"/>
      <c r="FD11" s="293">
        <v>0</v>
      </c>
      <c r="FE11" s="293">
        <v>0</v>
      </c>
      <c r="FF11" s="293">
        <v>0</v>
      </c>
      <c r="FG11" s="293">
        <v>420</v>
      </c>
      <c r="FH11" s="293">
        <v>0</v>
      </c>
      <c r="FI11" s="296">
        <v>420</v>
      </c>
      <c r="FJ11" s="297">
        <v>420</v>
      </c>
      <c r="FK11" s="292">
        <v>0</v>
      </c>
      <c r="FL11" s="293">
        <v>0</v>
      </c>
      <c r="FM11" s="294">
        <v>0</v>
      </c>
      <c r="FN11" s="298"/>
      <c r="FO11" s="293">
        <v>0</v>
      </c>
      <c r="FP11" s="293">
        <v>0</v>
      </c>
      <c r="FQ11" s="293">
        <v>0</v>
      </c>
      <c r="FR11" s="293">
        <v>0</v>
      </c>
      <c r="FS11" s="293">
        <v>0</v>
      </c>
      <c r="FT11" s="296">
        <v>0</v>
      </c>
      <c r="FU11" s="297">
        <v>0</v>
      </c>
      <c r="FV11" s="292">
        <v>3480</v>
      </c>
      <c r="FW11" s="293">
        <v>4914</v>
      </c>
      <c r="FX11" s="294">
        <v>8394</v>
      </c>
      <c r="FY11" s="295">
        <v>0</v>
      </c>
      <c r="FZ11" s="293">
        <v>275850</v>
      </c>
      <c r="GA11" s="293">
        <v>462604</v>
      </c>
      <c r="GB11" s="293">
        <v>701066</v>
      </c>
      <c r="GC11" s="293">
        <v>532489</v>
      </c>
      <c r="GD11" s="293">
        <v>230028</v>
      </c>
      <c r="GE11" s="296">
        <v>2202037</v>
      </c>
      <c r="GF11" s="297">
        <v>2210431</v>
      </c>
      <c r="GG11" s="292">
        <v>0</v>
      </c>
      <c r="GH11" s="293">
        <v>0</v>
      </c>
      <c r="GI11" s="294">
        <v>0</v>
      </c>
      <c r="GJ11" s="295">
        <v>0</v>
      </c>
      <c r="GK11" s="293">
        <v>98</v>
      </c>
      <c r="GL11" s="293">
        <v>3744</v>
      </c>
      <c r="GM11" s="293">
        <v>5874</v>
      </c>
      <c r="GN11" s="293">
        <v>252</v>
      </c>
      <c r="GO11" s="293">
        <v>1102</v>
      </c>
      <c r="GP11" s="296">
        <v>11070</v>
      </c>
      <c r="GQ11" s="297">
        <v>11070</v>
      </c>
      <c r="GR11" s="292">
        <v>0</v>
      </c>
      <c r="GS11" s="293">
        <v>0</v>
      </c>
      <c r="GT11" s="294">
        <v>0</v>
      </c>
      <c r="GU11" s="295">
        <v>0</v>
      </c>
      <c r="GV11" s="293">
        <v>0</v>
      </c>
      <c r="GW11" s="293">
        <v>0</v>
      </c>
      <c r="GX11" s="293">
        <v>0</v>
      </c>
      <c r="GY11" s="293">
        <v>0</v>
      </c>
      <c r="GZ11" s="293">
        <v>0</v>
      </c>
      <c r="HA11" s="296">
        <v>0</v>
      </c>
      <c r="HB11" s="297">
        <v>0</v>
      </c>
      <c r="HC11" s="292">
        <v>0</v>
      </c>
      <c r="HD11" s="293">
        <v>0</v>
      </c>
      <c r="HE11" s="294">
        <v>0</v>
      </c>
      <c r="HF11" s="298"/>
      <c r="HG11" s="293">
        <v>0</v>
      </c>
      <c r="HH11" s="293">
        <v>0</v>
      </c>
      <c r="HI11" s="293">
        <v>0</v>
      </c>
      <c r="HJ11" s="293">
        <v>0</v>
      </c>
      <c r="HK11" s="293">
        <v>0</v>
      </c>
      <c r="HL11" s="296">
        <v>0</v>
      </c>
      <c r="HM11" s="297">
        <v>0</v>
      </c>
      <c r="HN11" s="292">
        <v>3915</v>
      </c>
      <c r="HO11" s="293">
        <v>6139</v>
      </c>
      <c r="HP11" s="294">
        <v>10054</v>
      </c>
      <c r="HQ11" s="295">
        <v>0</v>
      </c>
      <c r="HR11" s="293">
        <v>2297068</v>
      </c>
      <c r="HS11" s="293">
        <v>3149592</v>
      </c>
      <c r="HT11" s="293">
        <v>13876395</v>
      </c>
      <c r="HU11" s="293">
        <v>18410733</v>
      </c>
      <c r="HV11" s="293">
        <v>9534247</v>
      </c>
      <c r="HW11" s="296">
        <v>47268035</v>
      </c>
      <c r="HX11" s="297">
        <v>47278089</v>
      </c>
    </row>
    <row r="12" spans="1:232" ht="21" customHeight="1" x14ac:dyDescent="0.2">
      <c r="A12" s="492" t="s">
        <v>8</v>
      </c>
      <c r="B12" s="292">
        <v>1770</v>
      </c>
      <c r="C12" s="293">
        <v>2900</v>
      </c>
      <c r="D12" s="294">
        <v>4670</v>
      </c>
      <c r="E12" s="295">
        <v>0</v>
      </c>
      <c r="F12" s="293">
        <v>585381</v>
      </c>
      <c r="G12" s="293">
        <v>1249605</v>
      </c>
      <c r="H12" s="293">
        <v>4418820</v>
      </c>
      <c r="I12" s="293">
        <v>4383265</v>
      </c>
      <c r="J12" s="293">
        <v>2754337</v>
      </c>
      <c r="K12" s="296">
        <v>13391408</v>
      </c>
      <c r="L12" s="297">
        <v>13396078</v>
      </c>
      <c r="M12" s="292">
        <v>0</v>
      </c>
      <c r="N12" s="293">
        <v>0</v>
      </c>
      <c r="O12" s="294">
        <v>0</v>
      </c>
      <c r="P12" s="298"/>
      <c r="Q12" s="293">
        <v>205365</v>
      </c>
      <c r="R12" s="293">
        <v>304320</v>
      </c>
      <c r="S12" s="293">
        <v>2977537</v>
      </c>
      <c r="T12" s="293">
        <v>3153475</v>
      </c>
      <c r="U12" s="293">
        <v>2165955</v>
      </c>
      <c r="V12" s="296">
        <v>8806652</v>
      </c>
      <c r="W12" s="297">
        <v>8806652</v>
      </c>
      <c r="X12" s="292">
        <v>0</v>
      </c>
      <c r="Y12" s="293">
        <v>0</v>
      </c>
      <c r="Z12" s="294">
        <v>0</v>
      </c>
      <c r="AA12" s="298"/>
      <c r="AB12" s="293">
        <v>240845</v>
      </c>
      <c r="AC12" s="293">
        <v>763140</v>
      </c>
      <c r="AD12" s="293">
        <v>1006175</v>
      </c>
      <c r="AE12" s="293">
        <v>768770</v>
      </c>
      <c r="AF12" s="293">
        <v>376060</v>
      </c>
      <c r="AG12" s="296">
        <v>3154990</v>
      </c>
      <c r="AH12" s="297">
        <v>3154990</v>
      </c>
      <c r="AI12" s="292">
        <v>0</v>
      </c>
      <c r="AJ12" s="293">
        <v>0</v>
      </c>
      <c r="AK12" s="294">
        <v>0</v>
      </c>
      <c r="AL12" s="298"/>
      <c r="AM12" s="293">
        <v>0</v>
      </c>
      <c r="AN12" s="293">
        <v>0</v>
      </c>
      <c r="AO12" s="293">
        <v>0</v>
      </c>
      <c r="AP12" s="293">
        <v>0</v>
      </c>
      <c r="AQ12" s="293">
        <v>0</v>
      </c>
      <c r="AR12" s="296">
        <v>0</v>
      </c>
      <c r="AS12" s="297">
        <v>0</v>
      </c>
      <c r="AT12" s="292">
        <v>0</v>
      </c>
      <c r="AU12" s="293">
        <v>0</v>
      </c>
      <c r="AV12" s="294">
        <v>0</v>
      </c>
      <c r="AW12" s="298"/>
      <c r="AX12" s="293">
        <v>34350</v>
      </c>
      <c r="AY12" s="293">
        <v>0</v>
      </c>
      <c r="AZ12" s="293">
        <v>31650</v>
      </c>
      <c r="BA12" s="293">
        <v>53280</v>
      </c>
      <c r="BB12" s="293">
        <v>68550</v>
      </c>
      <c r="BC12" s="296">
        <v>187830</v>
      </c>
      <c r="BD12" s="297">
        <v>187830</v>
      </c>
      <c r="BE12" s="292">
        <v>0</v>
      </c>
      <c r="BF12" s="293">
        <v>0</v>
      </c>
      <c r="BG12" s="294">
        <v>0</v>
      </c>
      <c r="BH12" s="298"/>
      <c r="BI12" s="293">
        <v>0</v>
      </c>
      <c r="BJ12" s="293">
        <v>2550</v>
      </c>
      <c r="BK12" s="293">
        <v>46950</v>
      </c>
      <c r="BL12" s="293">
        <v>204865</v>
      </c>
      <c r="BM12" s="293">
        <v>73500</v>
      </c>
      <c r="BN12" s="296">
        <v>327865</v>
      </c>
      <c r="BO12" s="297">
        <v>327865</v>
      </c>
      <c r="BP12" s="292">
        <v>1770</v>
      </c>
      <c r="BQ12" s="293">
        <v>2900</v>
      </c>
      <c r="BR12" s="294">
        <v>4670</v>
      </c>
      <c r="BS12" s="295">
        <v>0</v>
      </c>
      <c r="BT12" s="293">
        <v>102836</v>
      </c>
      <c r="BU12" s="293">
        <v>169500</v>
      </c>
      <c r="BV12" s="293">
        <v>352638</v>
      </c>
      <c r="BW12" s="293">
        <v>202875</v>
      </c>
      <c r="BX12" s="293">
        <v>70272</v>
      </c>
      <c r="BY12" s="296">
        <v>898121</v>
      </c>
      <c r="BZ12" s="297">
        <v>902791</v>
      </c>
      <c r="CA12" s="292">
        <v>0</v>
      </c>
      <c r="CB12" s="293">
        <v>0</v>
      </c>
      <c r="CC12" s="294">
        <v>0</v>
      </c>
      <c r="CD12" s="295">
        <v>0</v>
      </c>
      <c r="CE12" s="293">
        <v>1985</v>
      </c>
      <c r="CF12" s="293">
        <v>10095</v>
      </c>
      <c r="CG12" s="293">
        <v>3870</v>
      </c>
      <c r="CH12" s="293">
        <v>0</v>
      </c>
      <c r="CI12" s="293">
        <v>0</v>
      </c>
      <c r="CJ12" s="296">
        <v>15950</v>
      </c>
      <c r="CK12" s="297">
        <v>15950</v>
      </c>
      <c r="CL12" s="292">
        <v>0</v>
      </c>
      <c r="CM12" s="293">
        <v>0</v>
      </c>
      <c r="CN12" s="294">
        <v>0</v>
      </c>
      <c r="CO12" s="295">
        <v>0</v>
      </c>
      <c r="CP12" s="293">
        <v>0</v>
      </c>
      <c r="CQ12" s="293">
        <v>0</v>
      </c>
      <c r="CR12" s="293">
        <v>0</v>
      </c>
      <c r="CS12" s="293">
        <v>0</v>
      </c>
      <c r="CT12" s="293">
        <v>0</v>
      </c>
      <c r="CU12" s="296">
        <v>0</v>
      </c>
      <c r="CV12" s="297">
        <v>0</v>
      </c>
      <c r="CW12" s="292">
        <v>0</v>
      </c>
      <c r="CX12" s="293">
        <v>0</v>
      </c>
      <c r="CY12" s="294">
        <v>0</v>
      </c>
      <c r="CZ12" s="298"/>
      <c r="DA12" s="293">
        <v>0</v>
      </c>
      <c r="DB12" s="293">
        <v>0</v>
      </c>
      <c r="DC12" s="293">
        <v>0</v>
      </c>
      <c r="DD12" s="293">
        <v>0</v>
      </c>
      <c r="DE12" s="293">
        <v>0</v>
      </c>
      <c r="DF12" s="296">
        <v>0</v>
      </c>
      <c r="DG12" s="297">
        <v>0</v>
      </c>
      <c r="DH12" s="292">
        <v>3558</v>
      </c>
      <c r="DI12" s="293">
        <v>7448</v>
      </c>
      <c r="DJ12" s="294">
        <v>11006</v>
      </c>
      <c r="DK12" s="295">
        <v>0</v>
      </c>
      <c r="DL12" s="293">
        <v>465942</v>
      </c>
      <c r="DM12" s="293">
        <v>1115642</v>
      </c>
      <c r="DN12" s="293">
        <v>4994726</v>
      </c>
      <c r="DO12" s="293">
        <v>5260686</v>
      </c>
      <c r="DP12" s="293">
        <v>3172121</v>
      </c>
      <c r="DQ12" s="296">
        <v>15009117</v>
      </c>
      <c r="DR12" s="299">
        <v>15020123</v>
      </c>
      <c r="DS12" s="292">
        <v>0</v>
      </c>
      <c r="DT12" s="293">
        <v>0</v>
      </c>
      <c r="DU12" s="294">
        <v>0</v>
      </c>
      <c r="DV12" s="298"/>
      <c r="DW12" s="293">
        <v>272622</v>
      </c>
      <c r="DX12" s="293">
        <v>725364</v>
      </c>
      <c r="DY12" s="293">
        <v>4084743</v>
      </c>
      <c r="DZ12" s="293">
        <v>4485234</v>
      </c>
      <c r="EA12" s="293">
        <v>2824959</v>
      </c>
      <c r="EB12" s="296">
        <v>12392922</v>
      </c>
      <c r="EC12" s="297">
        <v>12392922</v>
      </c>
      <c r="ED12" s="292">
        <v>0</v>
      </c>
      <c r="EE12" s="293">
        <v>0</v>
      </c>
      <c r="EF12" s="294">
        <v>0</v>
      </c>
      <c r="EG12" s="298"/>
      <c r="EH12" s="293">
        <v>39329</v>
      </c>
      <c r="EI12" s="293">
        <v>121998</v>
      </c>
      <c r="EJ12" s="293">
        <v>116858</v>
      </c>
      <c r="EK12" s="293">
        <v>66597</v>
      </c>
      <c r="EL12" s="293">
        <v>27172</v>
      </c>
      <c r="EM12" s="296">
        <v>371954</v>
      </c>
      <c r="EN12" s="297">
        <v>371954</v>
      </c>
      <c r="EO12" s="292">
        <v>0</v>
      </c>
      <c r="EP12" s="293">
        <v>0</v>
      </c>
      <c r="EQ12" s="294">
        <v>0</v>
      </c>
      <c r="ER12" s="298"/>
      <c r="ES12" s="293">
        <v>0</v>
      </c>
      <c r="ET12" s="293">
        <v>0</v>
      </c>
      <c r="EU12" s="293">
        <v>0</v>
      </c>
      <c r="EV12" s="293">
        <v>0</v>
      </c>
      <c r="EW12" s="293">
        <v>0</v>
      </c>
      <c r="EX12" s="296">
        <v>0</v>
      </c>
      <c r="EY12" s="297">
        <v>0</v>
      </c>
      <c r="EZ12" s="292">
        <v>0</v>
      </c>
      <c r="FA12" s="293">
        <v>0</v>
      </c>
      <c r="FB12" s="294">
        <v>0</v>
      </c>
      <c r="FC12" s="298"/>
      <c r="FD12" s="293">
        <v>11310</v>
      </c>
      <c r="FE12" s="293">
        <v>0</v>
      </c>
      <c r="FF12" s="293">
        <v>210</v>
      </c>
      <c r="FG12" s="293">
        <v>595</v>
      </c>
      <c r="FH12" s="293">
        <v>11730</v>
      </c>
      <c r="FI12" s="296">
        <v>23845</v>
      </c>
      <c r="FJ12" s="297">
        <v>23845</v>
      </c>
      <c r="FK12" s="292">
        <v>0</v>
      </c>
      <c r="FL12" s="293">
        <v>0</v>
      </c>
      <c r="FM12" s="294">
        <v>0</v>
      </c>
      <c r="FN12" s="298"/>
      <c r="FO12" s="293">
        <v>0</v>
      </c>
      <c r="FP12" s="293">
        <v>20880</v>
      </c>
      <c r="FQ12" s="293">
        <v>160860</v>
      </c>
      <c r="FR12" s="293">
        <v>315112</v>
      </c>
      <c r="FS12" s="293">
        <v>154680</v>
      </c>
      <c r="FT12" s="296">
        <v>651532</v>
      </c>
      <c r="FU12" s="297">
        <v>651532</v>
      </c>
      <c r="FV12" s="292">
        <v>3558</v>
      </c>
      <c r="FW12" s="293">
        <v>7448</v>
      </c>
      <c r="FX12" s="294">
        <v>11006</v>
      </c>
      <c r="FY12" s="295">
        <v>0</v>
      </c>
      <c r="FZ12" s="293">
        <v>142667</v>
      </c>
      <c r="GA12" s="293">
        <v>247316</v>
      </c>
      <c r="GB12" s="293">
        <v>630441</v>
      </c>
      <c r="GC12" s="293">
        <v>393001</v>
      </c>
      <c r="GD12" s="293">
        <v>153580</v>
      </c>
      <c r="GE12" s="296">
        <v>1567005</v>
      </c>
      <c r="GF12" s="297">
        <v>1578011</v>
      </c>
      <c r="GG12" s="292">
        <v>0</v>
      </c>
      <c r="GH12" s="293">
        <v>0</v>
      </c>
      <c r="GI12" s="294">
        <v>0</v>
      </c>
      <c r="GJ12" s="295">
        <v>0</v>
      </c>
      <c r="GK12" s="293">
        <v>14</v>
      </c>
      <c r="GL12" s="293">
        <v>84</v>
      </c>
      <c r="GM12" s="293">
        <v>1614</v>
      </c>
      <c r="GN12" s="293">
        <v>147</v>
      </c>
      <c r="GO12" s="293">
        <v>0</v>
      </c>
      <c r="GP12" s="296">
        <v>1859</v>
      </c>
      <c r="GQ12" s="297">
        <v>1859</v>
      </c>
      <c r="GR12" s="292">
        <v>0</v>
      </c>
      <c r="GS12" s="293">
        <v>0</v>
      </c>
      <c r="GT12" s="294">
        <v>0</v>
      </c>
      <c r="GU12" s="295">
        <v>0</v>
      </c>
      <c r="GV12" s="293">
        <v>0</v>
      </c>
      <c r="GW12" s="293">
        <v>0</v>
      </c>
      <c r="GX12" s="293">
        <v>0</v>
      </c>
      <c r="GY12" s="293">
        <v>0</v>
      </c>
      <c r="GZ12" s="293">
        <v>0</v>
      </c>
      <c r="HA12" s="296">
        <v>0</v>
      </c>
      <c r="HB12" s="297">
        <v>0</v>
      </c>
      <c r="HC12" s="292">
        <v>0</v>
      </c>
      <c r="HD12" s="293">
        <v>0</v>
      </c>
      <c r="HE12" s="294">
        <v>0</v>
      </c>
      <c r="HF12" s="298"/>
      <c r="HG12" s="293">
        <v>0</v>
      </c>
      <c r="HH12" s="293">
        <v>0</v>
      </c>
      <c r="HI12" s="293">
        <v>0</v>
      </c>
      <c r="HJ12" s="293">
        <v>0</v>
      </c>
      <c r="HK12" s="293">
        <v>0</v>
      </c>
      <c r="HL12" s="296">
        <v>0</v>
      </c>
      <c r="HM12" s="297">
        <v>0</v>
      </c>
      <c r="HN12" s="292">
        <v>5328</v>
      </c>
      <c r="HO12" s="293">
        <v>10348</v>
      </c>
      <c r="HP12" s="294">
        <v>15676</v>
      </c>
      <c r="HQ12" s="295">
        <v>0</v>
      </c>
      <c r="HR12" s="293">
        <v>1051323</v>
      </c>
      <c r="HS12" s="293">
        <v>2365247</v>
      </c>
      <c r="HT12" s="293">
        <v>9413546</v>
      </c>
      <c r="HU12" s="293">
        <v>9643951</v>
      </c>
      <c r="HV12" s="293">
        <v>5926458</v>
      </c>
      <c r="HW12" s="296">
        <v>28400525</v>
      </c>
      <c r="HX12" s="297">
        <v>28416201</v>
      </c>
    </row>
    <row r="13" spans="1:232" ht="21" customHeight="1" x14ac:dyDescent="0.2">
      <c r="A13" s="492" t="s">
        <v>9</v>
      </c>
      <c r="B13" s="292">
        <v>0</v>
      </c>
      <c r="C13" s="293">
        <v>2311</v>
      </c>
      <c r="D13" s="294">
        <v>2311</v>
      </c>
      <c r="E13" s="295">
        <v>0</v>
      </c>
      <c r="F13" s="293">
        <v>240922</v>
      </c>
      <c r="G13" s="293">
        <v>286847</v>
      </c>
      <c r="H13" s="293">
        <v>2196648</v>
      </c>
      <c r="I13" s="293">
        <v>2407405</v>
      </c>
      <c r="J13" s="293">
        <v>1816958</v>
      </c>
      <c r="K13" s="296">
        <v>6948780</v>
      </c>
      <c r="L13" s="297">
        <v>6951091</v>
      </c>
      <c r="M13" s="292">
        <v>0</v>
      </c>
      <c r="N13" s="293">
        <v>0</v>
      </c>
      <c r="O13" s="294">
        <v>0</v>
      </c>
      <c r="P13" s="298"/>
      <c r="Q13" s="293">
        <v>68400</v>
      </c>
      <c r="R13" s="293">
        <v>34200</v>
      </c>
      <c r="S13" s="293">
        <v>1558920</v>
      </c>
      <c r="T13" s="293">
        <v>1909840</v>
      </c>
      <c r="U13" s="293">
        <v>1419170</v>
      </c>
      <c r="V13" s="296">
        <v>4990530</v>
      </c>
      <c r="W13" s="297">
        <v>4990530</v>
      </c>
      <c r="X13" s="292">
        <v>0</v>
      </c>
      <c r="Y13" s="293">
        <v>0</v>
      </c>
      <c r="Z13" s="294">
        <v>0</v>
      </c>
      <c r="AA13" s="298"/>
      <c r="AB13" s="293">
        <v>142445</v>
      </c>
      <c r="AC13" s="293">
        <v>143825</v>
      </c>
      <c r="AD13" s="293">
        <v>486350</v>
      </c>
      <c r="AE13" s="293">
        <v>419725</v>
      </c>
      <c r="AF13" s="293">
        <v>320779</v>
      </c>
      <c r="AG13" s="296">
        <v>1513124</v>
      </c>
      <c r="AH13" s="297">
        <v>1513124</v>
      </c>
      <c r="AI13" s="292">
        <v>0</v>
      </c>
      <c r="AJ13" s="293">
        <v>0</v>
      </c>
      <c r="AK13" s="294">
        <v>0</v>
      </c>
      <c r="AL13" s="298"/>
      <c r="AM13" s="293">
        <v>0</v>
      </c>
      <c r="AN13" s="293">
        <v>0</v>
      </c>
      <c r="AO13" s="293">
        <v>0</v>
      </c>
      <c r="AP13" s="293">
        <v>0</v>
      </c>
      <c r="AQ13" s="293">
        <v>0</v>
      </c>
      <c r="AR13" s="296">
        <v>0</v>
      </c>
      <c r="AS13" s="297">
        <v>0</v>
      </c>
      <c r="AT13" s="292">
        <v>0</v>
      </c>
      <c r="AU13" s="293">
        <v>0</v>
      </c>
      <c r="AV13" s="294">
        <v>0</v>
      </c>
      <c r="AW13" s="298"/>
      <c r="AX13" s="293">
        <v>0</v>
      </c>
      <c r="AY13" s="293">
        <v>0</v>
      </c>
      <c r="AZ13" s="293">
        <v>0</v>
      </c>
      <c r="BA13" s="293">
        <v>0</v>
      </c>
      <c r="BB13" s="293">
        <v>7650</v>
      </c>
      <c r="BC13" s="296">
        <v>7650</v>
      </c>
      <c r="BD13" s="297">
        <v>7650</v>
      </c>
      <c r="BE13" s="292">
        <v>0</v>
      </c>
      <c r="BF13" s="293">
        <v>0</v>
      </c>
      <c r="BG13" s="294">
        <v>0</v>
      </c>
      <c r="BH13" s="298"/>
      <c r="BI13" s="293">
        <v>0</v>
      </c>
      <c r="BJ13" s="293">
        <v>0</v>
      </c>
      <c r="BK13" s="293">
        <v>0</v>
      </c>
      <c r="BL13" s="293">
        <v>23850</v>
      </c>
      <c r="BM13" s="293">
        <v>0</v>
      </c>
      <c r="BN13" s="296">
        <v>23850</v>
      </c>
      <c r="BO13" s="297">
        <v>23850</v>
      </c>
      <c r="BP13" s="292">
        <v>0</v>
      </c>
      <c r="BQ13" s="293">
        <v>30</v>
      </c>
      <c r="BR13" s="294">
        <v>30</v>
      </c>
      <c r="BS13" s="295">
        <v>0</v>
      </c>
      <c r="BT13" s="293">
        <v>27187</v>
      </c>
      <c r="BU13" s="293">
        <v>108627</v>
      </c>
      <c r="BV13" s="293">
        <v>146632</v>
      </c>
      <c r="BW13" s="293">
        <v>51961</v>
      </c>
      <c r="BX13" s="293">
        <v>59325</v>
      </c>
      <c r="BY13" s="296">
        <v>393732</v>
      </c>
      <c r="BZ13" s="297">
        <v>393762</v>
      </c>
      <c r="CA13" s="292">
        <v>0</v>
      </c>
      <c r="CB13" s="293">
        <v>2281</v>
      </c>
      <c r="CC13" s="294">
        <v>2281</v>
      </c>
      <c r="CD13" s="295">
        <v>0</v>
      </c>
      <c r="CE13" s="293">
        <v>2890</v>
      </c>
      <c r="CF13" s="293">
        <v>195</v>
      </c>
      <c r="CG13" s="293">
        <v>4746</v>
      </c>
      <c r="CH13" s="293">
        <v>2029</v>
      </c>
      <c r="CI13" s="293">
        <v>10034</v>
      </c>
      <c r="CJ13" s="296">
        <v>19894</v>
      </c>
      <c r="CK13" s="297">
        <v>22175</v>
      </c>
      <c r="CL13" s="292">
        <v>0</v>
      </c>
      <c r="CM13" s="293">
        <v>0</v>
      </c>
      <c r="CN13" s="294">
        <v>0</v>
      </c>
      <c r="CO13" s="295">
        <v>0</v>
      </c>
      <c r="CP13" s="293">
        <v>0</v>
      </c>
      <c r="CQ13" s="293">
        <v>0</v>
      </c>
      <c r="CR13" s="293">
        <v>0</v>
      </c>
      <c r="CS13" s="293">
        <v>0</v>
      </c>
      <c r="CT13" s="293">
        <v>0</v>
      </c>
      <c r="CU13" s="296">
        <v>0</v>
      </c>
      <c r="CV13" s="297">
        <v>0</v>
      </c>
      <c r="CW13" s="292">
        <v>0</v>
      </c>
      <c r="CX13" s="293">
        <v>0</v>
      </c>
      <c r="CY13" s="294">
        <v>0</v>
      </c>
      <c r="CZ13" s="298"/>
      <c r="DA13" s="293">
        <v>0</v>
      </c>
      <c r="DB13" s="293">
        <v>0</v>
      </c>
      <c r="DC13" s="293">
        <v>0</v>
      </c>
      <c r="DD13" s="293">
        <v>0</v>
      </c>
      <c r="DE13" s="293">
        <v>0</v>
      </c>
      <c r="DF13" s="296">
        <v>0</v>
      </c>
      <c r="DG13" s="297">
        <v>0</v>
      </c>
      <c r="DH13" s="292">
        <v>0</v>
      </c>
      <c r="DI13" s="293">
        <v>1413</v>
      </c>
      <c r="DJ13" s="294">
        <v>1413</v>
      </c>
      <c r="DK13" s="295">
        <v>0</v>
      </c>
      <c r="DL13" s="293">
        <v>198325</v>
      </c>
      <c r="DM13" s="293">
        <v>213095</v>
      </c>
      <c r="DN13" s="293">
        <v>2441919</v>
      </c>
      <c r="DO13" s="293">
        <v>3114855</v>
      </c>
      <c r="DP13" s="293">
        <v>2167891</v>
      </c>
      <c r="DQ13" s="296">
        <v>8136085</v>
      </c>
      <c r="DR13" s="299">
        <v>8137498</v>
      </c>
      <c r="DS13" s="292">
        <v>0</v>
      </c>
      <c r="DT13" s="293">
        <v>0</v>
      </c>
      <c r="DU13" s="294">
        <v>0</v>
      </c>
      <c r="DV13" s="298"/>
      <c r="DW13" s="293">
        <v>91440</v>
      </c>
      <c r="DX13" s="293">
        <v>56460</v>
      </c>
      <c r="DY13" s="293">
        <v>2156488</v>
      </c>
      <c r="DZ13" s="293">
        <v>2938529</v>
      </c>
      <c r="EA13" s="293">
        <v>2016146</v>
      </c>
      <c r="EB13" s="296">
        <v>7259063</v>
      </c>
      <c r="EC13" s="297">
        <v>7259063</v>
      </c>
      <c r="ED13" s="292">
        <v>0</v>
      </c>
      <c r="EE13" s="293">
        <v>0</v>
      </c>
      <c r="EF13" s="294">
        <v>0</v>
      </c>
      <c r="EG13" s="298"/>
      <c r="EH13" s="293">
        <v>44533</v>
      </c>
      <c r="EI13" s="293">
        <v>14082</v>
      </c>
      <c r="EJ13" s="293">
        <v>47684</v>
      </c>
      <c r="EK13" s="293">
        <v>79872</v>
      </c>
      <c r="EL13" s="293">
        <v>41559</v>
      </c>
      <c r="EM13" s="296">
        <v>227730</v>
      </c>
      <c r="EN13" s="297">
        <v>227730</v>
      </c>
      <c r="EO13" s="292">
        <v>0</v>
      </c>
      <c r="EP13" s="293">
        <v>0</v>
      </c>
      <c r="EQ13" s="294">
        <v>0</v>
      </c>
      <c r="ER13" s="298"/>
      <c r="ES13" s="293">
        <v>0</v>
      </c>
      <c r="ET13" s="293">
        <v>0</v>
      </c>
      <c r="EU13" s="293">
        <v>0</v>
      </c>
      <c r="EV13" s="293">
        <v>0</v>
      </c>
      <c r="EW13" s="293">
        <v>0</v>
      </c>
      <c r="EX13" s="296">
        <v>0</v>
      </c>
      <c r="EY13" s="297">
        <v>0</v>
      </c>
      <c r="EZ13" s="292">
        <v>0</v>
      </c>
      <c r="FA13" s="293">
        <v>0</v>
      </c>
      <c r="FB13" s="294">
        <v>0</v>
      </c>
      <c r="FC13" s="298"/>
      <c r="FD13" s="293">
        <v>0</v>
      </c>
      <c r="FE13" s="293">
        <v>0</v>
      </c>
      <c r="FF13" s="293">
        <v>0</v>
      </c>
      <c r="FG13" s="293">
        <v>0</v>
      </c>
      <c r="FH13" s="293">
        <v>630</v>
      </c>
      <c r="FI13" s="296">
        <v>630</v>
      </c>
      <c r="FJ13" s="297">
        <v>630</v>
      </c>
      <c r="FK13" s="292">
        <v>0</v>
      </c>
      <c r="FL13" s="293">
        <v>0</v>
      </c>
      <c r="FM13" s="294">
        <v>0</v>
      </c>
      <c r="FN13" s="298"/>
      <c r="FO13" s="293">
        <v>0</v>
      </c>
      <c r="FP13" s="293">
        <v>0</v>
      </c>
      <c r="FQ13" s="293">
        <v>0</v>
      </c>
      <c r="FR13" s="293">
        <v>20880</v>
      </c>
      <c r="FS13" s="293">
        <v>0</v>
      </c>
      <c r="FT13" s="296">
        <v>20880</v>
      </c>
      <c r="FU13" s="297">
        <v>20880</v>
      </c>
      <c r="FV13" s="292">
        <v>0</v>
      </c>
      <c r="FW13" s="293">
        <v>1392</v>
      </c>
      <c r="FX13" s="294">
        <v>1392</v>
      </c>
      <c r="FY13" s="295">
        <v>0</v>
      </c>
      <c r="FZ13" s="293">
        <v>62324</v>
      </c>
      <c r="GA13" s="293">
        <v>142532</v>
      </c>
      <c r="GB13" s="293">
        <v>237530</v>
      </c>
      <c r="GC13" s="293">
        <v>75448</v>
      </c>
      <c r="GD13" s="293">
        <v>107573</v>
      </c>
      <c r="GE13" s="296">
        <v>625407</v>
      </c>
      <c r="GF13" s="297">
        <v>626799</v>
      </c>
      <c r="GG13" s="292">
        <v>0</v>
      </c>
      <c r="GH13" s="293">
        <v>21</v>
      </c>
      <c r="GI13" s="294">
        <v>21</v>
      </c>
      <c r="GJ13" s="295">
        <v>0</v>
      </c>
      <c r="GK13" s="293">
        <v>28</v>
      </c>
      <c r="GL13" s="293">
        <v>21</v>
      </c>
      <c r="GM13" s="293">
        <v>217</v>
      </c>
      <c r="GN13" s="293">
        <v>126</v>
      </c>
      <c r="GO13" s="293">
        <v>1983</v>
      </c>
      <c r="GP13" s="296">
        <v>2375</v>
      </c>
      <c r="GQ13" s="297">
        <v>2396</v>
      </c>
      <c r="GR13" s="292">
        <v>0</v>
      </c>
      <c r="GS13" s="293">
        <v>0</v>
      </c>
      <c r="GT13" s="294">
        <v>0</v>
      </c>
      <c r="GU13" s="295">
        <v>0</v>
      </c>
      <c r="GV13" s="293">
        <v>0</v>
      </c>
      <c r="GW13" s="293">
        <v>0</v>
      </c>
      <c r="GX13" s="293">
        <v>0</v>
      </c>
      <c r="GY13" s="293">
        <v>0</v>
      </c>
      <c r="GZ13" s="293">
        <v>0</v>
      </c>
      <c r="HA13" s="296">
        <v>0</v>
      </c>
      <c r="HB13" s="297">
        <v>0</v>
      </c>
      <c r="HC13" s="292">
        <v>0</v>
      </c>
      <c r="HD13" s="293">
        <v>0</v>
      </c>
      <c r="HE13" s="294">
        <v>0</v>
      </c>
      <c r="HF13" s="298"/>
      <c r="HG13" s="293">
        <v>0</v>
      </c>
      <c r="HH13" s="293">
        <v>0</v>
      </c>
      <c r="HI13" s="293">
        <v>0</v>
      </c>
      <c r="HJ13" s="293">
        <v>0</v>
      </c>
      <c r="HK13" s="293">
        <v>0</v>
      </c>
      <c r="HL13" s="296">
        <v>0</v>
      </c>
      <c r="HM13" s="297">
        <v>0</v>
      </c>
      <c r="HN13" s="292">
        <v>0</v>
      </c>
      <c r="HO13" s="293">
        <v>3724</v>
      </c>
      <c r="HP13" s="294">
        <v>3724</v>
      </c>
      <c r="HQ13" s="295">
        <v>0</v>
      </c>
      <c r="HR13" s="293">
        <v>439247</v>
      </c>
      <c r="HS13" s="293">
        <v>499942</v>
      </c>
      <c r="HT13" s="293">
        <v>4638567</v>
      </c>
      <c r="HU13" s="293">
        <v>5522260</v>
      </c>
      <c r="HV13" s="293">
        <v>3984849</v>
      </c>
      <c r="HW13" s="296">
        <v>15084865</v>
      </c>
      <c r="HX13" s="297">
        <v>15088589</v>
      </c>
    </row>
    <row r="14" spans="1:232" ht="21" customHeight="1" x14ac:dyDescent="0.2">
      <c r="A14" s="492" t="s">
        <v>10</v>
      </c>
      <c r="B14" s="292">
        <v>0</v>
      </c>
      <c r="C14" s="293">
        <v>15820</v>
      </c>
      <c r="D14" s="294">
        <v>15820</v>
      </c>
      <c r="E14" s="295">
        <v>0</v>
      </c>
      <c r="F14" s="293">
        <v>700782</v>
      </c>
      <c r="G14" s="293">
        <v>1117535</v>
      </c>
      <c r="H14" s="293">
        <v>3085145</v>
      </c>
      <c r="I14" s="293">
        <v>4263325</v>
      </c>
      <c r="J14" s="293">
        <v>4125290</v>
      </c>
      <c r="K14" s="296">
        <v>13292077</v>
      </c>
      <c r="L14" s="297">
        <v>13307897</v>
      </c>
      <c r="M14" s="292">
        <v>0</v>
      </c>
      <c r="N14" s="293">
        <v>0</v>
      </c>
      <c r="O14" s="294">
        <v>0</v>
      </c>
      <c r="P14" s="298"/>
      <c r="Q14" s="293">
        <v>72735</v>
      </c>
      <c r="R14" s="293">
        <v>289565</v>
      </c>
      <c r="S14" s="293">
        <v>1899415</v>
      </c>
      <c r="T14" s="293">
        <v>2959126</v>
      </c>
      <c r="U14" s="293">
        <v>3268578</v>
      </c>
      <c r="V14" s="296">
        <v>8489419</v>
      </c>
      <c r="W14" s="297">
        <v>8489419</v>
      </c>
      <c r="X14" s="292">
        <v>0</v>
      </c>
      <c r="Y14" s="293">
        <v>0</v>
      </c>
      <c r="Z14" s="294">
        <v>0</v>
      </c>
      <c r="AA14" s="298"/>
      <c r="AB14" s="293">
        <v>522065</v>
      </c>
      <c r="AC14" s="293">
        <v>620362</v>
      </c>
      <c r="AD14" s="293">
        <v>979845</v>
      </c>
      <c r="AE14" s="293">
        <v>864739</v>
      </c>
      <c r="AF14" s="293">
        <v>485040</v>
      </c>
      <c r="AG14" s="296">
        <v>3472051</v>
      </c>
      <c r="AH14" s="297">
        <v>3472051</v>
      </c>
      <c r="AI14" s="292">
        <v>0</v>
      </c>
      <c r="AJ14" s="293">
        <v>0</v>
      </c>
      <c r="AK14" s="294">
        <v>0</v>
      </c>
      <c r="AL14" s="298"/>
      <c r="AM14" s="293">
        <v>0</v>
      </c>
      <c r="AN14" s="293">
        <v>0</v>
      </c>
      <c r="AO14" s="293">
        <v>0</v>
      </c>
      <c r="AP14" s="293">
        <v>0</v>
      </c>
      <c r="AQ14" s="293">
        <v>0</v>
      </c>
      <c r="AR14" s="296">
        <v>0</v>
      </c>
      <c r="AS14" s="297">
        <v>0</v>
      </c>
      <c r="AT14" s="292">
        <v>0</v>
      </c>
      <c r="AU14" s="293">
        <v>0</v>
      </c>
      <c r="AV14" s="294">
        <v>0</v>
      </c>
      <c r="AW14" s="298"/>
      <c r="AX14" s="293">
        <v>0</v>
      </c>
      <c r="AY14" s="293">
        <v>0</v>
      </c>
      <c r="AZ14" s="293">
        <v>0</v>
      </c>
      <c r="BA14" s="293">
        <v>65685</v>
      </c>
      <c r="BB14" s="293">
        <v>153295</v>
      </c>
      <c r="BC14" s="296">
        <v>218980</v>
      </c>
      <c r="BD14" s="297">
        <v>218980</v>
      </c>
      <c r="BE14" s="292">
        <v>0</v>
      </c>
      <c r="BF14" s="293">
        <v>0</v>
      </c>
      <c r="BG14" s="294">
        <v>0</v>
      </c>
      <c r="BH14" s="298"/>
      <c r="BI14" s="293">
        <v>0</v>
      </c>
      <c r="BJ14" s="293">
        <v>0</v>
      </c>
      <c r="BK14" s="293">
        <v>0</v>
      </c>
      <c r="BL14" s="293">
        <v>31650</v>
      </c>
      <c r="BM14" s="293">
        <v>68400</v>
      </c>
      <c r="BN14" s="296">
        <v>100050</v>
      </c>
      <c r="BO14" s="297">
        <v>100050</v>
      </c>
      <c r="BP14" s="292">
        <v>0</v>
      </c>
      <c r="BQ14" s="293">
        <v>15820</v>
      </c>
      <c r="BR14" s="294">
        <v>15820</v>
      </c>
      <c r="BS14" s="295">
        <v>0</v>
      </c>
      <c r="BT14" s="293">
        <v>101977</v>
      </c>
      <c r="BU14" s="293">
        <v>201553</v>
      </c>
      <c r="BV14" s="293">
        <v>205885</v>
      </c>
      <c r="BW14" s="293">
        <v>330304</v>
      </c>
      <c r="BX14" s="293">
        <v>138057</v>
      </c>
      <c r="BY14" s="296">
        <v>977776</v>
      </c>
      <c r="BZ14" s="297">
        <v>993596</v>
      </c>
      <c r="CA14" s="292">
        <v>0</v>
      </c>
      <c r="CB14" s="293">
        <v>0</v>
      </c>
      <c r="CC14" s="294">
        <v>0</v>
      </c>
      <c r="CD14" s="295">
        <v>0</v>
      </c>
      <c r="CE14" s="293">
        <v>4005</v>
      </c>
      <c r="CF14" s="293">
        <v>6055</v>
      </c>
      <c r="CG14" s="293">
        <v>0</v>
      </c>
      <c r="CH14" s="293">
        <v>11821</v>
      </c>
      <c r="CI14" s="293">
        <v>11920</v>
      </c>
      <c r="CJ14" s="296">
        <v>33801</v>
      </c>
      <c r="CK14" s="297">
        <v>33801</v>
      </c>
      <c r="CL14" s="292">
        <v>0</v>
      </c>
      <c r="CM14" s="293">
        <v>0</v>
      </c>
      <c r="CN14" s="294">
        <v>0</v>
      </c>
      <c r="CO14" s="295">
        <v>0</v>
      </c>
      <c r="CP14" s="293">
        <v>0</v>
      </c>
      <c r="CQ14" s="293">
        <v>0</v>
      </c>
      <c r="CR14" s="293">
        <v>0</v>
      </c>
      <c r="CS14" s="293">
        <v>0</v>
      </c>
      <c r="CT14" s="293">
        <v>0</v>
      </c>
      <c r="CU14" s="296">
        <v>0</v>
      </c>
      <c r="CV14" s="297">
        <v>0</v>
      </c>
      <c r="CW14" s="292">
        <v>0</v>
      </c>
      <c r="CX14" s="293">
        <v>0</v>
      </c>
      <c r="CY14" s="294">
        <v>0</v>
      </c>
      <c r="CZ14" s="298"/>
      <c r="DA14" s="293">
        <v>0</v>
      </c>
      <c r="DB14" s="293">
        <v>0</v>
      </c>
      <c r="DC14" s="293">
        <v>0</v>
      </c>
      <c r="DD14" s="293">
        <v>0</v>
      </c>
      <c r="DE14" s="293">
        <v>0</v>
      </c>
      <c r="DF14" s="296">
        <v>0</v>
      </c>
      <c r="DG14" s="297">
        <v>0</v>
      </c>
      <c r="DH14" s="292">
        <v>0</v>
      </c>
      <c r="DI14" s="293">
        <v>16275</v>
      </c>
      <c r="DJ14" s="294">
        <v>16275</v>
      </c>
      <c r="DK14" s="295">
        <v>0</v>
      </c>
      <c r="DL14" s="293">
        <v>475172</v>
      </c>
      <c r="DM14" s="293">
        <v>944621</v>
      </c>
      <c r="DN14" s="293">
        <v>3155551</v>
      </c>
      <c r="DO14" s="293">
        <v>4811799</v>
      </c>
      <c r="DP14" s="293">
        <v>4207482</v>
      </c>
      <c r="DQ14" s="296">
        <v>13594625</v>
      </c>
      <c r="DR14" s="299">
        <v>13610900</v>
      </c>
      <c r="DS14" s="292">
        <v>0</v>
      </c>
      <c r="DT14" s="293">
        <v>0</v>
      </c>
      <c r="DU14" s="294">
        <v>0</v>
      </c>
      <c r="DV14" s="298"/>
      <c r="DW14" s="293">
        <v>167616</v>
      </c>
      <c r="DX14" s="293">
        <v>444900</v>
      </c>
      <c r="DY14" s="293">
        <v>2693269</v>
      </c>
      <c r="DZ14" s="293">
        <v>4105885</v>
      </c>
      <c r="EA14" s="293">
        <v>3808051</v>
      </c>
      <c r="EB14" s="296">
        <v>11219721</v>
      </c>
      <c r="EC14" s="297">
        <v>11219721</v>
      </c>
      <c r="ED14" s="292">
        <v>0</v>
      </c>
      <c r="EE14" s="293">
        <v>0</v>
      </c>
      <c r="EF14" s="294">
        <v>0</v>
      </c>
      <c r="EG14" s="298"/>
      <c r="EH14" s="293">
        <v>142264</v>
      </c>
      <c r="EI14" s="293">
        <v>146506</v>
      </c>
      <c r="EJ14" s="293">
        <v>148260</v>
      </c>
      <c r="EK14" s="293">
        <v>131922</v>
      </c>
      <c r="EL14" s="293">
        <v>83616</v>
      </c>
      <c r="EM14" s="296">
        <v>652568</v>
      </c>
      <c r="EN14" s="297">
        <v>652568</v>
      </c>
      <c r="EO14" s="292">
        <v>0</v>
      </c>
      <c r="EP14" s="293">
        <v>0</v>
      </c>
      <c r="EQ14" s="294">
        <v>0</v>
      </c>
      <c r="ER14" s="298"/>
      <c r="ES14" s="293">
        <v>0</v>
      </c>
      <c r="ET14" s="293">
        <v>0</v>
      </c>
      <c r="EU14" s="293">
        <v>0</v>
      </c>
      <c r="EV14" s="293">
        <v>0</v>
      </c>
      <c r="EW14" s="293">
        <v>0</v>
      </c>
      <c r="EX14" s="296">
        <v>0</v>
      </c>
      <c r="EY14" s="297">
        <v>0</v>
      </c>
      <c r="EZ14" s="292">
        <v>0</v>
      </c>
      <c r="FA14" s="293">
        <v>0</v>
      </c>
      <c r="FB14" s="294">
        <v>0</v>
      </c>
      <c r="FC14" s="298"/>
      <c r="FD14" s="293">
        <v>0</v>
      </c>
      <c r="FE14" s="293">
        <v>0</v>
      </c>
      <c r="FF14" s="293">
        <v>0</v>
      </c>
      <c r="FG14" s="293">
        <v>441</v>
      </c>
      <c r="FH14" s="293">
        <v>2569</v>
      </c>
      <c r="FI14" s="296">
        <v>3010</v>
      </c>
      <c r="FJ14" s="297">
        <v>3010</v>
      </c>
      <c r="FK14" s="292">
        <v>0</v>
      </c>
      <c r="FL14" s="293">
        <v>0</v>
      </c>
      <c r="FM14" s="294">
        <v>0</v>
      </c>
      <c r="FN14" s="298"/>
      <c r="FO14" s="293">
        <v>0</v>
      </c>
      <c r="FP14" s="293">
        <v>0</v>
      </c>
      <c r="FQ14" s="293">
        <v>0</v>
      </c>
      <c r="FR14" s="293">
        <v>35580</v>
      </c>
      <c r="FS14" s="293">
        <v>89520</v>
      </c>
      <c r="FT14" s="296">
        <v>125100</v>
      </c>
      <c r="FU14" s="297">
        <v>125100</v>
      </c>
      <c r="FV14" s="292">
        <v>0</v>
      </c>
      <c r="FW14" s="293">
        <v>16275</v>
      </c>
      <c r="FX14" s="294">
        <v>16275</v>
      </c>
      <c r="FY14" s="295">
        <v>0</v>
      </c>
      <c r="FZ14" s="293">
        <v>165229</v>
      </c>
      <c r="GA14" s="293">
        <v>353047</v>
      </c>
      <c r="GB14" s="293">
        <v>314022</v>
      </c>
      <c r="GC14" s="293">
        <v>534159</v>
      </c>
      <c r="GD14" s="293">
        <v>222001</v>
      </c>
      <c r="GE14" s="296">
        <v>1588458</v>
      </c>
      <c r="GF14" s="297">
        <v>1604733</v>
      </c>
      <c r="GG14" s="292">
        <v>0</v>
      </c>
      <c r="GH14" s="293">
        <v>0</v>
      </c>
      <c r="GI14" s="294">
        <v>0</v>
      </c>
      <c r="GJ14" s="295">
        <v>0</v>
      </c>
      <c r="GK14" s="293">
        <v>63</v>
      </c>
      <c r="GL14" s="293">
        <v>168</v>
      </c>
      <c r="GM14" s="293">
        <v>0</v>
      </c>
      <c r="GN14" s="293">
        <v>3812</v>
      </c>
      <c r="GO14" s="293">
        <v>1725</v>
      </c>
      <c r="GP14" s="296">
        <v>5768</v>
      </c>
      <c r="GQ14" s="297">
        <v>5768</v>
      </c>
      <c r="GR14" s="292">
        <v>0</v>
      </c>
      <c r="GS14" s="293">
        <v>0</v>
      </c>
      <c r="GT14" s="294">
        <v>0</v>
      </c>
      <c r="GU14" s="295">
        <v>0</v>
      </c>
      <c r="GV14" s="293">
        <v>0</v>
      </c>
      <c r="GW14" s="293">
        <v>0</v>
      </c>
      <c r="GX14" s="293">
        <v>0</v>
      </c>
      <c r="GY14" s="293">
        <v>0</v>
      </c>
      <c r="GZ14" s="293">
        <v>0</v>
      </c>
      <c r="HA14" s="296">
        <v>0</v>
      </c>
      <c r="HB14" s="297">
        <v>0</v>
      </c>
      <c r="HC14" s="292">
        <v>0</v>
      </c>
      <c r="HD14" s="293">
        <v>0</v>
      </c>
      <c r="HE14" s="294">
        <v>0</v>
      </c>
      <c r="HF14" s="298"/>
      <c r="HG14" s="293">
        <v>0</v>
      </c>
      <c r="HH14" s="293">
        <v>0</v>
      </c>
      <c r="HI14" s="293">
        <v>0</v>
      </c>
      <c r="HJ14" s="293">
        <v>0</v>
      </c>
      <c r="HK14" s="293">
        <v>0</v>
      </c>
      <c r="HL14" s="296">
        <v>0</v>
      </c>
      <c r="HM14" s="297">
        <v>0</v>
      </c>
      <c r="HN14" s="292">
        <v>0</v>
      </c>
      <c r="HO14" s="293">
        <v>32095</v>
      </c>
      <c r="HP14" s="294">
        <v>32095</v>
      </c>
      <c r="HQ14" s="295">
        <v>0</v>
      </c>
      <c r="HR14" s="293">
        <v>1175954</v>
      </c>
      <c r="HS14" s="293">
        <v>2062156</v>
      </c>
      <c r="HT14" s="293">
        <v>6240696</v>
      </c>
      <c r="HU14" s="293">
        <v>9075124</v>
      </c>
      <c r="HV14" s="293">
        <v>8332772</v>
      </c>
      <c r="HW14" s="296">
        <v>26886702</v>
      </c>
      <c r="HX14" s="297">
        <v>26918797</v>
      </c>
    </row>
    <row r="15" spans="1:232" ht="21" customHeight="1" x14ac:dyDescent="0.2">
      <c r="A15" s="492" t="s">
        <v>11</v>
      </c>
      <c r="B15" s="292">
        <v>3920</v>
      </c>
      <c r="C15" s="293">
        <v>3760</v>
      </c>
      <c r="D15" s="294">
        <v>7680</v>
      </c>
      <c r="E15" s="295">
        <v>0</v>
      </c>
      <c r="F15" s="293">
        <v>748815</v>
      </c>
      <c r="G15" s="293">
        <v>988725</v>
      </c>
      <c r="H15" s="293">
        <v>2289668</v>
      </c>
      <c r="I15" s="293">
        <v>3643952</v>
      </c>
      <c r="J15" s="293">
        <v>2057285</v>
      </c>
      <c r="K15" s="296">
        <v>9728445</v>
      </c>
      <c r="L15" s="297">
        <v>9736125</v>
      </c>
      <c r="M15" s="292">
        <v>0</v>
      </c>
      <c r="N15" s="293">
        <v>0</v>
      </c>
      <c r="O15" s="294">
        <v>0</v>
      </c>
      <c r="P15" s="298"/>
      <c r="Q15" s="293">
        <v>2550</v>
      </c>
      <c r="R15" s="293">
        <v>124350</v>
      </c>
      <c r="S15" s="293">
        <v>1433290</v>
      </c>
      <c r="T15" s="293">
        <v>2268550</v>
      </c>
      <c r="U15" s="293">
        <v>1316137</v>
      </c>
      <c r="V15" s="296">
        <v>5144877</v>
      </c>
      <c r="W15" s="297">
        <v>5144877</v>
      </c>
      <c r="X15" s="292">
        <v>0</v>
      </c>
      <c r="Y15" s="293">
        <v>0</v>
      </c>
      <c r="Z15" s="294">
        <v>0</v>
      </c>
      <c r="AA15" s="298"/>
      <c r="AB15" s="293">
        <v>670700</v>
      </c>
      <c r="AC15" s="293">
        <v>679565</v>
      </c>
      <c r="AD15" s="293">
        <v>602633</v>
      </c>
      <c r="AE15" s="293">
        <v>1015407</v>
      </c>
      <c r="AF15" s="293">
        <v>342561</v>
      </c>
      <c r="AG15" s="296">
        <v>3310866</v>
      </c>
      <c r="AH15" s="297">
        <v>3310866</v>
      </c>
      <c r="AI15" s="292">
        <v>0</v>
      </c>
      <c r="AJ15" s="293">
        <v>0</v>
      </c>
      <c r="AK15" s="294">
        <v>0</v>
      </c>
      <c r="AL15" s="298"/>
      <c r="AM15" s="293">
        <v>0</v>
      </c>
      <c r="AN15" s="293">
        <v>0</v>
      </c>
      <c r="AO15" s="293">
        <v>0</v>
      </c>
      <c r="AP15" s="293">
        <v>0</v>
      </c>
      <c r="AQ15" s="293">
        <v>0</v>
      </c>
      <c r="AR15" s="296">
        <v>0</v>
      </c>
      <c r="AS15" s="297">
        <v>0</v>
      </c>
      <c r="AT15" s="292">
        <v>0</v>
      </c>
      <c r="AU15" s="293">
        <v>0</v>
      </c>
      <c r="AV15" s="294">
        <v>0</v>
      </c>
      <c r="AW15" s="298"/>
      <c r="AX15" s="293">
        <v>28070</v>
      </c>
      <c r="AY15" s="293">
        <v>28950</v>
      </c>
      <c r="AZ15" s="293">
        <v>129300</v>
      </c>
      <c r="BA15" s="293">
        <v>111680</v>
      </c>
      <c r="BB15" s="293">
        <v>334930</v>
      </c>
      <c r="BC15" s="296">
        <v>632930</v>
      </c>
      <c r="BD15" s="297">
        <v>632930</v>
      </c>
      <c r="BE15" s="292">
        <v>0</v>
      </c>
      <c r="BF15" s="293">
        <v>0</v>
      </c>
      <c r="BG15" s="294">
        <v>0</v>
      </c>
      <c r="BH15" s="298"/>
      <c r="BI15" s="293">
        <v>0</v>
      </c>
      <c r="BJ15" s="293">
        <v>23850</v>
      </c>
      <c r="BK15" s="293">
        <v>0</v>
      </c>
      <c r="BL15" s="293">
        <v>0</v>
      </c>
      <c r="BM15" s="293">
        <v>0</v>
      </c>
      <c r="BN15" s="296">
        <v>23850</v>
      </c>
      <c r="BO15" s="297">
        <v>23850</v>
      </c>
      <c r="BP15" s="292">
        <v>3920</v>
      </c>
      <c r="BQ15" s="293">
        <v>3760</v>
      </c>
      <c r="BR15" s="294">
        <v>7680</v>
      </c>
      <c r="BS15" s="295">
        <v>0</v>
      </c>
      <c r="BT15" s="293">
        <v>43935</v>
      </c>
      <c r="BU15" s="293">
        <v>128365</v>
      </c>
      <c r="BV15" s="293">
        <v>118226</v>
      </c>
      <c r="BW15" s="293">
        <v>248315</v>
      </c>
      <c r="BX15" s="293">
        <v>58172</v>
      </c>
      <c r="BY15" s="296">
        <v>597013</v>
      </c>
      <c r="BZ15" s="297">
        <v>604693</v>
      </c>
      <c r="CA15" s="292">
        <v>0</v>
      </c>
      <c r="CB15" s="293">
        <v>0</v>
      </c>
      <c r="CC15" s="294">
        <v>0</v>
      </c>
      <c r="CD15" s="295">
        <v>0</v>
      </c>
      <c r="CE15" s="293">
        <v>3560</v>
      </c>
      <c r="CF15" s="293">
        <v>3645</v>
      </c>
      <c r="CG15" s="293">
        <v>6219</v>
      </c>
      <c r="CH15" s="293">
        <v>0</v>
      </c>
      <c r="CI15" s="293">
        <v>5485</v>
      </c>
      <c r="CJ15" s="296">
        <v>18909</v>
      </c>
      <c r="CK15" s="297">
        <v>18909</v>
      </c>
      <c r="CL15" s="292">
        <v>0</v>
      </c>
      <c r="CM15" s="293">
        <v>0</v>
      </c>
      <c r="CN15" s="294">
        <v>0</v>
      </c>
      <c r="CO15" s="295">
        <v>0</v>
      </c>
      <c r="CP15" s="293">
        <v>0</v>
      </c>
      <c r="CQ15" s="293">
        <v>0</v>
      </c>
      <c r="CR15" s="293">
        <v>0</v>
      </c>
      <c r="CS15" s="293">
        <v>0</v>
      </c>
      <c r="CT15" s="293">
        <v>0</v>
      </c>
      <c r="CU15" s="296">
        <v>0</v>
      </c>
      <c r="CV15" s="297">
        <v>0</v>
      </c>
      <c r="CW15" s="292">
        <v>0</v>
      </c>
      <c r="CX15" s="293">
        <v>0</v>
      </c>
      <c r="CY15" s="294">
        <v>0</v>
      </c>
      <c r="CZ15" s="298"/>
      <c r="DA15" s="293">
        <v>0</v>
      </c>
      <c r="DB15" s="293">
        <v>0</v>
      </c>
      <c r="DC15" s="293">
        <v>0</v>
      </c>
      <c r="DD15" s="293">
        <v>0</v>
      </c>
      <c r="DE15" s="293">
        <v>0</v>
      </c>
      <c r="DF15" s="296">
        <v>0</v>
      </c>
      <c r="DG15" s="297">
        <v>0</v>
      </c>
      <c r="DH15" s="292">
        <v>6008</v>
      </c>
      <c r="DI15" s="293">
        <v>3510</v>
      </c>
      <c r="DJ15" s="294">
        <v>9518</v>
      </c>
      <c r="DK15" s="295">
        <v>0</v>
      </c>
      <c r="DL15" s="293">
        <v>233472</v>
      </c>
      <c r="DM15" s="293">
        <v>430887</v>
      </c>
      <c r="DN15" s="293">
        <v>2215728</v>
      </c>
      <c r="DO15" s="293">
        <v>3321163</v>
      </c>
      <c r="DP15" s="293">
        <v>1699210</v>
      </c>
      <c r="DQ15" s="296">
        <v>7900460</v>
      </c>
      <c r="DR15" s="299">
        <v>7909978</v>
      </c>
      <c r="DS15" s="292">
        <v>0</v>
      </c>
      <c r="DT15" s="293">
        <v>0</v>
      </c>
      <c r="DU15" s="294">
        <v>0</v>
      </c>
      <c r="DV15" s="298"/>
      <c r="DW15" s="293">
        <v>20880</v>
      </c>
      <c r="DX15" s="293">
        <v>114510</v>
      </c>
      <c r="DY15" s="293">
        <v>1883788</v>
      </c>
      <c r="DZ15" s="293">
        <v>2964915</v>
      </c>
      <c r="EA15" s="293">
        <v>1520558</v>
      </c>
      <c r="EB15" s="296">
        <v>6504651</v>
      </c>
      <c r="EC15" s="297">
        <v>6504651</v>
      </c>
      <c r="ED15" s="292">
        <v>0</v>
      </c>
      <c r="EE15" s="293">
        <v>0</v>
      </c>
      <c r="EF15" s="294">
        <v>0</v>
      </c>
      <c r="EG15" s="298"/>
      <c r="EH15" s="293">
        <v>118913</v>
      </c>
      <c r="EI15" s="293">
        <v>138897</v>
      </c>
      <c r="EJ15" s="293">
        <v>140388</v>
      </c>
      <c r="EK15" s="293">
        <v>123670</v>
      </c>
      <c r="EL15" s="293">
        <v>52487</v>
      </c>
      <c r="EM15" s="296">
        <v>574355</v>
      </c>
      <c r="EN15" s="297">
        <v>574355</v>
      </c>
      <c r="EO15" s="292">
        <v>0</v>
      </c>
      <c r="EP15" s="293">
        <v>0</v>
      </c>
      <c r="EQ15" s="294">
        <v>0</v>
      </c>
      <c r="ER15" s="298"/>
      <c r="ES15" s="293">
        <v>0</v>
      </c>
      <c r="ET15" s="293">
        <v>0</v>
      </c>
      <c r="EU15" s="293">
        <v>0</v>
      </c>
      <c r="EV15" s="293">
        <v>0</v>
      </c>
      <c r="EW15" s="293">
        <v>0</v>
      </c>
      <c r="EX15" s="296">
        <v>0</v>
      </c>
      <c r="EY15" s="297">
        <v>0</v>
      </c>
      <c r="EZ15" s="292">
        <v>0</v>
      </c>
      <c r="FA15" s="293">
        <v>0</v>
      </c>
      <c r="FB15" s="294">
        <v>0</v>
      </c>
      <c r="FC15" s="298"/>
      <c r="FD15" s="293">
        <v>238</v>
      </c>
      <c r="FE15" s="293">
        <v>11160</v>
      </c>
      <c r="FF15" s="293">
        <v>23460</v>
      </c>
      <c r="FG15" s="293">
        <v>12500</v>
      </c>
      <c r="FH15" s="293">
        <v>46209</v>
      </c>
      <c r="FI15" s="296">
        <v>93567</v>
      </c>
      <c r="FJ15" s="297">
        <v>93567</v>
      </c>
      <c r="FK15" s="292">
        <v>0</v>
      </c>
      <c r="FL15" s="293">
        <v>0</v>
      </c>
      <c r="FM15" s="294">
        <v>0</v>
      </c>
      <c r="FN15" s="298"/>
      <c r="FO15" s="293">
        <v>0</v>
      </c>
      <c r="FP15" s="293">
        <v>20880</v>
      </c>
      <c r="FQ15" s="293">
        <v>0</v>
      </c>
      <c r="FR15" s="293">
        <v>0</v>
      </c>
      <c r="FS15" s="293">
        <v>0</v>
      </c>
      <c r="FT15" s="296">
        <v>20880</v>
      </c>
      <c r="FU15" s="297">
        <v>20880</v>
      </c>
      <c r="FV15" s="292">
        <v>6008</v>
      </c>
      <c r="FW15" s="293">
        <v>3510</v>
      </c>
      <c r="FX15" s="294">
        <v>9518</v>
      </c>
      <c r="FY15" s="295">
        <v>0</v>
      </c>
      <c r="FZ15" s="293">
        <v>93385</v>
      </c>
      <c r="GA15" s="293">
        <v>144338</v>
      </c>
      <c r="GB15" s="293">
        <v>162708</v>
      </c>
      <c r="GC15" s="293">
        <v>220078</v>
      </c>
      <c r="GD15" s="293">
        <v>77710</v>
      </c>
      <c r="GE15" s="296">
        <v>698219</v>
      </c>
      <c r="GF15" s="297">
        <v>707737</v>
      </c>
      <c r="GG15" s="292">
        <v>0</v>
      </c>
      <c r="GH15" s="293">
        <v>0</v>
      </c>
      <c r="GI15" s="294">
        <v>0</v>
      </c>
      <c r="GJ15" s="295">
        <v>0</v>
      </c>
      <c r="GK15" s="293">
        <v>56</v>
      </c>
      <c r="GL15" s="293">
        <v>1102</v>
      </c>
      <c r="GM15" s="293">
        <v>5384</v>
      </c>
      <c r="GN15" s="293">
        <v>0</v>
      </c>
      <c r="GO15" s="293">
        <v>2246</v>
      </c>
      <c r="GP15" s="296">
        <v>8788</v>
      </c>
      <c r="GQ15" s="297">
        <v>8788</v>
      </c>
      <c r="GR15" s="292">
        <v>0</v>
      </c>
      <c r="GS15" s="293">
        <v>0</v>
      </c>
      <c r="GT15" s="294">
        <v>0</v>
      </c>
      <c r="GU15" s="295">
        <v>0</v>
      </c>
      <c r="GV15" s="293">
        <v>0</v>
      </c>
      <c r="GW15" s="293">
        <v>0</v>
      </c>
      <c r="GX15" s="293">
        <v>0</v>
      </c>
      <c r="GY15" s="293">
        <v>0</v>
      </c>
      <c r="GZ15" s="293">
        <v>0</v>
      </c>
      <c r="HA15" s="296">
        <v>0</v>
      </c>
      <c r="HB15" s="297">
        <v>0</v>
      </c>
      <c r="HC15" s="292">
        <v>0</v>
      </c>
      <c r="HD15" s="293">
        <v>0</v>
      </c>
      <c r="HE15" s="294">
        <v>0</v>
      </c>
      <c r="HF15" s="298"/>
      <c r="HG15" s="293">
        <v>0</v>
      </c>
      <c r="HH15" s="293">
        <v>0</v>
      </c>
      <c r="HI15" s="293">
        <v>0</v>
      </c>
      <c r="HJ15" s="293">
        <v>0</v>
      </c>
      <c r="HK15" s="293">
        <v>0</v>
      </c>
      <c r="HL15" s="296">
        <v>0</v>
      </c>
      <c r="HM15" s="297">
        <v>0</v>
      </c>
      <c r="HN15" s="292">
        <v>9928</v>
      </c>
      <c r="HO15" s="293">
        <v>7270</v>
      </c>
      <c r="HP15" s="294">
        <v>17198</v>
      </c>
      <c r="HQ15" s="295">
        <v>0</v>
      </c>
      <c r="HR15" s="293">
        <v>982287</v>
      </c>
      <c r="HS15" s="293">
        <v>1419612</v>
      </c>
      <c r="HT15" s="293">
        <v>4505396</v>
      </c>
      <c r="HU15" s="293">
        <v>6965115</v>
      </c>
      <c r="HV15" s="293">
        <v>3756495</v>
      </c>
      <c r="HW15" s="296">
        <v>17628905</v>
      </c>
      <c r="HX15" s="297">
        <v>17646103</v>
      </c>
    </row>
    <row r="16" spans="1:232" ht="21" customHeight="1" x14ac:dyDescent="0.2">
      <c r="A16" s="492" t="s">
        <v>12</v>
      </c>
      <c r="B16" s="292">
        <v>4305</v>
      </c>
      <c r="C16" s="293">
        <v>290</v>
      </c>
      <c r="D16" s="294">
        <v>4595</v>
      </c>
      <c r="E16" s="295">
        <v>0</v>
      </c>
      <c r="F16" s="293">
        <v>396522</v>
      </c>
      <c r="G16" s="293">
        <v>538185</v>
      </c>
      <c r="H16" s="293">
        <v>2844227</v>
      </c>
      <c r="I16" s="293">
        <v>3379276</v>
      </c>
      <c r="J16" s="293">
        <v>2422092</v>
      </c>
      <c r="K16" s="296">
        <v>9580302</v>
      </c>
      <c r="L16" s="297">
        <v>9584897</v>
      </c>
      <c r="M16" s="292">
        <v>0</v>
      </c>
      <c r="N16" s="293">
        <v>0</v>
      </c>
      <c r="O16" s="294">
        <v>0</v>
      </c>
      <c r="P16" s="298"/>
      <c r="Q16" s="293">
        <v>0</v>
      </c>
      <c r="R16" s="293">
        <v>80490</v>
      </c>
      <c r="S16" s="293">
        <v>1776204</v>
      </c>
      <c r="T16" s="293">
        <v>2311549</v>
      </c>
      <c r="U16" s="293">
        <v>1885470</v>
      </c>
      <c r="V16" s="296">
        <v>6053713</v>
      </c>
      <c r="W16" s="297">
        <v>6053713</v>
      </c>
      <c r="X16" s="292">
        <v>0</v>
      </c>
      <c r="Y16" s="293">
        <v>0</v>
      </c>
      <c r="Z16" s="294">
        <v>0</v>
      </c>
      <c r="AA16" s="298"/>
      <c r="AB16" s="293">
        <v>327860</v>
      </c>
      <c r="AC16" s="293">
        <v>372235</v>
      </c>
      <c r="AD16" s="293">
        <v>760802</v>
      </c>
      <c r="AE16" s="293">
        <v>742784</v>
      </c>
      <c r="AF16" s="293">
        <v>331770</v>
      </c>
      <c r="AG16" s="296">
        <v>2535451</v>
      </c>
      <c r="AH16" s="297">
        <v>2535451</v>
      </c>
      <c r="AI16" s="292">
        <v>0</v>
      </c>
      <c r="AJ16" s="293">
        <v>0</v>
      </c>
      <c r="AK16" s="294">
        <v>0</v>
      </c>
      <c r="AL16" s="298"/>
      <c r="AM16" s="293">
        <v>0</v>
      </c>
      <c r="AN16" s="293">
        <v>0</v>
      </c>
      <c r="AO16" s="293">
        <v>0</v>
      </c>
      <c r="AP16" s="293">
        <v>0</v>
      </c>
      <c r="AQ16" s="293">
        <v>0</v>
      </c>
      <c r="AR16" s="296">
        <v>0</v>
      </c>
      <c r="AS16" s="297">
        <v>0</v>
      </c>
      <c r="AT16" s="292">
        <v>0</v>
      </c>
      <c r="AU16" s="293">
        <v>0</v>
      </c>
      <c r="AV16" s="294">
        <v>0</v>
      </c>
      <c r="AW16" s="298"/>
      <c r="AX16" s="293">
        <v>0</v>
      </c>
      <c r="AY16" s="293">
        <v>0</v>
      </c>
      <c r="AZ16" s="293">
        <v>0</v>
      </c>
      <c r="BA16" s="293">
        <v>2550</v>
      </c>
      <c r="BB16" s="293">
        <v>40595</v>
      </c>
      <c r="BC16" s="296">
        <v>43145</v>
      </c>
      <c r="BD16" s="297">
        <v>43145</v>
      </c>
      <c r="BE16" s="292">
        <v>0</v>
      </c>
      <c r="BF16" s="293">
        <v>0</v>
      </c>
      <c r="BG16" s="294">
        <v>0</v>
      </c>
      <c r="BH16" s="298"/>
      <c r="BI16" s="293">
        <v>0</v>
      </c>
      <c r="BJ16" s="293">
        <v>0</v>
      </c>
      <c r="BK16" s="293">
        <v>131550</v>
      </c>
      <c r="BL16" s="293">
        <v>96925</v>
      </c>
      <c r="BM16" s="293">
        <v>36750</v>
      </c>
      <c r="BN16" s="296">
        <v>265225</v>
      </c>
      <c r="BO16" s="297">
        <v>265225</v>
      </c>
      <c r="BP16" s="292">
        <v>4305</v>
      </c>
      <c r="BQ16" s="293">
        <v>290</v>
      </c>
      <c r="BR16" s="294">
        <v>4595</v>
      </c>
      <c r="BS16" s="295">
        <v>0</v>
      </c>
      <c r="BT16" s="293">
        <v>68662</v>
      </c>
      <c r="BU16" s="293">
        <v>77505</v>
      </c>
      <c r="BV16" s="293">
        <v>174656</v>
      </c>
      <c r="BW16" s="293">
        <v>225468</v>
      </c>
      <c r="BX16" s="293">
        <v>127268</v>
      </c>
      <c r="BY16" s="296">
        <v>673559</v>
      </c>
      <c r="BZ16" s="297">
        <v>678154</v>
      </c>
      <c r="CA16" s="292">
        <v>0</v>
      </c>
      <c r="CB16" s="293">
        <v>0</v>
      </c>
      <c r="CC16" s="294">
        <v>0</v>
      </c>
      <c r="CD16" s="295">
        <v>0</v>
      </c>
      <c r="CE16" s="293">
        <v>0</v>
      </c>
      <c r="CF16" s="293">
        <v>7955</v>
      </c>
      <c r="CG16" s="293">
        <v>1015</v>
      </c>
      <c r="CH16" s="293">
        <v>0</v>
      </c>
      <c r="CI16" s="293">
        <v>239</v>
      </c>
      <c r="CJ16" s="296">
        <v>9209</v>
      </c>
      <c r="CK16" s="297">
        <v>9209</v>
      </c>
      <c r="CL16" s="292">
        <v>0</v>
      </c>
      <c r="CM16" s="293">
        <v>0</v>
      </c>
      <c r="CN16" s="294">
        <v>0</v>
      </c>
      <c r="CO16" s="295">
        <v>0</v>
      </c>
      <c r="CP16" s="293">
        <v>0</v>
      </c>
      <c r="CQ16" s="293">
        <v>0</v>
      </c>
      <c r="CR16" s="293">
        <v>0</v>
      </c>
      <c r="CS16" s="293">
        <v>0</v>
      </c>
      <c r="CT16" s="293">
        <v>0</v>
      </c>
      <c r="CU16" s="296">
        <v>0</v>
      </c>
      <c r="CV16" s="297">
        <v>0</v>
      </c>
      <c r="CW16" s="292">
        <v>0</v>
      </c>
      <c r="CX16" s="293">
        <v>0</v>
      </c>
      <c r="CY16" s="294">
        <v>0</v>
      </c>
      <c r="CZ16" s="298"/>
      <c r="DA16" s="293">
        <v>0</v>
      </c>
      <c r="DB16" s="293">
        <v>0</v>
      </c>
      <c r="DC16" s="293">
        <v>0</v>
      </c>
      <c r="DD16" s="293">
        <v>0</v>
      </c>
      <c r="DE16" s="293">
        <v>0</v>
      </c>
      <c r="DF16" s="296">
        <v>0</v>
      </c>
      <c r="DG16" s="297">
        <v>0</v>
      </c>
      <c r="DH16" s="292">
        <v>4659</v>
      </c>
      <c r="DI16" s="293">
        <v>702</v>
      </c>
      <c r="DJ16" s="294">
        <v>5361</v>
      </c>
      <c r="DK16" s="295">
        <v>0</v>
      </c>
      <c r="DL16" s="293">
        <v>120626</v>
      </c>
      <c r="DM16" s="293">
        <v>428672</v>
      </c>
      <c r="DN16" s="293">
        <v>2754679</v>
      </c>
      <c r="DO16" s="293">
        <v>3587143</v>
      </c>
      <c r="DP16" s="293">
        <v>2422925</v>
      </c>
      <c r="DQ16" s="296">
        <v>9314045</v>
      </c>
      <c r="DR16" s="299">
        <v>9319406</v>
      </c>
      <c r="DS16" s="292">
        <v>0</v>
      </c>
      <c r="DT16" s="293">
        <v>0</v>
      </c>
      <c r="DU16" s="294">
        <v>0</v>
      </c>
      <c r="DV16" s="298"/>
      <c r="DW16" s="293">
        <v>0</v>
      </c>
      <c r="DX16" s="293">
        <v>252600</v>
      </c>
      <c r="DY16" s="293">
        <v>2169627</v>
      </c>
      <c r="DZ16" s="293">
        <v>2902480</v>
      </c>
      <c r="EA16" s="293">
        <v>2083488</v>
      </c>
      <c r="EB16" s="296">
        <v>7408195</v>
      </c>
      <c r="EC16" s="297">
        <v>7408195</v>
      </c>
      <c r="ED16" s="292">
        <v>0</v>
      </c>
      <c r="EE16" s="293">
        <v>0</v>
      </c>
      <c r="EF16" s="294">
        <v>0</v>
      </c>
      <c r="EG16" s="298"/>
      <c r="EH16" s="293">
        <v>10358</v>
      </c>
      <c r="EI16" s="293">
        <v>48777</v>
      </c>
      <c r="EJ16" s="293">
        <v>109571</v>
      </c>
      <c r="EK16" s="293">
        <v>158294</v>
      </c>
      <c r="EL16" s="293">
        <v>60145</v>
      </c>
      <c r="EM16" s="296">
        <v>387145</v>
      </c>
      <c r="EN16" s="297">
        <v>387145</v>
      </c>
      <c r="EO16" s="292">
        <v>0</v>
      </c>
      <c r="EP16" s="293">
        <v>0</v>
      </c>
      <c r="EQ16" s="294">
        <v>0</v>
      </c>
      <c r="ER16" s="298"/>
      <c r="ES16" s="293">
        <v>0</v>
      </c>
      <c r="ET16" s="293">
        <v>0</v>
      </c>
      <c r="EU16" s="293">
        <v>0</v>
      </c>
      <c r="EV16" s="293">
        <v>0</v>
      </c>
      <c r="EW16" s="293">
        <v>0</v>
      </c>
      <c r="EX16" s="296">
        <v>0</v>
      </c>
      <c r="EY16" s="297">
        <v>0</v>
      </c>
      <c r="EZ16" s="292">
        <v>0</v>
      </c>
      <c r="FA16" s="293">
        <v>0</v>
      </c>
      <c r="FB16" s="294">
        <v>0</v>
      </c>
      <c r="FC16" s="298"/>
      <c r="FD16" s="293">
        <v>0</v>
      </c>
      <c r="FE16" s="293">
        <v>0</v>
      </c>
      <c r="FF16" s="293">
        <v>0</v>
      </c>
      <c r="FG16" s="293">
        <v>210</v>
      </c>
      <c r="FH16" s="293">
        <v>1463</v>
      </c>
      <c r="FI16" s="296">
        <v>1673</v>
      </c>
      <c r="FJ16" s="297">
        <v>1673</v>
      </c>
      <c r="FK16" s="292">
        <v>0</v>
      </c>
      <c r="FL16" s="293">
        <v>0</v>
      </c>
      <c r="FM16" s="294">
        <v>0</v>
      </c>
      <c r="FN16" s="298"/>
      <c r="FO16" s="293">
        <v>0</v>
      </c>
      <c r="FP16" s="293">
        <v>0</v>
      </c>
      <c r="FQ16" s="293">
        <v>232020</v>
      </c>
      <c r="FR16" s="293">
        <v>172080</v>
      </c>
      <c r="FS16" s="293">
        <v>77340</v>
      </c>
      <c r="FT16" s="296">
        <v>481440</v>
      </c>
      <c r="FU16" s="297">
        <v>481440</v>
      </c>
      <c r="FV16" s="292">
        <v>4659</v>
      </c>
      <c r="FW16" s="293">
        <v>702</v>
      </c>
      <c r="FX16" s="294">
        <v>5361</v>
      </c>
      <c r="FY16" s="295">
        <v>0</v>
      </c>
      <c r="FZ16" s="293">
        <v>110268</v>
      </c>
      <c r="GA16" s="293">
        <v>122611</v>
      </c>
      <c r="GB16" s="293">
        <v>240491</v>
      </c>
      <c r="GC16" s="293">
        <v>354079</v>
      </c>
      <c r="GD16" s="293">
        <v>200468</v>
      </c>
      <c r="GE16" s="296">
        <v>1027917</v>
      </c>
      <c r="GF16" s="297">
        <v>1033278</v>
      </c>
      <c r="GG16" s="292">
        <v>0</v>
      </c>
      <c r="GH16" s="293">
        <v>0</v>
      </c>
      <c r="GI16" s="294">
        <v>0</v>
      </c>
      <c r="GJ16" s="295">
        <v>0</v>
      </c>
      <c r="GK16" s="293">
        <v>0</v>
      </c>
      <c r="GL16" s="293">
        <v>4684</v>
      </c>
      <c r="GM16" s="293">
        <v>2970</v>
      </c>
      <c r="GN16" s="293">
        <v>0</v>
      </c>
      <c r="GO16" s="293">
        <v>21</v>
      </c>
      <c r="GP16" s="296">
        <v>7675</v>
      </c>
      <c r="GQ16" s="297">
        <v>7675</v>
      </c>
      <c r="GR16" s="292">
        <v>0</v>
      </c>
      <c r="GS16" s="293">
        <v>0</v>
      </c>
      <c r="GT16" s="294">
        <v>0</v>
      </c>
      <c r="GU16" s="295">
        <v>0</v>
      </c>
      <c r="GV16" s="293">
        <v>0</v>
      </c>
      <c r="GW16" s="293">
        <v>0</v>
      </c>
      <c r="GX16" s="293">
        <v>0</v>
      </c>
      <c r="GY16" s="293">
        <v>0</v>
      </c>
      <c r="GZ16" s="293">
        <v>0</v>
      </c>
      <c r="HA16" s="296">
        <v>0</v>
      </c>
      <c r="HB16" s="297">
        <v>0</v>
      </c>
      <c r="HC16" s="292">
        <v>0</v>
      </c>
      <c r="HD16" s="293">
        <v>0</v>
      </c>
      <c r="HE16" s="294">
        <v>0</v>
      </c>
      <c r="HF16" s="298"/>
      <c r="HG16" s="293">
        <v>0</v>
      </c>
      <c r="HH16" s="293">
        <v>0</v>
      </c>
      <c r="HI16" s="293">
        <v>0</v>
      </c>
      <c r="HJ16" s="293">
        <v>0</v>
      </c>
      <c r="HK16" s="293">
        <v>0</v>
      </c>
      <c r="HL16" s="296">
        <v>0</v>
      </c>
      <c r="HM16" s="297">
        <v>0</v>
      </c>
      <c r="HN16" s="292">
        <v>8964</v>
      </c>
      <c r="HO16" s="293">
        <v>992</v>
      </c>
      <c r="HP16" s="294">
        <v>9956</v>
      </c>
      <c r="HQ16" s="295">
        <v>0</v>
      </c>
      <c r="HR16" s="293">
        <v>517148</v>
      </c>
      <c r="HS16" s="293">
        <v>966857</v>
      </c>
      <c r="HT16" s="293">
        <v>5598906</v>
      </c>
      <c r="HU16" s="293">
        <v>6966419</v>
      </c>
      <c r="HV16" s="293">
        <v>4845017</v>
      </c>
      <c r="HW16" s="296">
        <v>18894347</v>
      </c>
      <c r="HX16" s="297">
        <v>18904303</v>
      </c>
    </row>
    <row r="17" spans="1:232" ht="21" customHeight="1" x14ac:dyDescent="0.2">
      <c r="A17" s="492" t="s">
        <v>13</v>
      </c>
      <c r="B17" s="292">
        <v>0</v>
      </c>
      <c r="C17" s="293">
        <v>6870</v>
      </c>
      <c r="D17" s="294">
        <v>6870</v>
      </c>
      <c r="E17" s="295">
        <v>0</v>
      </c>
      <c r="F17" s="293">
        <v>34790</v>
      </c>
      <c r="G17" s="293">
        <v>50280</v>
      </c>
      <c r="H17" s="293">
        <v>647719</v>
      </c>
      <c r="I17" s="293">
        <v>1191700</v>
      </c>
      <c r="J17" s="293">
        <v>530730</v>
      </c>
      <c r="K17" s="296">
        <v>2455219</v>
      </c>
      <c r="L17" s="297">
        <v>2462089</v>
      </c>
      <c r="M17" s="292">
        <v>0</v>
      </c>
      <c r="N17" s="293">
        <v>0</v>
      </c>
      <c r="O17" s="294">
        <v>0</v>
      </c>
      <c r="P17" s="298"/>
      <c r="Q17" s="293">
        <v>2550</v>
      </c>
      <c r="R17" s="293">
        <v>2550</v>
      </c>
      <c r="S17" s="293">
        <v>405440</v>
      </c>
      <c r="T17" s="293">
        <v>992445</v>
      </c>
      <c r="U17" s="293">
        <v>516020</v>
      </c>
      <c r="V17" s="296">
        <v>1919005</v>
      </c>
      <c r="W17" s="297">
        <v>1919005</v>
      </c>
      <c r="X17" s="292">
        <v>0</v>
      </c>
      <c r="Y17" s="293">
        <v>0</v>
      </c>
      <c r="Z17" s="294">
        <v>0</v>
      </c>
      <c r="AA17" s="298"/>
      <c r="AB17" s="293">
        <v>26400</v>
      </c>
      <c r="AC17" s="293">
        <v>36515</v>
      </c>
      <c r="AD17" s="293">
        <v>161610</v>
      </c>
      <c r="AE17" s="293">
        <v>128200</v>
      </c>
      <c r="AF17" s="293">
        <v>10540</v>
      </c>
      <c r="AG17" s="296">
        <v>363265</v>
      </c>
      <c r="AH17" s="297">
        <v>363265</v>
      </c>
      <c r="AI17" s="292">
        <v>0</v>
      </c>
      <c r="AJ17" s="293">
        <v>0</v>
      </c>
      <c r="AK17" s="294">
        <v>0</v>
      </c>
      <c r="AL17" s="298"/>
      <c r="AM17" s="293">
        <v>0</v>
      </c>
      <c r="AN17" s="293">
        <v>0</v>
      </c>
      <c r="AO17" s="293">
        <v>0</v>
      </c>
      <c r="AP17" s="293">
        <v>0</v>
      </c>
      <c r="AQ17" s="293">
        <v>0</v>
      </c>
      <c r="AR17" s="296">
        <v>0</v>
      </c>
      <c r="AS17" s="297">
        <v>0</v>
      </c>
      <c r="AT17" s="292">
        <v>0</v>
      </c>
      <c r="AU17" s="293">
        <v>0</v>
      </c>
      <c r="AV17" s="294">
        <v>0</v>
      </c>
      <c r="AW17" s="298"/>
      <c r="AX17" s="293">
        <v>0</v>
      </c>
      <c r="AY17" s="293">
        <v>0</v>
      </c>
      <c r="AZ17" s="293">
        <v>0</v>
      </c>
      <c r="BA17" s="293">
        <v>0</v>
      </c>
      <c r="BB17" s="293">
        <v>0</v>
      </c>
      <c r="BC17" s="296">
        <v>0</v>
      </c>
      <c r="BD17" s="297">
        <v>0</v>
      </c>
      <c r="BE17" s="292">
        <v>0</v>
      </c>
      <c r="BF17" s="293">
        <v>0</v>
      </c>
      <c r="BG17" s="294">
        <v>0</v>
      </c>
      <c r="BH17" s="298"/>
      <c r="BI17" s="293">
        <v>0</v>
      </c>
      <c r="BJ17" s="293">
        <v>0</v>
      </c>
      <c r="BK17" s="293">
        <v>0</v>
      </c>
      <c r="BL17" s="293">
        <v>0</v>
      </c>
      <c r="BM17" s="293">
        <v>0</v>
      </c>
      <c r="BN17" s="296">
        <v>0</v>
      </c>
      <c r="BO17" s="297">
        <v>0</v>
      </c>
      <c r="BP17" s="292">
        <v>0</v>
      </c>
      <c r="BQ17" s="293">
        <v>6870</v>
      </c>
      <c r="BR17" s="294">
        <v>6870</v>
      </c>
      <c r="BS17" s="295">
        <v>0</v>
      </c>
      <c r="BT17" s="293">
        <v>5840</v>
      </c>
      <c r="BU17" s="293">
        <v>10490</v>
      </c>
      <c r="BV17" s="293">
        <v>77199</v>
      </c>
      <c r="BW17" s="293">
        <v>53335</v>
      </c>
      <c r="BX17" s="293">
        <v>4170</v>
      </c>
      <c r="BY17" s="296">
        <v>151034</v>
      </c>
      <c r="BZ17" s="297">
        <v>157904</v>
      </c>
      <c r="CA17" s="292">
        <v>0</v>
      </c>
      <c r="CB17" s="293">
        <v>0</v>
      </c>
      <c r="CC17" s="294">
        <v>0</v>
      </c>
      <c r="CD17" s="295">
        <v>0</v>
      </c>
      <c r="CE17" s="293">
        <v>0</v>
      </c>
      <c r="CF17" s="293">
        <v>725</v>
      </c>
      <c r="CG17" s="293">
        <v>3470</v>
      </c>
      <c r="CH17" s="293">
        <v>17720</v>
      </c>
      <c r="CI17" s="293">
        <v>0</v>
      </c>
      <c r="CJ17" s="296">
        <v>21915</v>
      </c>
      <c r="CK17" s="297">
        <v>21915</v>
      </c>
      <c r="CL17" s="292">
        <v>0</v>
      </c>
      <c r="CM17" s="293">
        <v>0</v>
      </c>
      <c r="CN17" s="294">
        <v>0</v>
      </c>
      <c r="CO17" s="295">
        <v>0</v>
      </c>
      <c r="CP17" s="293">
        <v>0</v>
      </c>
      <c r="CQ17" s="293">
        <v>0</v>
      </c>
      <c r="CR17" s="293">
        <v>0</v>
      </c>
      <c r="CS17" s="293">
        <v>0</v>
      </c>
      <c r="CT17" s="293">
        <v>0</v>
      </c>
      <c r="CU17" s="296">
        <v>0</v>
      </c>
      <c r="CV17" s="297">
        <v>0</v>
      </c>
      <c r="CW17" s="292">
        <v>0</v>
      </c>
      <c r="CX17" s="293">
        <v>0</v>
      </c>
      <c r="CY17" s="294">
        <v>0</v>
      </c>
      <c r="CZ17" s="298"/>
      <c r="DA17" s="293">
        <v>0</v>
      </c>
      <c r="DB17" s="293">
        <v>0</v>
      </c>
      <c r="DC17" s="293">
        <v>0</v>
      </c>
      <c r="DD17" s="293">
        <v>0</v>
      </c>
      <c r="DE17" s="293">
        <v>0</v>
      </c>
      <c r="DF17" s="296">
        <v>0</v>
      </c>
      <c r="DG17" s="297">
        <v>0</v>
      </c>
      <c r="DH17" s="292">
        <v>0</v>
      </c>
      <c r="DI17" s="293">
        <v>5106</v>
      </c>
      <c r="DJ17" s="294">
        <v>5106</v>
      </c>
      <c r="DK17" s="295">
        <v>0</v>
      </c>
      <c r="DL17" s="293">
        <v>49857</v>
      </c>
      <c r="DM17" s="293">
        <v>60995</v>
      </c>
      <c r="DN17" s="293">
        <v>709778</v>
      </c>
      <c r="DO17" s="293">
        <v>1328428</v>
      </c>
      <c r="DP17" s="293">
        <v>683619</v>
      </c>
      <c r="DQ17" s="296">
        <v>2832677</v>
      </c>
      <c r="DR17" s="299">
        <v>2837783</v>
      </c>
      <c r="DS17" s="292">
        <v>0</v>
      </c>
      <c r="DT17" s="293">
        <v>0</v>
      </c>
      <c r="DU17" s="294">
        <v>0</v>
      </c>
      <c r="DV17" s="298"/>
      <c r="DW17" s="293">
        <v>20880</v>
      </c>
      <c r="DX17" s="293">
        <v>20880</v>
      </c>
      <c r="DY17" s="293">
        <v>520744</v>
      </c>
      <c r="DZ17" s="293">
        <v>1175901</v>
      </c>
      <c r="EA17" s="293">
        <v>651485</v>
      </c>
      <c r="EB17" s="296">
        <v>2389890</v>
      </c>
      <c r="EC17" s="297">
        <v>2389890</v>
      </c>
      <c r="ED17" s="292">
        <v>0</v>
      </c>
      <c r="EE17" s="293">
        <v>0</v>
      </c>
      <c r="EF17" s="294">
        <v>0</v>
      </c>
      <c r="EG17" s="298"/>
      <c r="EH17" s="293">
        <v>10950</v>
      </c>
      <c r="EI17" s="293">
        <v>1050</v>
      </c>
      <c r="EJ17" s="293">
        <v>2100</v>
      </c>
      <c r="EK17" s="293">
        <v>73762</v>
      </c>
      <c r="EL17" s="293">
        <v>21538</v>
      </c>
      <c r="EM17" s="296">
        <v>109400</v>
      </c>
      <c r="EN17" s="297">
        <v>109400</v>
      </c>
      <c r="EO17" s="292">
        <v>0</v>
      </c>
      <c r="EP17" s="293">
        <v>0</v>
      </c>
      <c r="EQ17" s="294">
        <v>0</v>
      </c>
      <c r="ER17" s="298"/>
      <c r="ES17" s="293">
        <v>0</v>
      </c>
      <c r="ET17" s="293">
        <v>0</v>
      </c>
      <c r="EU17" s="293">
        <v>0</v>
      </c>
      <c r="EV17" s="293">
        <v>0</v>
      </c>
      <c r="EW17" s="293">
        <v>0</v>
      </c>
      <c r="EX17" s="296">
        <v>0</v>
      </c>
      <c r="EY17" s="297">
        <v>0</v>
      </c>
      <c r="EZ17" s="292">
        <v>0</v>
      </c>
      <c r="FA17" s="293">
        <v>0</v>
      </c>
      <c r="FB17" s="294">
        <v>0</v>
      </c>
      <c r="FC17" s="298"/>
      <c r="FD17" s="293">
        <v>0</v>
      </c>
      <c r="FE17" s="293">
        <v>0</v>
      </c>
      <c r="FF17" s="293">
        <v>0</v>
      </c>
      <c r="FG17" s="293">
        <v>0</v>
      </c>
      <c r="FH17" s="293">
        <v>0</v>
      </c>
      <c r="FI17" s="296">
        <v>0</v>
      </c>
      <c r="FJ17" s="297">
        <v>0</v>
      </c>
      <c r="FK17" s="292">
        <v>0</v>
      </c>
      <c r="FL17" s="293">
        <v>0</v>
      </c>
      <c r="FM17" s="294">
        <v>0</v>
      </c>
      <c r="FN17" s="298"/>
      <c r="FO17" s="293">
        <v>0</v>
      </c>
      <c r="FP17" s="293">
        <v>0</v>
      </c>
      <c r="FQ17" s="293">
        <v>0</v>
      </c>
      <c r="FR17" s="293">
        <v>0</v>
      </c>
      <c r="FS17" s="293">
        <v>0</v>
      </c>
      <c r="FT17" s="296">
        <v>0</v>
      </c>
      <c r="FU17" s="297">
        <v>0</v>
      </c>
      <c r="FV17" s="292">
        <v>0</v>
      </c>
      <c r="FW17" s="293">
        <v>5106</v>
      </c>
      <c r="FX17" s="294">
        <v>5106</v>
      </c>
      <c r="FY17" s="295">
        <v>0</v>
      </c>
      <c r="FZ17" s="293">
        <v>18027</v>
      </c>
      <c r="GA17" s="293">
        <v>39023</v>
      </c>
      <c r="GB17" s="293">
        <v>186906</v>
      </c>
      <c r="GC17" s="293">
        <v>78618</v>
      </c>
      <c r="GD17" s="293">
        <v>10596</v>
      </c>
      <c r="GE17" s="296">
        <v>333170</v>
      </c>
      <c r="GF17" s="297">
        <v>338276</v>
      </c>
      <c r="GG17" s="292">
        <v>0</v>
      </c>
      <c r="GH17" s="293">
        <v>0</v>
      </c>
      <c r="GI17" s="294">
        <v>0</v>
      </c>
      <c r="GJ17" s="295">
        <v>0</v>
      </c>
      <c r="GK17" s="293">
        <v>0</v>
      </c>
      <c r="GL17" s="293">
        <v>42</v>
      </c>
      <c r="GM17" s="293">
        <v>28</v>
      </c>
      <c r="GN17" s="293">
        <v>147</v>
      </c>
      <c r="GO17" s="293">
        <v>0</v>
      </c>
      <c r="GP17" s="296">
        <v>217</v>
      </c>
      <c r="GQ17" s="297">
        <v>217</v>
      </c>
      <c r="GR17" s="292">
        <v>0</v>
      </c>
      <c r="GS17" s="293">
        <v>0</v>
      </c>
      <c r="GT17" s="294">
        <v>0</v>
      </c>
      <c r="GU17" s="295">
        <v>0</v>
      </c>
      <c r="GV17" s="293">
        <v>0</v>
      </c>
      <c r="GW17" s="293">
        <v>0</v>
      </c>
      <c r="GX17" s="293">
        <v>0</v>
      </c>
      <c r="GY17" s="293">
        <v>0</v>
      </c>
      <c r="GZ17" s="293">
        <v>0</v>
      </c>
      <c r="HA17" s="296">
        <v>0</v>
      </c>
      <c r="HB17" s="297">
        <v>0</v>
      </c>
      <c r="HC17" s="292">
        <v>0</v>
      </c>
      <c r="HD17" s="293">
        <v>0</v>
      </c>
      <c r="HE17" s="294">
        <v>0</v>
      </c>
      <c r="HF17" s="298"/>
      <c r="HG17" s="293">
        <v>0</v>
      </c>
      <c r="HH17" s="293">
        <v>0</v>
      </c>
      <c r="HI17" s="293">
        <v>0</v>
      </c>
      <c r="HJ17" s="293">
        <v>0</v>
      </c>
      <c r="HK17" s="293">
        <v>0</v>
      </c>
      <c r="HL17" s="296">
        <v>0</v>
      </c>
      <c r="HM17" s="297">
        <v>0</v>
      </c>
      <c r="HN17" s="292">
        <v>0</v>
      </c>
      <c r="HO17" s="293">
        <v>11976</v>
      </c>
      <c r="HP17" s="294">
        <v>11976</v>
      </c>
      <c r="HQ17" s="295">
        <v>0</v>
      </c>
      <c r="HR17" s="293">
        <v>84647</v>
      </c>
      <c r="HS17" s="293">
        <v>111275</v>
      </c>
      <c r="HT17" s="293">
        <v>1357497</v>
      </c>
      <c r="HU17" s="293">
        <v>2520128</v>
      </c>
      <c r="HV17" s="293">
        <v>1214349</v>
      </c>
      <c r="HW17" s="296">
        <v>5287896</v>
      </c>
      <c r="HX17" s="297">
        <v>5299872</v>
      </c>
    </row>
    <row r="18" spans="1:232" ht="21" customHeight="1" x14ac:dyDescent="0.2">
      <c r="A18" s="492" t="s">
        <v>15</v>
      </c>
      <c r="B18" s="292">
        <v>0</v>
      </c>
      <c r="C18" s="293">
        <v>0</v>
      </c>
      <c r="D18" s="294">
        <v>0</v>
      </c>
      <c r="E18" s="295">
        <v>0</v>
      </c>
      <c r="F18" s="293">
        <v>205163</v>
      </c>
      <c r="G18" s="293">
        <v>472878</v>
      </c>
      <c r="H18" s="293">
        <v>1515435</v>
      </c>
      <c r="I18" s="293">
        <v>2109352</v>
      </c>
      <c r="J18" s="293">
        <v>1447329</v>
      </c>
      <c r="K18" s="296">
        <v>5750157</v>
      </c>
      <c r="L18" s="297">
        <v>5750157</v>
      </c>
      <c r="M18" s="292">
        <v>0</v>
      </c>
      <c r="N18" s="293">
        <v>0</v>
      </c>
      <c r="O18" s="294">
        <v>0</v>
      </c>
      <c r="P18" s="298"/>
      <c r="Q18" s="293">
        <v>2550</v>
      </c>
      <c r="R18" s="293">
        <v>34350</v>
      </c>
      <c r="S18" s="293">
        <v>858600</v>
      </c>
      <c r="T18" s="293">
        <v>1200770</v>
      </c>
      <c r="U18" s="293">
        <v>1182490</v>
      </c>
      <c r="V18" s="296">
        <v>3278760</v>
      </c>
      <c r="W18" s="297">
        <v>3278760</v>
      </c>
      <c r="X18" s="292">
        <v>0</v>
      </c>
      <c r="Y18" s="293">
        <v>0</v>
      </c>
      <c r="Z18" s="294">
        <v>0</v>
      </c>
      <c r="AA18" s="298"/>
      <c r="AB18" s="293">
        <v>187243</v>
      </c>
      <c r="AC18" s="293">
        <v>356930</v>
      </c>
      <c r="AD18" s="293">
        <v>383955</v>
      </c>
      <c r="AE18" s="293">
        <v>609490</v>
      </c>
      <c r="AF18" s="293">
        <v>92250</v>
      </c>
      <c r="AG18" s="296">
        <v>1629868</v>
      </c>
      <c r="AH18" s="297">
        <v>1629868</v>
      </c>
      <c r="AI18" s="292">
        <v>0</v>
      </c>
      <c r="AJ18" s="293">
        <v>0</v>
      </c>
      <c r="AK18" s="294">
        <v>0</v>
      </c>
      <c r="AL18" s="298"/>
      <c r="AM18" s="293">
        <v>0</v>
      </c>
      <c r="AN18" s="293">
        <v>0</v>
      </c>
      <c r="AO18" s="293">
        <v>0</v>
      </c>
      <c r="AP18" s="293">
        <v>0</v>
      </c>
      <c r="AQ18" s="293">
        <v>0</v>
      </c>
      <c r="AR18" s="296">
        <v>0</v>
      </c>
      <c r="AS18" s="297">
        <v>0</v>
      </c>
      <c r="AT18" s="292">
        <v>0</v>
      </c>
      <c r="AU18" s="293">
        <v>0</v>
      </c>
      <c r="AV18" s="294">
        <v>0</v>
      </c>
      <c r="AW18" s="298"/>
      <c r="AX18" s="293">
        <v>0</v>
      </c>
      <c r="AY18" s="293">
        <v>0</v>
      </c>
      <c r="AZ18" s="293">
        <v>0</v>
      </c>
      <c r="BA18" s="293">
        <v>0</v>
      </c>
      <c r="BB18" s="293">
        <v>0</v>
      </c>
      <c r="BC18" s="296">
        <v>0</v>
      </c>
      <c r="BD18" s="297">
        <v>0</v>
      </c>
      <c r="BE18" s="292">
        <v>0</v>
      </c>
      <c r="BF18" s="293">
        <v>0</v>
      </c>
      <c r="BG18" s="294">
        <v>0</v>
      </c>
      <c r="BH18" s="298"/>
      <c r="BI18" s="293">
        <v>0</v>
      </c>
      <c r="BJ18" s="293">
        <v>0</v>
      </c>
      <c r="BK18" s="293">
        <v>100645</v>
      </c>
      <c r="BL18" s="293">
        <v>53805</v>
      </c>
      <c r="BM18" s="293">
        <v>130850</v>
      </c>
      <c r="BN18" s="296">
        <v>285300</v>
      </c>
      <c r="BO18" s="297">
        <v>285300</v>
      </c>
      <c r="BP18" s="292">
        <v>0</v>
      </c>
      <c r="BQ18" s="293">
        <v>0</v>
      </c>
      <c r="BR18" s="294">
        <v>0</v>
      </c>
      <c r="BS18" s="295">
        <v>0</v>
      </c>
      <c r="BT18" s="293">
        <v>1595</v>
      </c>
      <c r="BU18" s="293">
        <v>81598</v>
      </c>
      <c r="BV18" s="293">
        <v>170900</v>
      </c>
      <c r="BW18" s="293">
        <v>243679</v>
      </c>
      <c r="BX18" s="293">
        <v>41244</v>
      </c>
      <c r="BY18" s="296">
        <v>539016</v>
      </c>
      <c r="BZ18" s="297">
        <v>539016</v>
      </c>
      <c r="CA18" s="292">
        <v>0</v>
      </c>
      <c r="CB18" s="293">
        <v>0</v>
      </c>
      <c r="CC18" s="294">
        <v>0</v>
      </c>
      <c r="CD18" s="295">
        <v>0</v>
      </c>
      <c r="CE18" s="293">
        <v>13775</v>
      </c>
      <c r="CF18" s="293">
        <v>0</v>
      </c>
      <c r="CG18" s="293">
        <v>1335</v>
      </c>
      <c r="CH18" s="293">
        <v>1608</v>
      </c>
      <c r="CI18" s="293">
        <v>495</v>
      </c>
      <c r="CJ18" s="296">
        <v>17213</v>
      </c>
      <c r="CK18" s="297">
        <v>17213</v>
      </c>
      <c r="CL18" s="292">
        <v>0</v>
      </c>
      <c r="CM18" s="293">
        <v>0</v>
      </c>
      <c r="CN18" s="294">
        <v>0</v>
      </c>
      <c r="CO18" s="295">
        <v>0</v>
      </c>
      <c r="CP18" s="293">
        <v>0</v>
      </c>
      <c r="CQ18" s="293">
        <v>0</v>
      </c>
      <c r="CR18" s="293">
        <v>0</v>
      </c>
      <c r="CS18" s="293">
        <v>0</v>
      </c>
      <c r="CT18" s="293">
        <v>0</v>
      </c>
      <c r="CU18" s="296">
        <v>0</v>
      </c>
      <c r="CV18" s="297">
        <v>0</v>
      </c>
      <c r="CW18" s="292">
        <v>0</v>
      </c>
      <c r="CX18" s="293">
        <v>0</v>
      </c>
      <c r="CY18" s="294">
        <v>0</v>
      </c>
      <c r="CZ18" s="298"/>
      <c r="DA18" s="293">
        <v>0</v>
      </c>
      <c r="DB18" s="293">
        <v>0</v>
      </c>
      <c r="DC18" s="293">
        <v>0</v>
      </c>
      <c r="DD18" s="293">
        <v>0</v>
      </c>
      <c r="DE18" s="293">
        <v>0</v>
      </c>
      <c r="DF18" s="296">
        <v>0</v>
      </c>
      <c r="DG18" s="297">
        <v>0</v>
      </c>
      <c r="DH18" s="292">
        <v>0</v>
      </c>
      <c r="DI18" s="293">
        <v>0</v>
      </c>
      <c r="DJ18" s="294">
        <v>0</v>
      </c>
      <c r="DK18" s="295">
        <v>0</v>
      </c>
      <c r="DL18" s="293">
        <v>33670</v>
      </c>
      <c r="DM18" s="293">
        <v>172837</v>
      </c>
      <c r="DN18" s="293">
        <v>1503681</v>
      </c>
      <c r="DO18" s="293">
        <v>1929124</v>
      </c>
      <c r="DP18" s="293">
        <v>1473175</v>
      </c>
      <c r="DQ18" s="296">
        <v>5112487</v>
      </c>
      <c r="DR18" s="299">
        <v>5112487</v>
      </c>
      <c r="DS18" s="292">
        <v>0</v>
      </c>
      <c r="DT18" s="293">
        <v>0</v>
      </c>
      <c r="DU18" s="294">
        <v>0</v>
      </c>
      <c r="DV18" s="298"/>
      <c r="DW18" s="293">
        <v>10530</v>
      </c>
      <c r="DX18" s="293">
        <v>25650</v>
      </c>
      <c r="DY18" s="293">
        <v>1022790</v>
      </c>
      <c r="DZ18" s="293">
        <v>1379358</v>
      </c>
      <c r="EA18" s="293">
        <v>1225615</v>
      </c>
      <c r="EB18" s="296">
        <v>3663943</v>
      </c>
      <c r="EC18" s="297">
        <v>3663943</v>
      </c>
      <c r="ED18" s="292">
        <v>0</v>
      </c>
      <c r="EE18" s="293">
        <v>0</v>
      </c>
      <c r="EF18" s="294">
        <v>0</v>
      </c>
      <c r="EG18" s="298"/>
      <c r="EH18" s="293">
        <v>13200</v>
      </c>
      <c r="EI18" s="293">
        <v>59182</v>
      </c>
      <c r="EJ18" s="293">
        <v>43330</v>
      </c>
      <c r="EK18" s="293">
        <v>50937</v>
      </c>
      <c r="EL18" s="293">
        <v>21965</v>
      </c>
      <c r="EM18" s="296">
        <v>188614</v>
      </c>
      <c r="EN18" s="297">
        <v>188614</v>
      </c>
      <c r="EO18" s="292">
        <v>0</v>
      </c>
      <c r="EP18" s="293">
        <v>0</v>
      </c>
      <c r="EQ18" s="294">
        <v>0</v>
      </c>
      <c r="ER18" s="298"/>
      <c r="ES18" s="293">
        <v>0</v>
      </c>
      <c r="ET18" s="293">
        <v>0</v>
      </c>
      <c r="EU18" s="293">
        <v>0</v>
      </c>
      <c r="EV18" s="293">
        <v>0</v>
      </c>
      <c r="EW18" s="293">
        <v>0</v>
      </c>
      <c r="EX18" s="296">
        <v>0</v>
      </c>
      <c r="EY18" s="297">
        <v>0</v>
      </c>
      <c r="EZ18" s="292">
        <v>0</v>
      </c>
      <c r="FA18" s="293">
        <v>0</v>
      </c>
      <c r="FB18" s="294">
        <v>0</v>
      </c>
      <c r="FC18" s="298"/>
      <c r="FD18" s="293">
        <v>0</v>
      </c>
      <c r="FE18" s="293">
        <v>0</v>
      </c>
      <c r="FF18" s="293">
        <v>0</v>
      </c>
      <c r="FG18" s="293">
        <v>0</v>
      </c>
      <c r="FH18" s="293">
        <v>0</v>
      </c>
      <c r="FI18" s="296">
        <v>0</v>
      </c>
      <c r="FJ18" s="297">
        <v>0</v>
      </c>
      <c r="FK18" s="292">
        <v>0</v>
      </c>
      <c r="FL18" s="293">
        <v>0</v>
      </c>
      <c r="FM18" s="294">
        <v>0</v>
      </c>
      <c r="FN18" s="298"/>
      <c r="FO18" s="293">
        <v>0</v>
      </c>
      <c r="FP18" s="293">
        <v>0</v>
      </c>
      <c r="FQ18" s="293">
        <v>153372</v>
      </c>
      <c r="FR18" s="293">
        <v>187180</v>
      </c>
      <c r="FS18" s="293">
        <v>177816</v>
      </c>
      <c r="FT18" s="296">
        <v>518368</v>
      </c>
      <c r="FU18" s="297">
        <v>518368</v>
      </c>
      <c r="FV18" s="292">
        <v>0</v>
      </c>
      <c r="FW18" s="293">
        <v>0</v>
      </c>
      <c r="FX18" s="294">
        <v>0</v>
      </c>
      <c r="FY18" s="295">
        <v>0</v>
      </c>
      <c r="FZ18" s="293">
        <v>9744</v>
      </c>
      <c r="GA18" s="293">
        <v>88005</v>
      </c>
      <c r="GB18" s="293">
        <v>283115</v>
      </c>
      <c r="GC18" s="293">
        <v>309810</v>
      </c>
      <c r="GD18" s="293">
        <v>47702</v>
      </c>
      <c r="GE18" s="296">
        <v>738376</v>
      </c>
      <c r="GF18" s="297">
        <v>738376</v>
      </c>
      <c r="GG18" s="292">
        <v>0</v>
      </c>
      <c r="GH18" s="293">
        <v>0</v>
      </c>
      <c r="GI18" s="294">
        <v>0</v>
      </c>
      <c r="GJ18" s="295">
        <v>0</v>
      </c>
      <c r="GK18" s="293">
        <v>196</v>
      </c>
      <c r="GL18" s="293">
        <v>0</v>
      </c>
      <c r="GM18" s="293">
        <v>1074</v>
      </c>
      <c r="GN18" s="293">
        <v>1839</v>
      </c>
      <c r="GO18" s="293">
        <v>77</v>
      </c>
      <c r="GP18" s="296">
        <v>3186</v>
      </c>
      <c r="GQ18" s="297">
        <v>3186</v>
      </c>
      <c r="GR18" s="292">
        <v>0</v>
      </c>
      <c r="GS18" s="293">
        <v>0</v>
      </c>
      <c r="GT18" s="294">
        <v>0</v>
      </c>
      <c r="GU18" s="295">
        <v>0</v>
      </c>
      <c r="GV18" s="293">
        <v>0</v>
      </c>
      <c r="GW18" s="293">
        <v>0</v>
      </c>
      <c r="GX18" s="293">
        <v>0</v>
      </c>
      <c r="GY18" s="293">
        <v>0</v>
      </c>
      <c r="GZ18" s="293">
        <v>0</v>
      </c>
      <c r="HA18" s="296">
        <v>0</v>
      </c>
      <c r="HB18" s="297">
        <v>0</v>
      </c>
      <c r="HC18" s="292">
        <v>0</v>
      </c>
      <c r="HD18" s="293">
        <v>0</v>
      </c>
      <c r="HE18" s="294">
        <v>0</v>
      </c>
      <c r="HF18" s="298"/>
      <c r="HG18" s="293">
        <v>0</v>
      </c>
      <c r="HH18" s="293">
        <v>0</v>
      </c>
      <c r="HI18" s="293">
        <v>0</v>
      </c>
      <c r="HJ18" s="293">
        <v>0</v>
      </c>
      <c r="HK18" s="293">
        <v>0</v>
      </c>
      <c r="HL18" s="296">
        <v>0</v>
      </c>
      <c r="HM18" s="297">
        <v>0</v>
      </c>
      <c r="HN18" s="292">
        <v>0</v>
      </c>
      <c r="HO18" s="293">
        <v>0</v>
      </c>
      <c r="HP18" s="294">
        <v>0</v>
      </c>
      <c r="HQ18" s="295">
        <v>0</v>
      </c>
      <c r="HR18" s="293">
        <v>238833</v>
      </c>
      <c r="HS18" s="293">
        <v>645715</v>
      </c>
      <c r="HT18" s="293">
        <v>3019116</v>
      </c>
      <c r="HU18" s="293">
        <v>4038476</v>
      </c>
      <c r="HV18" s="293">
        <v>2920504</v>
      </c>
      <c r="HW18" s="296">
        <v>10862644</v>
      </c>
      <c r="HX18" s="297">
        <v>10862644</v>
      </c>
    </row>
    <row r="19" spans="1:232" ht="21" customHeight="1" x14ac:dyDescent="0.2">
      <c r="A19" s="492" t="s">
        <v>16</v>
      </c>
      <c r="B19" s="292">
        <v>0</v>
      </c>
      <c r="C19" s="293">
        <v>0</v>
      </c>
      <c r="D19" s="294">
        <v>0</v>
      </c>
      <c r="E19" s="295">
        <v>0</v>
      </c>
      <c r="F19" s="293">
        <v>284354</v>
      </c>
      <c r="G19" s="293">
        <v>880866</v>
      </c>
      <c r="H19" s="293">
        <v>2880618</v>
      </c>
      <c r="I19" s="293">
        <v>3262261</v>
      </c>
      <c r="J19" s="293">
        <v>2111338</v>
      </c>
      <c r="K19" s="296">
        <v>9419437</v>
      </c>
      <c r="L19" s="297">
        <v>9419437</v>
      </c>
      <c r="M19" s="292">
        <v>0</v>
      </c>
      <c r="N19" s="293">
        <v>0</v>
      </c>
      <c r="O19" s="294">
        <v>0</v>
      </c>
      <c r="P19" s="298"/>
      <c r="Q19" s="293">
        <v>97350</v>
      </c>
      <c r="R19" s="293">
        <v>86700</v>
      </c>
      <c r="S19" s="293">
        <v>1806058</v>
      </c>
      <c r="T19" s="293">
        <v>2420222</v>
      </c>
      <c r="U19" s="293">
        <v>1545878</v>
      </c>
      <c r="V19" s="296">
        <v>5956208</v>
      </c>
      <c r="W19" s="297">
        <v>5956208</v>
      </c>
      <c r="X19" s="292">
        <v>0</v>
      </c>
      <c r="Y19" s="293">
        <v>0</v>
      </c>
      <c r="Z19" s="294">
        <v>0</v>
      </c>
      <c r="AA19" s="298"/>
      <c r="AB19" s="293">
        <v>145170</v>
      </c>
      <c r="AC19" s="293">
        <v>672005</v>
      </c>
      <c r="AD19" s="293">
        <v>884913</v>
      </c>
      <c r="AE19" s="293">
        <v>561916</v>
      </c>
      <c r="AF19" s="293">
        <v>262920</v>
      </c>
      <c r="AG19" s="296">
        <v>2526924</v>
      </c>
      <c r="AH19" s="297">
        <v>2526924</v>
      </c>
      <c r="AI19" s="292">
        <v>0</v>
      </c>
      <c r="AJ19" s="293">
        <v>0</v>
      </c>
      <c r="AK19" s="294">
        <v>0</v>
      </c>
      <c r="AL19" s="298"/>
      <c r="AM19" s="293">
        <v>0</v>
      </c>
      <c r="AN19" s="293">
        <v>0</v>
      </c>
      <c r="AO19" s="293">
        <v>0</v>
      </c>
      <c r="AP19" s="293">
        <v>0</v>
      </c>
      <c r="AQ19" s="293">
        <v>0</v>
      </c>
      <c r="AR19" s="296">
        <v>0</v>
      </c>
      <c r="AS19" s="297">
        <v>0</v>
      </c>
      <c r="AT19" s="292">
        <v>0</v>
      </c>
      <c r="AU19" s="293">
        <v>0</v>
      </c>
      <c r="AV19" s="294">
        <v>0</v>
      </c>
      <c r="AW19" s="298"/>
      <c r="AX19" s="293">
        <v>0</v>
      </c>
      <c r="AY19" s="293">
        <v>0</v>
      </c>
      <c r="AZ19" s="293">
        <v>31650</v>
      </c>
      <c r="BA19" s="293">
        <v>122330</v>
      </c>
      <c r="BB19" s="293">
        <v>144750</v>
      </c>
      <c r="BC19" s="296">
        <v>298730</v>
      </c>
      <c r="BD19" s="297">
        <v>298730</v>
      </c>
      <c r="BE19" s="292">
        <v>0</v>
      </c>
      <c r="BF19" s="293">
        <v>0</v>
      </c>
      <c r="BG19" s="294">
        <v>0</v>
      </c>
      <c r="BH19" s="298"/>
      <c r="BI19" s="293">
        <v>0</v>
      </c>
      <c r="BJ19" s="293">
        <v>28950</v>
      </c>
      <c r="BK19" s="293">
        <v>34050</v>
      </c>
      <c r="BL19" s="293">
        <v>68570</v>
      </c>
      <c r="BM19" s="293">
        <v>116100</v>
      </c>
      <c r="BN19" s="296">
        <v>247670</v>
      </c>
      <c r="BO19" s="297">
        <v>247670</v>
      </c>
      <c r="BP19" s="292">
        <v>0</v>
      </c>
      <c r="BQ19" s="293">
        <v>0</v>
      </c>
      <c r="BR19" s="294">
        <v>0</v>
      </c>
      <c r="BS19" s="295">
        <v>0</v>
      </c>
      <c r="BT19" s="293">
        <v>41834</v>
      </c>
      <c r="BU19" s="293">
        <v>83451</v>
      </c>
      <c r="BV19" s="293">
        <v>123947</v>
      </c>
      <c r="BW19" s="293">
        <v>87068</v>
      </c>
      <c r="BX19" s="293">
        <v>41690</v>
      </c>
      <c r="BY19" s="296">
        <v>377990</v>
      </c>
      <c r="BZ19" s="297">
        <v>377990</v>
      </c>
      <c r="CA19" s="292">
        <v>0</v>
      </c>
      <c r="CB19" s="293">
        <v>0</v>
      </c>
      <c r="CC19" s="294">
        <v>0</v>
      </c>
      <c r="CD19" s="295">
        <v>0</v>
      </c>
      <c r="CE19" s="293">
        <v>0</v>
      </c>
      <c r="CF19" s="293">
        <v>9760</v>
      </c>
      <c r="CG19" s="293">
        <v>0</v>
      </c>
      <c r="CH19" s="293">
        <v>2155</v>
      </c>
      <c r="CI19" s="293">
        <v>0</v>
      </c>
      <c r="CJ19" s="296">
        <v>11915</v>
      </c>
      <c r="CK19" s="297">
        <v>11915</v>
      </c>
      <c r="CL19" s="292">
        <v>0</v>
      </c>
      <c r="CM19" s="293">
        <v>0</v>
      </c>
      <c r="CN19" s="294">
        <v>0</v>
      </c>
      <c r="CO19" s="295">
        <v>0</v>
      </c>
      <c r="CP19" s="293">
        <v>0</v>
      </c>
      <c r="CQ19" s="293">
        <v>0</v>
      </c>
      <c r="CR19" s="293">
        <v>0</v>
      </c>
      <c r="CS19" s="293">
        <v>0</v>
      </c>
      <c r="CT19" s="293">
        <v>0</v>
      </c>
      <c r="CU19" s="296">
        <v>0</v>
      </c>
      <c r="CV19" s="297">
        <v>0</v>
      </c>
      <c r="CW19" s="292">
        <v>0</v>
      </c>
      <c r="CX19" s="293">
        <v>0</v>
      </c>
      <c r="CY19" s="294">
        <v>0</v>
      </c>
      <c r="CZ19" s="298"/>
      <c r="DA19" s="293">
        <v>0</v>
      </c>
      <c r="DB19" s="293">
        <v>0</v>
      </c>
      <c r="DC19" s="293">
        <v>0</v>
      </c>
      <c r="DD19" s="293">
        <v>0</v>
      </c>
      <c r="DE19" s="293">
        <v>0</v>
      </c>
      <c r="DF19" s="296">
        <v>0</v>
      </c>
      <c r="DG19" s="297">
        <v>0</v>
      </c>
      <c r="DH19" s="292">
        <v>0</v>
      </c>
      <c r="DI19" s="293">
        <v>0</v>
      </c>
      <c r="DJ19" s="294">
        <v>0</v>
      </c>
      <c r="DK19" s="295">
        <v>0</v>
      </c>
      <c r="DL19" s="293">
        <v>334128</v>
      </c>
      <c r="DM19" s="293">
        <v>757252</v>
      </c>
      <c r="DN19" s="293">
        <v>3036782</v>
      </c>
      <c r="DO19" s="293">
        <v>3827248</v>
      </c>
      <c r="DP19" s="293">
        <v>2268106</v>
      </c>
      <c r="DQ19" s="296">
        <v>10223516</v>
      </c>
      <c r="DR19" s="299">
        <v>10223516</v>
      </c>
      <c r="DS19" s="292">
        <v>0</v>
      </c>
      <c r="DT19" s="293">
        <v>0</v>
      </c>
      <c r="DU19" s="294">
        <v>0</v>
      </c>
      <c r="DV19" s="298"/>
      <c r="DW19" s="293">
        <v>103110</v>
      </c>
      <c r="DX19" s="293">
        <v>266970</v>
      </c>
      <c r="DY19" s="293">
        <v>2422469</v>
      </c>
      <c r="DZ19" s="293">
        <v>3366986</v>
      </c>
      <c r="EA19" s="293">
        <v>1964881</v>
      </c>
      <c r="EB19" s="296">
        <v>8124416</v>
      </c>
      <c r="EC19" s="297">
        <v>8124416</v>
      </c>
      <c r="ED19" s="292">
        <v>0</v>
      </c>
      <c r="EE19" s="293">
        <v>0</v>
      </c>
      <c r="EF19" s="294">
        <v>0</v>
      </c>
      <c r="EG19" s="298"/>
      <c r="EH19" s="293">
        <v>182916</v>
      </c>
      <c r="EI19" s="293">
        <v>275606</v>
      </c>
      <c r="EJ19" s="293">
        <v>308689</v>
      </c>
      <c r="EK19" s="293">
        <v>169808</v>
      </c>
      <c r="EL19" s="293">
        <v>74267</v>
      </c>
      <c r="EM19" s="296">
        <v>1011286</v>
      </c>
      <c r="EN19" s="297">
        <v>1011286</v>
      </c>
      <c r="EO19" s="292">
        <v>0</v>
      </c>
      <c r="EP19" s="293">
        <v>0</v>
      </c>
      <c r="EQ19" s="294">
        <v>0</v>
      </c>
      <c r="ER19" s="298"/>
      <c r="ES19" s="293">
        <v>0</v>
      </c>
      <c r="ET19" s="293">
        <v>0</v>
      </c>
      <c r="EU19" s="293">
        <v>0</v>
      </c>
      <c r="EV19" s="293">
        <v>0</v>
      </c>
      <c r="EW19" s="293">
        <v>0</v>
      </c>
      <c r="EX19" s="296">
        <v>0</v>
      </c>
      <c r="EY19" s="297">
        <v>0</v>
      </c>
      <c r="EZ19" s="292">
        <v>0</v>
      </c>
      <c r="FA19" s="293">
        <v>0</v>
      </c>
      <c r="FB19" s="294">
        <v>0</v>
      </c>
      <c r="FC19" s="298"/>
      <c r="FD19" s="293">
        <v>0</v>
      </c>
      <c r="FE19" s="293">
        <v>0</v>
      </c>
      <c r="FF19" s="293">
        <v>210</v>
      </c>
      <c r="FG19" s="293">
        <v>23362</v>
      </c>
      <c r="FH19" s="293">
        <v>24090</v>
      </c>
      <c r="FI19" s="296">
        <v>47662</v>
      </c>
      <c r="FJ19" s="297">
        <v>47662</v>
      </c>
      <c r="FK19" s="292">
        <v>0</v>
      </c>
      <c r="FL19" s="293">
        <v>0</v>
      </c>
      <c r="FM19" s="294">
        <v>0</v>
      </c>
      <c r="FN19" s="298"/>
      <c r="FO19" s="293">
        <v>0</v>
      </c>
      <c r="FP19" s="293">
        <v>62640</v>
      </c>
      <c r="FQ19" s="293">
        <v>104400</v>
      </c>
      <c r="FR19" s="293">
        <v>119880</v>
      </c>
      <c r="FS19" s="293">
        <v>154680</v>
      </c>
      <c r="FT19" s="296">
        <v>441600</v>
      </c>
      <c r="FU19" s="297">
        <v>441600</v>
      </c>
      <c r="FV19" s="292">
        <v>0</v>
      </c>
      <c r="FW19" s="293">
        <v>0</v>
      </c>
      <c r="FX19" s="294">
        <v>0</v>
      </c>
      <c r="FY19" s="295">
        <v>0</v>
      </c>
      <c r="FZ19" s="293">
        <v>48102</v>
      </c>
      <c r="GA19" s="293">
        <v>148408</v>
      </c>
      <c r="GB19" s="293">
        <v>201014</v>
      </c>
      <c r="GC19" s="293">
        <v>147191</v>
      </c>
      <c r="GD19" s="293">
        <v>50188</v>
      </c>
      <c r="GE19" s="296">
        <v>594903</v>
      </c>
      <c r="GF19" s="297">
        <v>594903</v>
      </c>
      <c r="GG19" s="292">
        <v>0</v>
      </c>
      <c r="GH19" s="293">
        <v>0</v>
      </c>
      <c r="GI19" s="294">
        <v>0</v>
      </c>
      <c r="GJ19" s="295">
        <v>0</v>
      </c>
      <c r="GK19" s="293">
        <v>0</v>
      </c>
      <c r="GL19" s="293">
        <v>3628</v>
      </c>
      <c r="GM19" s="293">
        <v>0</v>
      </c>
      <c r="GN19" s="293">
        <v>21</v>
      </c>
      <c r="GO19" s="293">
        <v>0</v>
      </c>
      <c r="GP19" s="296">
        <v>3649</v>
      </c>
      <c r="GQ19" s="297">
        <v>3649</v>
      </c>
      <c r="GR19" s="292">
        <v>0</v>
      </c>
      <c r="GS19" s="293">
        <v>0</v>
      </c>
      <c r="GT19" s="294">
        <v>0</v>
      </c>
      <c r="GU19" s="295">
        <v>0</v>
      </c>
      <c r="GV19" s="293">
        <v>0</v>
      </c>
      <c r="GW19" s="293">
        <v>0</v>
      </c>
      <c r="GX19" s="293">
        <v>0</v>
      </c>
      <c r="GY19" s="293">
        <v>0</v>
      </c>
      <c r="GZ19" s="293">
        <v>0</v>
      </c>
      <c r="HA19" s="296">
        <v>0</v>
      </c>
      <c r="HB19" s="297">
        <v>0</v>
      </c>
      <c r="HC19" s="292">
        <v>0</v>
      </c>
      <c r="HD19" s="293">
        <v>0</v>
      </c>
      <c r="HE19" s="294">
        <v>0</v>
      </c>
      <c r="HF19" s="298"/>
      <c r="HG19" s="293">
        <v>0</v>
      </c>
      <c r="HH19" s="293">
        <v>0</v>
      </c>
      <c r="HI19" s="293">
        <v>0</v>
      </c>
      <c r="HJ19" s="293">
        <v>0</v>
      </c>
      <c r="HK19" s="293">
        <v>0</v>
      </c>
      <c r="HL19" s="296">
        <v>0</v>
      </c>
      <c r="HM19" s="297">
        <v>0</v>
      </c>
      <c r="HN19" s="292">
        <v>0</v>
      </c>
      <c r="HO19" s="293">
        <v>0</v>
      </c>
      <c r="HP19" s="294">
        <v>0</v>
      </c>
      <c r="HQ19" s="295">
        <v>0</v>
      </c>
      <c r="HR19" s="293">
        <v>618482</v>
      </c>
      <c r="HS19" s="293">
        <v>1638118</v>
      </c>
      <c r="HT19" s="293">
        <v>5917400</v>
      </c>
      <c r="HU19" s="293">
        <v>7089509</v>
      </c>
      <c r="HV19" s="293">
        <v>4379444</v>
      </c>
      <c r="HW19" s="296">
        <v>19642953</v>
      </c>
      <c r="HX19" s="297">
        <v>19642953</v>
      </c>
    </row>
    <row r="20" spans="1:232" ht="21" customHeight="1" x14ac:dyDescent="0.2">
      <c r="A20" s="492" t="s">
        <v>17</v>
      </c>
      <c r="B20" s="292">
        <v>0</v>
      </c>
      <c r="C20" s="293">
        <v>0</v>
      </c>
      <c r="D20" s="294">
        <v>0</v>
      </c>
      <c r="E20" s="295">
        <v>0</v>
      </c>
      <c r="F20" s="293">
        <v>223600</v>
      </c>
      <c r="G20" s="293">
        <v>968100</v>
      </c>
      <c r="H20" s="293">
        <v>2767385</v>
      </c>
      <c r="I20" s="293">
        <v>3241177</v>
      </c>
      <c r="J20" s="293">
        <v>2625950</v>
      </c>
      <c r="K20" s="296">
        <v>9826212</v>
      </c>
      <c r="L20" s="297">
        <v>9826212</v>
      </c>
      <c r="M20" s="292">
        <v>0</v>
      </c>
      <c r="N20" s="293">
        <v>0</v>
      </c>
      <c r="O20" s="294">
        <v>0</v>
      </c>
      <c r="P20" s="298"/>
      <c r="Q20" s="293">
        <v>23850</v>
      </c>
      <c r="R20" s="293">
        <v>160650</v>
      </c>
      <c r="S20" s="293">
        <v>1507565</v>
      </c>
      <c r="T20" s="293">
        <v>2318305</v>
      </c>
      <c r="U20" s="293">
        <v>1974785</v>
      </c>
      <c r="V20" s="296">
        <v>5985155</v>
      </c>
      <c r="W20" s="297">
        <v>5985155</v>
      </c>
      <c r="X20" s="292">
        <v>0</v>
      </c>
      <c r="Y20" s="293">
        <v>0</v>
      </c>
      <c r="Z20" s="294">
        <v>0</v>
      </c>
      <c r="AA20" s="298"/>
      <c r="AB20" s="293">
        <v>161505</v>
      </c>
      <c r="AC20" s="293">
        <v>678635</v>
      </c>
      <c r="AD20" s="293">
        <v>788470</v>
      </c>
      <c r="AE20" s="293">
        <v>503412</v>
      </c>
      <c r="AF20" s="293">
        <v>193775</v>
      </c>
      <c r="AG20" s="296">
        <v>2325797</v>
      </c>
      <c r="AH20" s="297">
        <v>2325797</v>
      </c>
      <c r="AI20" s="292">
        <v>0</v>
      </c>
      <c r="AJ20" s="293">
        <v>0</v>
      </c>
      <c r="AK20" s="294">
        <v>0</v>
      </c>
      <c r="AL20" s="298"/>
      <c r="AM20" s="293">
        <v>0</v>
      </c>
      <c r="AN20" s="293">
        <v>0</v>
      </c>
      <c r="AO20" s="293">
        <v>0</v>
      </c>
      <c r="AP20" s="293">
        <v>0</v>
      </c>
      <c r="AQ20" s="293">
        <v>34200</v>
      </c>
      <c r="AR20" s="296">
        <v>34200</v>
      </c>
      <c r="AS20" s="297">
        <v>34200</v>
      </c>
      <c r="AT20" s="292">
        <v>0</v>
      </c>
      <c r="AU20" s="293">
        <v>0</v>
      </c>
      <c r="AV20" s="294">
        <v>0</v>
      </c>
      <c r="AW20" s="298"/>
      <c r="AX20" s="293">
        <v>0</v>
      </c>
      <c r="AY20" s="293">
        <v>0</v>
      </c>
      <c r="AZ20" s="293">
        <v>0</v>
      </c>
      <c r="BA20" s="293">
        <v>2550</v>
      </c>
      <c r="BB20" s="293">
        <v>72165</v>
      </c>
      <c r="BC20" s="296">
        <v>74715</v>
      </c>
      <c r="BD20" s="297">
        <v>74715</v>
      </c>
      <c r="BE20" s="292">
        <v>0</v>
      </c>
      <c r="BF20" s="293">
        <v>0</v>
      </c>
      <c r="BG20" s="294">
        <v>0</v>
      </c>
      <c r="BH20" s="298"/>
      <c r="BI20" s="293">
        <v>0</v>
      </c>
      <c r="BJ20" s="293">
        <v>2550</v>
      </c>
      <c r="BK20" s="293">
        <v>259935</v>
      </c>
      <c r="BL20" s="293">
        <v>144300</v>
      </c>
      <c r="BM20" s="293">
        <v>282480</v>
      </c>
      <c r="BN20" s="296">
        <v>689265</v>
      </c>
      <c r="BO20" s="297">
        <v>689265</v>
      </c>
      <c r="BP20" s="292">
        <v>0</v>
      </c>
      <c r="BQ20" s="293">
        <v>0</v>
      </c>
      <c r="BR20" s="294">
        <v>0</v>
      </c>
      <c r="BS20" s="295">
        <v>0</v>
      </c>
      <c r="BT20" s="293">
        <v>32170</v>
      </c>
      <c r="BU20" s="293">
        <v>118205</v>
      </c>
      <c r="BV20" s="293">
        <v>209820</v>
      </c>
      <c r="BW20" s="293">
        <v>262425</v>
      </c>
      <c r="BX20" s="293">
        <v>47365</v>
      </c>
      <c r="BY20" s="296">
        <v>669985</v>
      </c>
      <c r="BZ20" s="297">
        <v>669985</v>
      </c>
      <c r="CA20" s="292">
        <v>0</v>
      </c>
      <c r="CB20" s="293">
        <v>0</v>
      </c>
      <c r="CC20" s="294">
        <v>0</v>
      </c>
      <c r="CD20" s="295">
        <v>0</v>
      </c>
      <c r="CE20" s="293">
        <v>6075</v>
      </c>
      <c r="CF20" s="293">
        <v>8060</v>
      </c>
      <c r="CG20" s="293">
        <v>1595</v>
      </c>
      <c r="CH20" s="293">
        <v>10185</v>
      </c>
      <c r="CI20" s="293">
        <v>21180</v>
      </c>
      <c r="CJ20" s="296">
        <v>47095</v>
      </c>
      <c r="CK20" s="297">
        <v>47095</v>
      </c>
      <c r="CL20" s="292">
        <v>0</v>
      </c>
      <c r="CM20" s="293">
        <v>0</v>
      </c>
      <c r="CN20" s="294">
        <v>0</v>
      </c>
      <c r="CO20" s="295">
        <v>0</v>
      </c>
      <c r="CP20" s="293">
        <v>0</v>
      </c>
      <c r="CQ20" s="293">
        <v>0</v>
      </c>
      <c r="CR20" s="293">
        <v>0</v>
      </c>
      <c r="CS20" s="293">
        <v>0</v>
      </c>
      <c r="CT20" s="293">
        <v>0</v>
      </c>
      <c r="CU20" s="296">
        <v>0</v>
      </c>
      <c r="CV20" s="297">
        <v>0</v>
      </c>
      <c r="CW20" s="292">
        <v>0</v>
      </c>
      <c r="CX20" s="293">
        <v>0</v>
      </c>
      <c r="CY20" s="294">
        <v>0</v>
      </c>
      <c r="CZ20" s="298"/>
      <c r="DA20" s="293">
        <v>0</v>
      </c>
      <c r="DB20" s="293">
        <v>0</v>
      </c>
      <c r="DC20" s="293">
        <v>0</v>
      </c>
      <c r="DD20" s="293">
        <v>0</v>
      </c>
      <c r="DE20" s="293">
        <v>0</v>
      </c>
      <c r="DF20" s="296">
        <v>0</v>
      </c>
      <c r="DG20" s="297">
        <v>0</v>
      </c>
      <c r="DH20" s="292">
        <v>0</v>
      </c>
      <c r="DI20" s="293">
        <v>0</v>
      </c>
      <c r="DJ20" s="294">
        <v>0</v>
      </c>
      <c r="DK20" s="295">
        <v>0</v>
      </c>
      <c r="DL20" s="293">
        <v>56897</v>
      </c>
      <c r="DM20" s="293">
        <v>400186</v>
      </c>
      <c r="DN20" s="293">
        <v>2816057</v>
      </c>
      <c r="DO20" s="293">
        <v>3715421</v>
      </c>
      <c r="DP20" s="293">
        <v>2915339</v>
      </c>
      <c r="DQ20" s="296">
        <v>9903900</v>
      </c>
      <c r="DR20" s="299">
        <v>9903900</v>
      </c>
      <c r="DS20" s="292">
        <v>0</v>
      </c>
      <c r="DT20" s="293">
        <v>0</v>
      </c>
      <c r="DU20" s="294">
        <v>0</v>
      </c>
      <c r="DV20" s="298"/>
      <c r="DW20" s="293">
        <v>14550</v>
      </c>
      <c r="DX20" s="293">
        <v>206250</v>
      </c>
      <c r="DY20" s="293">
        <v>2073755</v>
      </c>
      <c r="DZ20" s="293">
        <v>3121431</v>
      </c>
      <c r="EA20" s="293">
        <v>2365491</v>
      </c>
      <c r="EB20" s="296">
        <v>7781477</v>
      </c>
      <c r="EC20" s="297">
        <v>7781477</v>
      </c>
      <c r="ED20" s="292">
        <v>0</v>
      </c>
      <c r="EE20" s="293">
        <v>0</v>
      </c>
      <c r="EF20" s="294">
        <v>0</v>
      </c>
      <c r="EG20" s="298"/>
      <c r="EH20" s="293">
        <v>2492</v>
      </c>
      <c r="EI20" s="293">
        <v>30366</v>
      </c>
      <c r="EJ20" s="293">
        <v>101931</v>
      </c>
      <c r="EK20" s="293">
        <v>42096</v>
      </c>
      <c r="EL20" s="293">
        <v>14803</v>
      </c>
      <c r="EM20" s="296">
        <v>191688</v>
      </c>
      <c r="EN20" s="297">
        <v>191688</v>
      </c>
      <c r="EO20" s="292">
        <v>0</v>
      </c>
      <c r="EP20" s="293">
        <v>0</v>
      </c>
      <c r="EQ20" s="294">
        <v>0</v>
      </c>
      <c r="ER20" s="298"/>
      <c r="ES20" s="293">
        <v>0</v>
      </c>
      <c r="ET20" s="293">
        <v>0</v>
      </c>
      <c r="EU20" s="293">
        <v>0</v>
      </c>
      <c r="EV20" s="293">
        <v>0</v>
      </c>
      <c r="EW20" s="293">
        <v>210</v>
      </c>
      <c r="EX20" s="296">
        <v>210</v>
      </c>
      <c r="EY20" s="297">
        <v>210</v>
      </c>
      <c r="EZ20" s="292">
        <v>0</v>
      </c>
      <c r="FA20" s="293">
        <v>0</v>
      </c>
      <c r="FB20" s="294">
        <v>0</v>
      </c>
      <c r="FC20" s="298"/>
      <c r="FD20" s="293">
        <v>0</v>
      </c>
      <c r="FE20" s="293">
        <v>0</v>
      </c>
      <c r="FF20" s="293">
        <v>0</v>
      </c>
      <c r="FG20" s="293">
        <v>210</v>
      </c>
      <c r="FH20" s="293">
        <v>511</v>
      </c>
      <c r="FI20" s="296">
        <v>721</v>
      </c>
      <c r="FJ20" s="297">
        <v>721</v>
      </c>
      <c r="FK20" s="292">
        <v>0</v>
      </c>
      <c r="FL20" s="293">
        <v>0</v>
      </c>
      <c r="FM20" s="294">
        <v>0</v>
      </c>
      <c r="FN20" s="298"/>
      <c r="FO20" s="293">
        <v>0</v>
      </c>
      <c r="FP20" s="293">
        <v>10530</v>
      </c>
      <c r="FQ20" s="293">
        <v>369906</v>
      </c>
      <c r="FR20" s="293">
        <v>246540</v>
      </c>
      <c r="FS20" s="293">
        <v>452591</v>
      </c>
      <c r="FT20" s="296">
        <v>1079567</v>
      </c>
      <c r="FU20" s="297">
        <v>1079567</v>
      </c>
      <c r="FV20" s="292">
        <v>0</v>
      </c>
      <c r="FW20" s="293">
        <v>0</v>
      </c>
      <c r="FX20" s="294">
        <v>0</v>
      </c>
      <c r="FY20" s="295">
        <v>0</v>
      </c>
      <c r="FZ20" s="293">
        <v>39750</v>
      </c>
      <c r="GA20" s="293">
        <v>151280</v>
      </c>
      <c r="GB20" s="293">
        <v>270388</v>
      </c>
      <c r="GC20" s="293">
        <v>304070</v>
      </c>
      <c r="GD20" s="293">
        <v>72778</v>
      </c>
      <c r="GE20" s="296">
        <v>838266</v>
      </c>
      <c r="GF20" s="297">
        <v>838266</v>
      </c>
      <c r="GG20" s="292">
        <v>0</v>
      </c>
      <c r="GH20" s="293">
        <v>0</v>
      </c>
      <c r="GI20" s="294">
        <v>0</v>
      </c>
      <c r="GJ20" s="295">
        <v>0</v>
      </c>
      <c r="GK20" s="293">
        <v>105</v>
      </c>
      <c r="GL20" s="293">
        <v>1760</v>
      </c>
      <c r="GM20" s="293">
        <v>77</v>
      </c>
      <c r="GN20" s="293">
        <v>1074</v>
      </c>
      <c r="GO20" s="293">
        <v>8955</v>
      </c>
      <c r="GP20" s="296">
        <v>11971</v>
      </c>
      <c r="GQ20" s="297">
        <v>11971</v>
      </c>
      <c r="GR20" s="292">
        <v>0</v>
      </c>
      <c r="GS20" s="293">
        <v>0</v>
      </c>
      <c r="GT20" s="294">
        <v>0</v>
      </c>
      <c r="GU20" s="295">
        <v>0</v>
      </c>
      <c r="GV20" s="293">
        <v>0</v>
      </c>
      <c r="GW20" s="293">
        <v>0</v>
      </c>
      <c r="GX20" s="293">
        <v>0</v>
      </c>
      <c r="GY20" s="293">
        <v>0</v>
      </c>
      <c r="GZ20" s="293">
        <v>0</v>
      </c>
      <c r="HA20" s="296">
        <v>0</v>
      </c>
      <c r="HB20" s="297">
        <v>0</v>
      </c>
      <c r="HC20" s="292">
        <v>0</v>
      </c>
      <c r="HD20" s="293">
        <v>0</v>
      </c>
      <c r="HE20" s="294">
        <v>0</v>
      </c>
      <c r="HF20" s="298"/>
      <c r="HG20" s="293">
        <v>0</v>
      </c>
      <c r="HH20" s="293">
        <v>0</v>
      </c>
      <c r="HI20" s="293">
        <v>0</v>
      </c>
      <c r="HJ20" s="293">
        <v>0</v>
      </c>
      <c r="HK20" s="293">
        <v>0</v>
      </c>
      <c r="HL20" s="296">
        <v>0</v>
      </c>
      <c r="HM20" s="297">
        <v>0</v>
      </c>
      <c r="HN20" s="292">
        <v>0</v>
      </c>
      <c r="HO20" s="293">
        <v>0</v>
      </c>
      <c r="HP20" s="294">
        <v>0</v>
      </c>
      <c r="HQ20" s="295">
        <v>0</v>
      </c>
      <c r="HR20" s="293">
        <v>280497</v>
      </c>
      <c r="HS20" s="293">
        <v>1368286</v>
      </c>
      <c r="HT20" s="293">
        <v>5583442</v>
      </c>
      <c r="HU20" s="293">
        <v>6956598</v>
      </c>
      <c r="HV20" s="293">
        <v>5541289</v>
      </c>
      <c r="HW20" s="296">
        <v>19730112</v>
      </c>
      <c r="HX20" s="297">
        <v>19730112</v>
      </c>
    </row>
    <row r="21" spans="1:232" ht="21" customHeight="1" x14ac:dyDescent="0.2">
      <c r="A21" s="492" t="s">
        <v>18</v>
      </c>
      <c r="B21" s="292">
        <v>100</v>
      </c>
      <c r="C21" s="293">
        <v>13225</v>
      </c>
      <c r="D21" s="294">
        <v>13325</v>
      </c>
      <c r="E21" s="295">
        <v>0</v>
      </c>
      <c r="F21" s="293">
        <v>268205</v>
      </c>
      <c r="G21" s="293">
        <v>525925</v>
      </c>
      <c r="H21" s="293">
        <v>2015271</v>
      </c>
      <c r="I21" s="293">
        <v>3753627</v>
      </c>
      <c r="J21" s="293">
        <v>2619135</v>
      </c>
      <c r="K21" s="296">
        <v>9182163</v>
      </c>
      <c r="L21" s="297">
        <v>9195488</v>
      </c>
      <c r="M21" s="292">
        <v>0</v>
      </c>
      <c r="N21" s="293">
        <v>0</v>
      </c>
      <c r="O21" s="294">
        <v>0</v>
      </c>
      <c r="P21" s="298"/>
      <c r="Q21" s="293">
        <v>58800</v>
      </c>
      <c r="R21" s="293">
        <v>87365</v>
      </c>
      <c r="S21" s="293">
        <v>1153006</v>
      </c>
      <c r="T21" s="293">
        <v>2829235</v>
      </c>
      <c r="U21" s="293">
        <v>2108055</v>
      </c>
      <c r="V21" s="296">
        <v>6236461</v>
      </c>
      <c r="W21" s="297">
        <v>6236461</v>
      </c>
      <c r="X21" s="292">
        <v>0</v>
      </c>
      <c r="Y21" s="293">
        <v>0</v>
      </c>
      <c r="Z21" s="294">
        <v>0</v>
      </c>
      <c r="AA21" s="298"/>
      <c r="AB21" s="293">
        <v>132000</v>
      </c>
      <c r="AC21" s="293">
        <v>397595</v>
      </c>
      <c r="AD21" s="293">
        <v>463650</v>
      </c>
      <c r="AE21" s="293">
        <v>648045</v>
      </c>
      <c r="AF21" s="293">
        <v>275410</v>
      </c>
      <c r="AG21" s="296">
        <v>1916700</v>
      </c>
      <c r="AH21" s="297">
        <v>1916700</v>
      </c>
      <c r="AI21" s="292">
        <v>0</v>
      </c>
      <c r="AJ21" s="293">
        <v>0</v>
      </c>
      <c r="AK21" s="294">
        <v>0</v>
      </c>
      <c r="AL21" s="298"/>
      <c r="AM21" s="293">
        <v>0</v>
      </c>
      <c r="AN21" s="293">
        <v>0</v>
      </c>
      <c r="AO21" s="293">
        <v>0</v>
      </c>
      <c r="AP21" s="293">
        <v>2550</v>
      </c>
      <c r="AQ21" s="293">
        <v>30325</v>
      </c>
      <c r="AR21" s="296">
        <v>32875</v>
      </c>
      <c r="AS21" s="297">
        <v>32875</v>
      </c>
      <c r="AT21" s="292">
        <v>0</v>
      </c>
      <c r="AU21" s="293">
        <v>0</v>
      </c>
      <c r="AV21" s="294">
        <v>0</v>
      </c>
      <c r="AW21" s="298"/>
      <c r="AX21" s="293">
        <v>0</v>
      </c>
      <c r="AY21" s="293">
        <v>0</v>
      </c>
      <c r="AZ21" s="293">
        <v>23850</v>
      </c>
      <c r="BA21" s="293">
        <v>23850</v>
      </c>
      <c r="BB21" s="293">
        <v>107425</v>
      </c>
      <c r="BC21" s="296">
        <v>155125</v>
      </c>
      <c r="BD21" s="297">
        <v>155125</v>
      </c>
      <c r="BE21" s="292">
        <v>0</v>
      </c>
      <c r="BF21" s="293">
        <v>0</v>
      </c>
      <c r="BG21" s="294">
        <v>0</v>
      </c>
      <c r="BH21" s="298"/>
      <c r="BI21" s="293">
        <v>0</v>
      </c>
      <c r="BJ21" s="293">
        <v>2550</v>
      </c>
      <c r="BK21" s="293">
        <v>36750</v>
      </c>
      <c r="BL21" s="293">
        <v>81150</v>
      </c>
      <c r="BM21" s="293">
        <v>36750</v>
      </c>
      <c r="BN21" s="296">
        <v>157200</v>
      </c>
      <c r="BO21" s="297">
        <v>157200</v>
      </c>
      <c r="BP21" s="292">
        <v>100</v>
      </c>
      <c r="BQ21" s="293">
        <v>13225</v>
      </c>
      <c r="BR21" s="294">
        <v>13325</v>
      </c>
      <c r="BS21" s="295">
        <v>0</v>
      </c>
      <c r="BT21" s="293">
        <v>75715</v>
      </c>
      <c r="BU21" s="293">
        <v>38415</v>
      </c>
      <c r="BV21" s="293">
        <v>338015</v>
      </c>
      <c r="BW21" s="293">
        <v>158242</v>
      </c>
      <c r="BX21" s="293">
        <v>61170</v>
      </c>
      <c r="BY21" s="296">
        <v>671557</v>
      </c>
      <c r="BZ21" s="297">
        <v>684882</v>
      </c>
      <c r="CA21" s="292">
        <v>0</v>
      </c>
      <c r="CB21" s="293">
        <v>0</v>
      </c>
      <c r="CC21" s="294">
        <v>0</v>
      </c>
      <c r="CD21" s="295">
        <v>0</v>
      </c>
      <c r="CE21" s="293">
        <v>1690</v>
      </c>
      <c r="CF21" s="293">
        <v>0</v>
      </c>
      <c r="CG21" s="293">
        <v>0</v>
      </c>
      <c r="CH21" s="293">
        <v>10555</v>
      </c>
      <c r="CI21" s="293">
        <v>0</v>
      </c>
      <c r="CJ21" s="296">
        <v>12245</v>
      </c>
      <c r="CK21" s="297">
        <v>12245</v>
      </c>
      <c r="CL21" s="292">
        <v>0</v>
      </c>
      <c r="CM21" s="293">
        <v>0</v>
      </c>
      <c r="CN21" s="294">
        <v>0</v>
      </c>
      <c r="CO21" s="295">
        <v>0</v>
      </c>
      <c r="CP21" s="293">
        <v>0</v>
      </c>
      <c r="CQ21" s="293">
        <v>0</v>
      </c>
      <c r="CR21" s="293">
        <v>0</v>
      </c>
      <c r="CS21" s="293">
        <v>0</v>
      </c>
      <c r="CT21" s="293">
        <v>0</v>
      </c>
      <c r="CU21" s="296">
        <v>0</v>
      </c>
      <c r="CV21" s="297">
        <v>0</v>
      </c>
      <c r="CW21" s="292">
        <v>0</v>
      </c>
      <c r="CX21" s="293">
        <v>0</v>
      </c>
      <c r="CY21" s="294">
        <v>0</v>
      </c>
      <c r="CZ21" s="298"/>
      <c r="DA21" s="293">
        <v>0</v>
      </c>
      <c r="DB21" s="293">
        <v>0</v>
      </c>
      <c r="DC21" s="293">
        <v>0</v>
      </c>
      <c r="DD21" s="293">
        <v>0</v>
      </c>
      <c r="DE21" s="293">
        <v>0</v>
      </c>
      <c r="DF21" s="296">
        <v>0</v>
      </c>
      <c r="DG21" s="297">
        <v>0</v>
      </c>
      <c r="DH21" s="292">
        <v>702</v>
      </c>
      <c r="DI21" s="293">
        <v>12222</v>
      </c>
      <c r="DJ21" s="294">
        <v>12924</v>
      </c>
      <c r="DK21" s="295">
        <v>0</v>
      </c>
      <c r="DL21" s="293">
        <v>240681</v>
      </c>
      <c r="DM21" s="293">
        <v>330318</v>
      </c>
      <c r="DN21" s="293">
        <v>2537581</v>
      </c>
      <c r="DO21" s="293">
        <v>4165770</v>
      </c>
      <c r="DP21" s="293">
        <v>2819710</v>
      </c>
      <c r="DQ21" s="296">
        <v>10094060</v>
      </c>
      <c r="DR21" s="299">
        <v>10106984</v>
      </c>
      <c r="DS21" s="292">
        <v>0</v>
      </c>
      <c r="DT21" s="293">
        <v>0</v>
      </c>
      <c r="DU21" s="294">
        <v>0</v>
      </c>
      <c r="DV21" s="298"/>
      <c r="DW21" s="293">
        <v>66330</v>
      </c>
      <c r="DX21" s="293">
        <v>145872</v>
      </c>
      <c r="DY21" s="293">
        <v>1871729</v>
      </c>
      <c r="DZ21" s="293">
        <v>3585119</v>
      </c>
      <c r="EA21" s="293">
        <v>2525997</v>
      </c>
      <c r="EB21" s="296">
        <v>8195047</v>
      </c>
      <c r="EC21" s="297">
        <v>8195047</v>
      </c>
      <c r="ED21" s="292">
        <v>0</v>
      </c>
      <c r="EE21" s="293">
        <v>0</v>
      </c>
      <c r="EF21" s="294">
        <v>0</v>
      </c>
      <c r="EG21" s="298"/>
      <c r="EH21" s="293">
        <v>65070</v>
      </c>
      <c r="EI21" s="293">
        <v>48761</v>
      </c>
      <c r="EJ21" s="293">
        <v>94177</v>
      </c>
      <c r="EK21" s="293">
        <v>111768</v>
      </c>
      <c r="EL21" s="293">
        <v>71298</v>
      </c>
      <c r="EM21" s="296">
        <v>391074</v>
      </c>
      <c r="EN21" s="297">
        <v>391074</v>
      </c>
      <c r="EO21" s="292">
        <v>0</v>
      </c>
      <c r="EP21" s="293">
        <v>0</v>
      </c>
      <c r="EQ21" s="294">
        <v>0</v>
      </c>
      <c r="ER21" s="298"/>
      <c r="ES21" s="293">
        <v>0</v>
      </c>
      <c r="ET21" s="293">
        <v>0</v>
      </c>
      <c r="EU21" s="293">
        <v>0</v>
      </c>
      <c r="EV21" s="293">
        <v>210</v>
      </c>
      <c r="EW21" s="293">
        <v>11310</v>
      </c>
      <c r="EX21" s="296">
        <v>11520</v>
      </c>
      <c r="EY21" s="297">
        <v>11520</v>
      </c>
      <c r="EZ21" s="292">
        <v>0</v>
      </c>
      <c r="FA21" s="293">
        <v>0</v>
      </c>
      <c r="FB21" s="294">
        <v>0</v>
      </c>
      <c r="FC21" s="298"/>
      <c r="FD21" s="293">
        <v>0</v>
      </c>
      <c r="FE21" s="293">
        <v>0</v>
      </c>
      <c r="FF21" s="293">
        <v>210</v>
      </c>
      <c r="FG21" s="293">
        <v>420</v>
      </c>
      <c r="FH21" s="293">
        <v>2182</v>
      </c>
      <c r="FI21" s="296">
        <v>2812</v>
      </c>
      <c r="FJ21" s="297">
        <v>2812</v>
      </c>
      <c r="FK21" s="292">
        <v>0</v>
      </c>
      <c r="FL21" s="293">
        <v>0</v>
      </c>
      <c r="FM21" s="294">
        <v>0</v>
      </c>
      <c r="FN21" s="298"/>
      <c r="FO21" s="293">
        <v>0</v>
      </c>
      <c r="FP21" s="293">
        <v>20880</v>
      </c>
      <c r="FQ21" s="293">
        <v>77340</v>
      </c>
      <c r="FR21" s="293">
        <v>217320</v>
      </c>
      <c r="FS21" s="293">
        <v>77340</v>
      </c>
      <c r="FT21" s="296">
        <v>392880</v>
      </c>
      <c r="FU21" s="297">
        <v>392880</v>
      </c>
      <c r="FV21" s="292">
        <v>702</v>
      </c>
      <c r="FW21" s="293">
        <v>12222</v>
      </c>
      <c r="FX21" s="294">
        <v>12924</v>
      </c>
      <c r="FY21" s="295">
        <v>0</v>
      </c>
      <c r="FZ21" s="293">
        <v>106925</v>
      </c>
      <c r="GA21" s="293">
        <v>114805</v>
      </c>
      <c r="GB21" s="293">
        <v>494125</v>
      </c>
      <c r="GC21" s="293">
        <v>247163</v>
      </c>
      <c r="GD21" s="293">
        <v>131583</v>
      </c>
      <c r="GE21" s="296">
        <v>1094601</v>
      </c>
      <c r="GF21" s="297">
        <v>1107525</v>
      </c>
      <c r="GG21" s="292">
        <v>0</v>
      </c>
      <c r="GH21" s="293">
        <v>0</v>
      </c>
      <c r="GI21" s="294">
        <v>0</v>
      </c>
      <c r="GJ21" s="295">
        <v>0</v>
      </c>
      <c r="GK21" s="293">
        <v>2356</v>
      </c>
      <c r="GL21" s="293">
        <v>0</v>
      </c>
      <c r="GM21" s="293">
        <v>0</v>
      </c>
      <c r="GN21" s="293">
        <v>3770</v>
      </c>
      <c r="GO21" s="293">
        <v>0</v>
      </c>
      <c r="GP21" s="296">
        <v>6126</v>
      </c>
      <c r="GQ21" s="297">
        <v>6126</v>
      </c>
      <c r="GR21" s="292">
        <v>0</v>
      </c>
      <c r="GS21" s="293">
        <v>0</v>
      </c>
      <c r="GT21" s="294">
        <v>0</v>
      </c>
      <c r="GU21" s="295">
        <v>0</v>
      </c>
      <c r="GV21" s="293">
        <v>0</v>
      </c>
      <c r="GW21" s="293">
        <v>0</v>
      </c>
      <c r="GX21" s="293">
        <v>0</v>
      </c>
      <c r="GY21" s="293">
        <v>0</v>
      </c>
      <c r="GZ21" s="293">
        <v>0</v>
      </c>
      <c r="HA21" s="296">
        <v>0</v>
      </c>
      <c r="HB21" s="297">
        <v>0</v>
      </c>
      <c r="HC21" s="292">
        <v>0</v>
      </c>
      <c r="HD21" s="293">
        <v>0</v>
      </c>
      <c r="HE21" s="294">
        <v>0</v>
      </c>
      <c r="HF21" s="298"/>
      <c r="HG21" s="293">
        <v>0</v>
      </c>
      <c r="HH21" s="293">
        <v>0</v>
      </c>
      <c r="HI21" s="293">
        <v>0</v>
      </c>
      <c r="HJ21" s="293">
        <v>0</v>
      </c>
      <c r="HK21" s="293">
        <v>0</v>
      </c>
      <c r="HL21" s="296">
        <v>0</v>
      </c>
      <c r="HM21" s="297">
        <v>0</v>
      </c>
      <c r="HN21" s="292">
        <v>802</v>
      </c>
      <c r="HO21" s="293">
        <v>25447</v>
      </c>
      <c r="HP21" s="294">
        <v>26249</v>
      </c>
      <c r="HQ21" s="295">
        <v>0</v>
      </c>
      <c r="HR21" s="293">
        <v>508886</v>
      </c>
      <c r="HS21" s="293">
        <v>856243</v>
      </c>
      <c r="HT21" s="293">
        <v>4552852</v>
      </c>
      <c r="HU21" s="293">
        <v>7919397</v>
      </c>
      <c r="HV21" s="293">
        <v>5438845</v>
      </c>
      <c r="HW21" s="296">
        <v>19276223</v>
      </c>
      <c r="HX21" s="297">
        <v>19302472</v>
      </c>
    </row>
    <row r="22" spans="1:232" ht="21" customHeight="1" x14ac:dyDescent="0.2">
      <c r="A22" s="492" t="s">
        <v>19</v>
      </c>
      <c r="B22" s="292">
        <v>0</v>
      </c>
      <c r="C22" s="293">
        <v>0</v>
      </c>
      <c r="D22" s="294">
        <v>0</v>
      </c>
      <c r="E22" s="295">
        <v>0</v>
      </c>
      <c r="F22" s="293">
        <v>123460</v>
      </c>
      <c r="G22" s="293">
        <v>385834</v>
      </c>
      <c r="H22" s="293">
        <v>1420190</v>
      </c>
      <c r="I22" s="293">
        <v>1244760</v>
      </c>
      <c r="J22" s="293">
        <v>1065270</v>
      </c>
      <c r="K22" s="296">
        <v>4239514</v>
      </c>
      <c r="L22" s="297">
        <v>4239514</v>
      </c>
      <c r="M22" s="292">
        <v>0</v>
      </c>
      <c r="N22" s="293">
        <v>0</v>
      </c>
      <c r="O22" s="294">
        <v>0</v>
      </c>
      <c r="P22" s="298"/>
      <c r="Q22" s="293">
        <v>0</v>
      </c>
      <c r="R22" s="293">
        <v>76200</v>
      </c>
      <c r="S22" s="293">
        <v>956300</v>
      </c>
      <c r="T22" s="293">
        <v>865545</v>
      </c>
      <c r="U22" s="293">
        <v>824610</v>
      </c>
      <c r="V22" s="296">
        <v>2722655</v>
      </c>
      <c r="W22" s="297">
        <v>2722655</v>
      </c>
      <c r="X22" s="292">
        <v>0</v>
      </c>
      <c r="Y22" s="293">
        <v>0</v>
      </c>
      <c r="Z22" s="294">
        <v>0</v>
      </c>
      <c r="AA22" s="298"/>
      <c r="AB22" s="293">
        <v>104980</v>
      </c>
      <c r="AC22" s="293">
        <v>261659</v>
      </c>
      <c r="AD22" s="293">
        <v>427955</v>
      </c>
      <c r="AE22" s="293">
        <v>320550</v>
      </c>
      <c r="AF22" s="293">
        <v>180695</v>
      </c>
      <c r="AG22" s="296">
        <v>1295839</v>
      </c>
      <c r="AH22" s="297">
        <v>1295839</v>
      </c>
      <c r="AI22" s="292">
        <v>0</v>
      </c>
      <c r="AJ22" s="293">
        <v>0</v>
      </c>
      <c r="AK22" s="294">
        <v>0</v>
      </c>
      <c r="AL22" s="298"/>
      <c r="AM22" s="293">
        <v>0</v>
      </c>
      <c r="AN22" s="293">
        <v>0</v>
      </c>
      <c r="AO22" s="293">
        <v>0</v>
      </c>
      <c r="AP22" s="293">
        <v>0</v>
      </c>
      <c r="AQ22" s="293">
        <v>0</v>
      </c>
      <c r="AR22" s="296">
        <v>0</v>
      </c>
      <c r="AS22" s="297">
        <v>0</v>
      </c>
      <c r="AT22" s="292">
        <v>0</v>
      </c>
      <c r="AU22" s="293">
        <v>0</v>
      </c>
      <c r="AV22" s="294">
        <v>0</v>
      </c>
      <c r="AW22" s="298"/>
      <c r="AX22" s="293">
        <v>0</v>
      </c>
      <c r="AY22" s="293">
        <v>0</v>
      </c>
      <c r="AZ22" s="293">
        <v>0</v>
      </c>
      <c r="BA22" s="293">
        <v>0</v>
      </c>
      <c r="BB22" s="293">
        <v>1445</v>
      </c>
      <c r="BC22" s="296">
        <v>1445</v>
      </c>
      <c r="BD22" s="297">
        <v>1445</v>
      </c>
      <c r="BE22" s="292">
        <v>0</v>
      </c>
      <c r="BF22" s="293">
        <v>0</v>
      </c>
      <c r="BG22" s="294">
        <v>0</v>
      </c>
      <c r="BH22" s="298"/>
      <c r="BI22" s="293">
        <v>0</v>
      </c>
      <c r="BJ22" s="293">
        <v>0</v>
      </c>
      <c r="BK22" s="293">
        <v>0</v>
      </c>
      <c r="BL22" s="293">
        <v>0</v>
      </c>
      <c r="BM22" s="293">
        <v>0</v>
      </c>
      <c r="BN22" s="296">
        <v>0</v>
      </c>
      <c r="BO22" s="297">
        <v>0</v>
      </c>
      <c r="BP22" s="292">
        <v>0</v>
      </c>
      <c r="BQ22" s="293">
        <v>0</v>
      </c>
      <c r="BR22" s="294">
        <v>0</v>
      </c>
      <c r="BS22" s="295">
        <v>0</v>
      </c>
      <c r="BT22" s="293">
        <v>17410</v>
      </c>
      <c r="BU22" s="293">
        <v>46235</v>
      </c>
      <c r="BV22" s="293">
        <v>35420</v>
      </c>
      <c r="BW22" s="293">
        <v>55650</v>
      </c>
      <c r="BX22" s="293">
        <v>46690</v>
      </c>
      <c r="BY22" s="296">
        <v>201405</v>
      </c>
      <c r="BZ22" s="297">
        <v>201405</v>
      </c>
      <c r="CA22" s="292">
        <v>0</v>
      </c>
      <c r="CB22" s="293">
        <v>0</v>
      </c>
      <c r="CC22" s="294">
        <v>0</v>
      </c>
      <c r="CD22" s="295">
        <v>0</v>
      </c>
      <c r="CE22" s="293">
        <v>1070</v>
      </c>
      <c r="CF22" s="293">
        <v>1740</v>
      </c>
      <c r="CG22" s="293">
        <v>515</v>
      </c>
      <c r="CH22" s="293">
        <v>3015</v>
      </c>
      <c r="CI22" s="293">
        <v>11830</v>
      </c>
      <c r="CJ22" s="296">
        <v>18170</v>
      </c>
      <c r="CK22" s="297">
        <v>18170</v>
      </c>
      <c r="CL22" s="292">
        <v>0</v>
      </c>
      <c r="CM22" s="293">
        <v>0</v>
      </c>
      <c r="CN22" s="294">
        <v>0</v>
      </c>
      <c r="CO22" s="295">
        <v>0</v>
      </c>
      <c r="CP22" s="293">
        <v>0</v>
      </c>
      <c r="CQ22" s="293">
        <v>0</v>
      </c>
      <c r="CR22" s="293">
        <v>0</v>
      </c>
      <c r="CS22" s="293">
        <v>0</v>
      </c>
      <c r="CT22" s="293">
        <v>0</v>
      </c>
      <c r="CU22" s="296">
        <v>0</v>
      </c>
      <c r="CV22" s="297">
        <v>0</v>
      </c>
      <c r="CW22" s="292">
        <v>0</v>
      </c>
      <c r="CX22" s="293">
        <v>0</v>
      </c>
      <c r="CY22" s="294">
        <v>0</v>
      </c>
      <c r="CZ22" s="298"/>
      <c r="DA22" s="293">
        <v>0</v>
      </c>
      <c r="DB22" s="293">
        <v>0</v>
      </c>
      <c r="DC22" s="293">
        <v>0</v>
      </c>
      <c r="DD22" s="293">
        <v>0</v>
      </c>
      <c r="DE22" s="293">
        <v>0</v>
      </c>
      <c r="DF22" s="296">
        <v>0</v>
      </c>
      <c r="DG22" s="297">
        <v>0</v>
      </c>
      <c r="DH22" s="292">
        <v>0</v>
      </c>
      <c r="DI22" s="293">
        <v>0</v>
      </c>
      <c r="DJ22" s="294">
        <v>0</v>
      </c>
      <c r="DK22" s="295">
        <v>0</v>
      </c>
      <c r="DL22" s="293">
        <v>29912</v>
      </c>
      <c r="DM22" s="293">
        <v>217032</v>
      </c>
      <c r="DN22" s="293">
        <v>1475066</v>
      </c>
      <c r="DO22" s="293">
        <v>1436403</v>
      </c>
      <c r="DP22" s="293">
        <v>1049399</v>
      </c>
      <c r="DQ22" s="296">
        <v>4207812</v>
      </c>
      <c r="DR22" s="299">
        <v>4207812</v>
      </c>
      <c r="DS22" s="292">
        <v>0</v>
      </c>
      <c r="DT22" s="293">
        <v>0</v>
      </c>
      <c r="DU22" s="294">
        <v>0</v>
      </c>
      <c r="DV22" s="298"/>
      <c r="DW22" s="293">
        <v>0</v>
      </c>
      <c r="DX22" s="293">
        <v>116940</v>
      </c>
      <c r="DY22" s="293">
        <v>1357590</v>
      </c>
      <c r="DZ22" s="293">
        <v>1347644</v>
      </c>
      <c r="EA22" s="293">
        <v>984042</v>
      </c>
      <c r="EB22" s="296">
        <v>3806216</v>
      </c>
      <c r="EC22" s="297">
        <v>3806216</v>
      </c>
      <c r="ED22" s="292">
        <v>0</v>
      </c>
      <c r="EE22" s="293">
        <v>0</v>
      </c>
      <c r="EF22" s="294">
        <v>0</v>
      </c>
      <c r="EG22" s="298"/>
      <c r="EH22" s="293">
        <v>12983</v>
      </c>
      <c r="EI22" s="293">
        <v>28142</v>
      </c>
      <c r="EJ22" s="293">
        <v>58237</v>
      </c>
      <c r="EK22" s="293">
        <v>14378</v>
      </c>
      <c r="EL22" s="293">
        <v>12119</v>
      </c>
      <c r="EM22" s="296">
        <v>125859</v>
      </c>
      <c r="EN22" s="297">
        <v>125859</v>
      </c>
      <c r="EO22" s="292">
        <v>0</v>
      </c>
      <c r="EP22" s="293">
        <v>0</v>
      </c>
      <c r="EQ22" s="294">
        <v>0</v>
      </c>
      <c r="ER22" s="298"/>
      <c r="ES22" s="293">
        <v>0</v>
      </c>
      <c r="ET22" s="293">
        <v>0</v>
      </c>
      <c r="EU22" s="293">
        <v>0</v>
      </c>
      <c r="EV22" s="293">
        <v>0</v>
      </c>
      <c r="EW22" s="293">
        <v>0</v>
      </c>
      <c r="EX22" s="296">
        <v>0</v>
      </c>
      <c r="EY22" s="297">
        <v>0</v>
      </c>
      <c r="EZ22" s="292">
        <v>0</v>
      </c>
      <c r="FA22" s="293">
        <v>0</v>
      </c>
      <c r="FB22" s="294">
        <v>0</v>
      </c>
      <c r="FC22" s="298"/>
      <c r="FD22" s="293">
        <v>0</v>
      </c>
      <c r="FE22" s="293">
        <v>0</v>
      </c>
      <c r="FF22" s="293">
        <v>0</v>
      </c>
      <c r="FG22" s="293">
        <v>0</v>
      </c>
      <c r="FH22" s="293">
        <v>126</v>
      </c>
      <c r="FI22" s="296">
        <v>126</v>
      </c>
      <c r="FJ22" s="297">
        <v>126</v>
      </c>
      <c r="FK22" s="292">
        <v>0</v>
      </c>
      <c r="FL22" s="293">
        <v>0</v>
      </c>
      <c r="FM22" s="294">
        <v>0</v>
      </c>
      <c r="FN22" s="298"/>
      <c r="FO22" s="293">
        <v>0</v>
      </c>
      <c r="FP22" s="293">
        <v>0</v>
      </c>
      <c r="FQ22" s="293">
        <v>0</v>
      </c>
      <c r="FR22" s="293">
        <v>0</v>
      </c>
      <c r="FS22" s="293">
        <v>0</v>
      </c>
      <c r="FT22" s="296">
        <v>0</v>
      </c>
      <c r="FU22" s="297">
        <v>0</v>
      </c>
      <c r="FV22" s="292">
        <v>0</v>
      </c>
      <c r="FW22" s="293">
        <v>0</v>
      </c>
      <c r="FX22" s="294">
        <v>0</v>
      </c>
      <c r="FY22" s="295">
        <v>0</v>
      </c>
      <c r="FZ22" s="293">
        <v>16908</v>
      </c>
      <c r="GA22" s="293">
        <v>66222</v>
      </c>
      <c r="GB22" s="293">
        <v>59204</v>
      </c>
      <c r="GC22" s="293">
        <v>62925</v>
      </c>
      <c r="GD22" s="293">
        <v>53014</v>
      </c>
      <c r="GE22" s="296">
        <v>258273</v>
      </c>
      <c r="GF22" s="297">
        <v>258273</v>
      </c>
      <c r="GG22" s="292">
        <v>0</v>
      </c>
      <c r="GH22" s="293">
        <v>0</v>
      </c>
      <c r="GI22" s="294">
        <v>0</v>
      </c>
      <c r="GJ22" s="295">
        <v>0</v>
      </c>
      <c r="GK22" s="293">
        <v>21</v>
      </c>
      <c r="GL22" s="293">
        <v>5728</v>
      </c>
      <c r="GM22" s="293">
        <v>35</v>
      </c>
      <c r="GN22" s="293">
        <v>11456</v>
      </c>
      <c r="GO22" s="293">
        <v>98</v>
      </c>
      <c r="GP22" s="296">
        <v>17338</v>
      </c>
      <c r="GQ22" s="297">
        <v>17338</v>
      </c>
      <c r="GR22" s="292">
        <v>0</v>
      </c>
      <c r="GS22" s="293">
        <v>0</v>
      </c>
      <c r="GT22" s="294">
        <v>0</v>
      </c>
      <c r="GU22" s="295">
        <v>0</v>
      </c>
      <c r="GV22" s="293">
        <v>0</v>
      </c>
      <c r="GW22" s="293">
        <v>0</v>
      </c>
      <c r="GX22" s="293">
        <v>0</v>
      </c>
      <c r="GY22" s="293">
        <v>0</v>
      </c>
      <c r="GZ22" s="293">
        <v>0</v>
      </c>
      <c r="HA22" s="296">
        <v>0</v>
      </c>
      <c r="HB22" s="297">
        <v>0</v>
      </c>
      <c r="HC22" s="292">
        <v>0</v>
      </c>
      <c r="HD22" s="293">
        <v>0</v>
      </c>
      <c r="HE22" s="294">
        <v>0</v>
      </c>
      <c r="HF22" s="298"/>
      <c r="HG22" s="293">
        <v>0</v>
      </c>
      <c r="HH22" s="293">
        <v>0</v>
      </c>
      <c r="HI22" s="293">
        <v>0</v>
      </c>
      <c r="HJ22" s="293">
        <v>0</v>
      </c>
      <c r="HK22" s="293">
        <v>0</v>
      </c>
      <c r="HL22" s="296">
        <v>0</v>
      </c>
      <c r="HM22" s="297">
        <v>0</v>
      </c>
      <c r="HN22" s="292">
        <v>0</v>
      </c>
      <c r="HO22" s="293">
        <v>0</v>
      </c>
      <c r="HP22" s="294">
        <v>0</v>
      </c>
      <c r="HQ22" s="295">
        <v>0</v>
      </c>
      <c r="HR22" s="293">
        <v>153372</v>
      </c>
      <c r="HS22" s="293">
        <v>602866</v>
      </c>
      <c r="HT22" s="293">
        <v>2895256</v>
      </c>
      <c r="HU22" s="293">
        <v>2681163</v>
      </c>
      <c r="HV22" s="293">
        <v>2114669</v>
      </c>
      <c r="HW22" s="296">
        <v>8447326</v>
      </c>
      <c r="HX22" s="297">
        <v>8447326</v>
      </c>
    </row>
    <row r="23" spans="1:232" ht="21" customHeight="1" x14ac:dyDescent="0.2">
      <c r="A23" s="492" t="s">
        <v>20</v>
      </c>
      <c r="B23" s="292">
        <v>0</v>
      </c>
      <c r="C23" s="293">
        <v>3650</v>
      </c>
      <c r="D23" s="294">
        <v>3650</v>
      </c>
      <c r="E23" s="295">
        <v>0</v>
      </c>
      <c r="F23" s="293">
        <v>177440</v>
      </c>
      <c r="G23" s="293">
        <v>431775</v>
      </c>
      <c r="H23" s="293">
        <v>1362205</v>
      </c>
      <c r="I23" s="293">
        <v>1479055</v>
      </c>
      <c r="J23" s="293">
        <v>489065</v>
      </c>
      <c r="K23" s="296">
        <v>3939540</v>
      </c>
      <c r="L23" s="297">
        <v>3943190</v>
      </c>
      <c r="M23" s="292">
        <v>0</v>
      </c>
      <c r="N23" s="293">
        <v>0</v>
      </c>
      <c r="O23" s="294">
        <v>0</v>
      </c>
      <c r="P23" s="298"/>
      <c r="Q23" s="293">
        <v>39450</v>
      </c>
      <c r="R23" s="293">
        <v>221400</v>
      </c>
      <c r="S23" s="293">
        <v>949905</v>
      </c>
      <c r="T23" s="293">
        <v>1192400</v>
      </c>
      <c r="U23" s="293">
        <v>356770</v>
      </c>
      <c r="V23" s="296">
        <v>2759925</v>
      </c>
      <c r="W23" s="297">
        <v>2759925</v>
      </c>
      <c r="X23" s="292">
        <v>0</v>
      </c>
      <c r="Y23" s="293">
        <v>0</v>
      </c>
      <c r="Z23" s="294">
        <v>0</v>
      </c>
      <c r="AA23" s="298"/>
      <c r="AB23" s="293">
        <v>78155</v>
      </c>
      <c r="AC23" s="293">
        <v>160290</v>
      </c>
      <c r="AD23" s="293">
        <v>219720</v>
      </c>
      <c r="AE23" s="293">
        <v>180115</v>
      </c>
      <c r="AF23" s="293">
        <v>109575</v>
      </c>
      <c r="AG23" s="296">
        <v>747855</v>
      </c>
      <c r="AH23" s="297">
        <v>747855</v>
      </c>
      <c r="AI23" s="292">
        <v>0</v>
      </c>
      <c r="AJ23" s="293">
        <v>0</v>
      </c>
      <c r="AK23" s="294">
        <v>0</v>
      </c>
      <c r="AL23" s="298"/>
      <c r="AM23" s="293">
        <v>0</v>
      </c>
      <c r="AN23" s="293">
        <v>0</v>
      </c>
      <c r="AO23" s="293">
        <v>0</v>
      </c>
      <c r="AP23" s="293">
        <v>0</v>
      </c>
      <c r="AQ23" s="293">
        <v>0</v>
      </c>
      <c r="AR23" s="296">
        <v>0</v>
      </c>
      <c r="AS23" s="297">
        <v>0</v>
      </c>
      <c r="AT23" s="292">
        <v>0</v>
      </c>
      <c r="AU23" s="293">
        <v>0</v>
      </c>
      <c r="AV23" s="294">
        <v>0</v>
      </c>
      <c r="AW23" s="298"/>
      <c r="AX23" s="293">
        <v>0</v>
      </c>
      <c r="AY23" s="293">
        <v>0</v>
      </c>
      <c r="AZ23" s="293">
        <v>0</v>
      </c>
      <c r="BA23" s="293">
        <v>0</v>
      </c>
      <c r="BB23" s="293">
        <v>0</v>
      </c>
      <c r="BC23" s="296">
        <v>0</v>
      </c>
      <c r="BD23" s="297">
        <v>0</v>
      </c>
      <c r="BE23" s="292">
        <v>0</v>
      </c>
      <c r="BF23" s="293">
        <v>0</v>
      </c>
      <c r="BG23" s="294">
        <v>0</v>
      </c>
      <c r="BH23" s="298"/>
      <c r="BI23" s="293">
        <v>0</v>
      </c>
      <c r="BJ23" s="293">
        <v>0</v>
      </c>
      <c r="BK23" s="293">
        <v>0</v>
      </c>
      <c r="BL23" s="293">
        <v>0</v>
      </c>
      <c r="BM23" s="293">
        <v>0</v>
      </c>
      <c r="BN23" s="296">
        <v>0</v>
      </c>
      <c r="BO23" s="297">
        <v>0</v>
      </c>
      <c r="BP23" s="292">
        <v>0</v>
      </c>
      <c r="BQ23" s="293">
        <v>3650</v>
      </c>
      <c r="BR23" s="294">
        <v>3650</v>
      </c>
      <c r="BS23" s="295">
        <v>0</v>
      </c>
      <c r="BT23" s="293">
        <v>53300</v>
      </c>
      <c r="BU23" s="293">
        <v>49650</v>
      </c>
      <c r="BV23" s="293">
        <v>190260</v>
      </c>
      <c r="BW23" s="293">
        <v>104945</v>
      </c>
      <c r="BX23" s="293">
        <v>22720</v>
      </c>
      <c r="BY23" s="296">
        <v>420875</v>
      </c>
      <c r="BZ23" s="297">
        <v>424525</v>
      </c>
      <c r="CA23" s="292">
        <v>0</v>
      </c>
      <c r="CB23" s="293">
        <v>0</v>
      </c>
      <c r="CC23" s="294">
        <v>0</v>
      </c>
      <c r="CD23" s="295">
        <v>0</v>
      </c>
      <c r="CE23" s="293">
        <v>6535</v>
      </c>
      <c r="CF23" s="293">
        <v>435</v>
      </c>
      <c r="CG23" s="293">
        <v>2320</v>
      </c>
      <c r="CH23" s="293">
        <v>1595</v>
      </c>
      <c r="CI23" s="293">
        <v>0</v>
      </c>
      <c r="CJ23" s="296">
        <v>10885</v>
      </c>
      <c r="CK23" s="297">
        <v>10885</v>
      </c>
      <c r="CL23" s="292">
        <v>0</v>
      </c>
      <c r="CM23" s="293">
        <v>0</v>
      </c>
      <c r="CN23" s="294">
        <v>0</v>
      </c>
      <c r="CO23" s="295">
        <v>0</v>
      </c>
      <c r="CP23" s="293">
        <v>0</v>
      </c>
      <c r="CQ23" s="293">
        <v>0</v>
      </c>
      <c r="CR23" s="293">
        <v>0</v>
      </c>
      <c r="CS23" s="293">
        <v>0</v>
      </c>
      <c r="CT23" s="293">
        <v>0</v>
      </c>
      <c r="CU23" s="296">
        <v>0</v>
      </c>
      <c r="CV23" s="297">
        <v>0</v>
      </c>
      <c r="CW23" s="292">
        <v>0</v>
      </c>
      <c r="CX23" s="293">
        <v>0</v>
      </c>
      <c r="CY23" s="294">
        <v>0</v>
      </c>
      <c r="CZ23" s="298"/>
      <c r="DA23" s="293">
        <v>0</v>
      </c>
      <c r="DB23" s="293">
        <v>0</v>
      </c>
      <c r="DC23" s="293">
        <v>0</v>
      </c>
      <c r="DD23" s="293">
        <v>0</v>
      </c>
      <c r="DE23" s="293">
        <v>0</v>
      </c>
      <c r="DF23" s="296">
        <v>0</v>
      </c>
      <c r="DG23" s="297">
        <v>0</v>
      </c>
      <c r="DH23" s="292">
        <v>0</v>
      </c>
      <c r="DI23" s="293">
        <v>7322</v>
      </c>
      <c r="DJ23" s="294">
        <v>7322</v>
      </c>
      <c r="DK23" s="295">
        <v>0</v>
      </c>
      <c r="DL23" s="293">
        <v>191123</v>
      </c>
      <c r="DM23" s="293">
        <v>466817</v>
      </c>
      <c r="DN23" s="293">
        <v>2000667</v>
      </c>
      <c r="DO23" s="293">
        <v>2317833</v>
      </c>
      <c r="DP23" s="293">
        <v>763416</v>
      </c>
      <c r="DQ23" s="296">
        <v>5739856</v>
      </c>
      <c r="DR23" s="299">
        <v>5747178</v>
      </c>
      <c r="DS23" s="292">
        <v>0</v>
      </c>
      <c r="DT23" s="293">
        <v>0</v>
      </c>
      <c r="DU23" s="294">
        <v>0</v>
      </c>
      <c r="DV23" s="298"/>
      <c r="DW23" s="293">
        <v>60660</v>
      </c>
      <c r="DX23" s="293">
        <v>321810</v>
      </c>
      <c r="DY23" s="293">
        <v>1583910</v>
      </c>
      <c r="DZ23" s="293">
        <v>2043623</v>
      </c>
      <c r="EA23" s="293">
        <v>710190</v>
      </c>
      <c r="EB23" s="296">
        <v>4720193</v>
      </c>
      <c r="EC23" s="297">
        <v>4720193</v>
      </c>
      <c r="ED23" s="292">
        <v>0</v>
      </c>
      <c r="EE23" s="293">
        <v>0</v>
      </c>
      <c r="EF23" s="294">
        <v>0</v>
      </c>
      <c r="EG23" s="298"/>
      <c r="EH23" s="293">
        <v>23051</v>
      </c>
      <c r="EI23" s="293">
        <v>24175</v>
      </c>
      <c r="EJ23" s="293">
        <v>24661</v>
      </c>
      <c r="EK23" s="293">
        <v>24567</v>
      </c>
      <c r="EL23" s="293">
        <v>1722</v>
      </c>
      <c r="EM23" s="296">
        <v>98176</v>
      </c>
      <c r="EN23" s="297">
        <v>98176</v>
      </c>
      <c r="EO23" s="292">
        <v>0</v>
      </c>
      <c r="EP23" s="293">
        <v>0</v>
      </c>
      <c r="EQ23" s="294">
        <v>0</v>
      </c>
      <c r="ER23" s="298"/>
      <c r="ES23" s="293">
        <v>0</v>
      </c>
      <c r="ET23" s="293">
        <v>0</v>
      </c>
      <c r="EU23" s="293">
        <v>0</v>
      </c>
      <c r="EV23" s="293">
        <v>0</v>
      </c>
      <c r="EW23" s="293">
        <v>0</v>
      </c>
      <c r="EX23" s="296">
        <v>0</v>
      </c>
      <c r="EY23" s="297">
        <v>0</v>
      </c>
      <c r="EZ23" s="292">
        <v>0</v>
      </c>
      <c r="FA23" s="293">
        <v>0</v>
      </c>
      <c r="FB23" s="294">
        <v>0</v>
      </c>
      <c r="FC23" s="298"/>
      <c r="FD23" s="293">
        <v>0</v>
      </c>
      <c r="FE23" s="293">
        <v>0</v>
      </c>
      <c r="FF23" s="293">
        <v>0</v>
      </c>
      <c r="FG23" s="293">
        <v>0</v>
      </c>
      <c r="FH23" s="293">
        <v>0</v>
      </c>
      <c r="FI23" s="296">
        <v>0</v>
      </c>
      <c r="FJ23" s="297">
        <v>0</v>
      </c>
      <c r="FK23" s="292">
        <v>0</v>
      </c>
      <c r="FL23" s="293">
        <v>0</v>
      </c>
      <c r="FM23" s="294">
        <v>0</v>
      </c>
      <c r="FN23" s="298"/>
      <c r="FO23" s="293">
        <v>0</v>
      </c>
      <c r="FP23" s="293">
        <v>0</v>
      </c>
      <c r="FQ23" s="293">
        <v>0</v>
      </c>
      <c r="FR23" s="293">
        <v>0</v>
      </c>
      <c r="FS23" s="293">
        <v>0</v>
      </c>
      <c r="FT23" s="296">
        <v>0</v>
      </c>
      <c r="FU23" s="297">
        <v>0</v>
      </c>
      <c r="FV23" s="292">
        <v>0</v>
      </c>
      <c r="FW23" s="293">
        <v>7322</v>
      </c>
      <c r="FX23" s="294">
        <v>7322</v>
      </c>
      <c r="FY23" s="295">
        <v>0</v>
      </c>
      <c r="FZ23" s="293">
        <v>101684</v>
      </c>
      <c r="GA23" s="293">
        <v>119400</v>
      </c>
      <c r="GB23" s="293">
        <v>387042</v>
      </c>
      <c r="GC23" s="293">
        <v>248857</v>
      </c>
      <c r="GD23" s="293">
        <v>51504</v>
      </c>
      <c r="GE23" s="296">
        <v>908487</v>
      </c>
      <c r="GF23" s="297">
        <v>915809</v>
      </c>
      <c r="GG23" s="292">
        <v>0</v>
      </c>
      <c r="GH23" s="293">
        <v>0</v>
      </c>
      <c r="GI23" s="294">
        <v>0</v>
      </c>
      <c r="GJ23" s="295">
        <v>0</v>
      </c>
      <c r="GK23" s="293">
        <v>5728</v>
      </c>
      <c r="GL23" s="293">
        <v>1432</v>
      </c>
      <c r="GM23" s="293">
        <v>5054</v>
      </c>
      <c r="GN23" s="293">
        <v>786</v>
      </c>
      <c r="GO23" s="293">
        <v>0</v>
      </c>
      <c r="GP23" s="296">
        <v>13000</v>
      </c>
      <c r="GQ23" s="297">
        <v>13000</v>
      </c>
      <c r="GR23" s="292">
        <v>0</v>
      </c>
      <c r="GS23" s="293">
        <v>0</v>
      </c>
      <c r="GT23" s="294">
        <v>0</v>
      </c>
      <c r="GU23" s="295">
        <v>0</v>
      </c>
      <c r="GV23" s="293">
        <v>0</v>
      </c>
      <c r="GW23" s="293">
        <v>0</v>
      </c>
      <c r="GX23" s="293">
        <v>0</v>
      </c>
      <c r="GY23" s="293">
        <v>0</v>
      </c>
      <c r="GZ23" s="293">
        <v>0</v>
      </c>
      <c r="HA23" s="296">
        <v>0</v>
      </c>
      <c r="HB23" s="297">
        <v>0</v>
      </c>
      <c r="HC23" s="292">
        <v>0</v>
      </c>
      <c r="HD23" s="293">
        <v>0</v>
      </c>
      <c r="HE23" s="294">
        <v>0</v>
      </c>
      <c r="HF23" s="298"/>
      <c r="HG23" s="293">
        <v>0</v>
      </c>
      <c r="HH23" s="293">
        <v>0</v>
      </c>
      <c r="HI23" s="293">
        <v>0</v>
      </c>
      <c r="HJ23" s="293">
        <v>0</v>
      </c>
      <c r="HK23" s="293">
        <v>0</v>
      </c>
      <c r="HL23" s="296">
        <v>0</v>
      </c>
      <c r="HM23" s="297">
        <v>0</v>
      </c>
      <c r="HN23" s="292">
        <v>0</v>
      </c>
      <c r="HO23" s="293">
        <v>10972</v>
      </c>
      <c r="HP23" s="294">
        <v>10972</v>
      </c>
      <c r="HQ23" s="295">
        <v>0</v>
      </c>
      <c r="HR23" s="293">
        <v>368563</v>
      </c>
      <c r="HS23" s="293">
        <v>898592</v>
      </c>
      <c r="HT23" s="293">
        <v>3362872</v>
      </c>
      <c r="HU23" s="293">
        <v>3796888</v>
      </c>
      <c r="HV23" s="293">
        <v>1252481</v>
      </c>
      <c r="HW23" s="296">
        <v>9679396</v>
      </c>
      <c r="HX23" s="297">
        <v>9690368</v>
      </c>
    </row>
    <row r="24" spans="1:232" ht="21" customHeight="1" x14ac:dyDescent="0.2">
      <c r="A24" s="492" t="s">
        <v>21</v>
      </c>
      <c r="B24" s="292">
        <v>0</v>
      </c>
      <c r="C24" s="293">
        <v>0</v>
      </c>
      <c r="D24" s="294">
        <v>0</v>
      </c>
      <c r="E24" s="295">
        <v>0</v>
      </c>
      <c r="F24" s="293">
        <v>130585</v>
      </c>
      <c r="G24" s="293">
        <v>441145</v>
      </c>
      <c r="H24" s="293">
        <v>1995162</v>
      </c>
      <c r="I24" s="293">
        <v>1749569</v>
      </c>
      <c r="J24" s="293">
        <v>1343725</v>
      </c>
      <c r="K24" s="296">
        <v>5660186</v>
      </c>
      <c r="L24" s="297">
        <v>5660186</v>
      </c>
      <c r="M24" s="292">
        <v>0</v>
      </c>
      <c r="N24" s="293">
        <v>0</v>
      </c>
      <c r="O24" s="294">
        <v>0</v>
      </c>
      <c r="P24" s="298"/>
      <c r="Q24" s="293">
        <v>36900</v>
      </c>
      <c r="R24" s="293">
        <v>173195</v>
      </c>
      <c r="S24" s="293">
        <v>1606234</v>
      </c>
      <c r="T24" s="293">
        <v>1432728</v>
      </c>
      <c r="U24" s="293">
        <v>920530</v>
      </c>
      <c r="V24" s="296">
        <v>4169587</v>
      </c>
      <c r="W24" s="297">
        <v>4169587</v>
      </c>
      <c r="X24" s="292">
        <v>0</v>
      </c>
      <c r="Y24" s="293">
        <v>0</v>
      </c>
      <c r="Z24" s="294">
        <v>0</v>
      </c>
      <c r="AA24" s="298"/>
      <c r="AB24" s="293">
        <v>83550</v>
      </c>
      <c r="AC24" s="293">
        <v>155840</v>
      </c>
      <c r="AD24" s="293">
        <v>226700</v>
      </c>
      <c r="AE24" s="293">
        <v>121200</v>
      </c>
      <c r="AF24" s="293">
        <v>293780</v>
      </c>
      <c r="AG24" s="296">
        <v>881070</v>
      </c>
      <c r="AH24" s="297">
        <v>881070</v>
      </c>
      <c r="AI24" s="292">
        <v>0</v>
      </c>
      <c r="AJ24" s="293">
        <v>0</v>
      </c>
      <c r="AK24" s="294">
        <v>0</v>
      </c>
      <c r="AL24" s="298"/>
      <c r="AM24" s="293">
        <v>0</v>
      </c>
      <c r="AN24" s="293">
        <v>0</v>
      </c>
      <c r="AO24" s="293">
        <v>2550</v>
      </c>
      <c r="AP24" s="293">
        <v>31650</v>
      </c>
      <c r="AQ24" s="293">
        <v>2550</v>
      </c>
      <c r="AR24" s="296">
        <v>36750</v>
      </c>
      <c r="AS24" s="297">
        <v>36750</v>
      </c>
      <c r="AT24" s="292">
        <v>0</v>
      </c>
      <c r="AU24" s="293">
        <v>0</v>
      </c>
      <c r="AV24" s="294">
        <v>0</v>
      </c>
      <c r="AW24" s="298"/>
      <c r="AX24" s="293">
        <v>0</v>
      </c>
      <c r="AY24" s="293">
        <v>0</v>
      </c>
      <c r="AZ24" s="293">
        <v>34350</v>
      </c>
      <c r="BA24" s="293">
        <v>34800</v>
      </c>
      <c r="BB24" s="293">
        <v>74700</v>
      </c>
      <c r="BC24" s="296">
        <v>143850</v>
      </c>
      <c r="BD24" s="297">
        <v>143850</v>
      </c>
      <c r="BE24" s="292">
        <v>0</v>
      </c>
      <c r="BF24" s="293">
        <v>0</v>
      </c>
      <c r="BG24" s="294">
        <v>0</v>
      </c>
      <c r="BH24" s="298"/>
      <c r="BI24" s="293">
        <v>0</v>
      </c>
      <c r="BJ24" s="293">
        <v>0</v>
      </c>
      <c r="BK24" s="293">
        <v>0</v>
      </c>
      <c r="BL24" s="293">
        <v>0</v>
      </c>
      <c r="BM24" s="293">
        <v>0</v>
      </c>
      <c r="BN24" s="296">
        <v>0</v>
      </c>
      <c r="BO24" s="297">
        <v>0</v>
      </c>
      <c r="BP24" s="292">
        <v>0</v>
      </c>
      <c r="BQ24" s="293">
        <v>0</v>
      </c>
      <c r="BR24" s="294">
        <v>0</v>
      </c>
      <c r="BS24" s="295">
        <v>0</v>
      </c>
      <c r="BT24" s="293">
        <v>10135</v>
      </c>
      <c r="BU24" s="293">
        <v>112110</v>
      </c>
      <c r="BV24" s="293">
        <v>125052</v>
      </c>
      <c r="BW24" s="293">
        <v>128031</v>
      </c>
      <c r="BX24" s="293">
        <v>52165</v>
      </c>
      <c r="BY24" s="296">
        <v>427493</v>
      </c>
      <c r="BZ24" s="297">
        <v>427493</v>
      </c>
      <c r="CA24" s="292">
        <v>0</v>
      </c>
      <c r="CB24" s="293">
        <v>0</v>
      </c>
      <c r="CC24" s="294">
        <v>0</v>
      </c>
      <c r="CD24" s="295">
        <v>0</v>
      </c>
      <c r="CE24" s="293">
        <v>0</v>
      </c>
      <c r="CF24" s="293">
        <v>0</v>
      </c>
      <c r="CG24" s="293">
        <v>276</v>
      </c>
      <c r="CH24" s="293">
        <v>1160</v>
      </c>
      <c r="CI24" s="293">
        <v>0</v>
      </c>
      <c r="CJ24" s="296">
        <v>1436</v>
      </c>
      <c r="CK24" s="297">
        <v>1436</v>
      </c>
      <c r="CL24" s="292">
        <v>0</v>
      </c>
      <c r="CM24" s="293">
        <v>0</v>
      </c>
      <c r="CN24" s="294">
        <v>0</v>
      </c>
      <c r="CO24" s="295">
        <v>0</v>
      </c>
      <c r="CP24" s="293">
        <v>0</v>
      </c>
      <c r="CQ24" s="293">
        <v>0</v>
      </c>
      <c r="CR24" s="293">
        <v>0</v>
      </c>
      <c r="CS24" s="293">
        <v>0</v>
      </c>
      <c r="CT24" s="293">
        <v>0</v>
      </c>
      <c r="CU24" s="296">
        <v>0</v>
      </c>
      <c r="CV24" s="297">
        <v>0</v>
      </c>
      <c r="CW24" s="292">
        <v>0</v>
      </c>
      <c r="CX24" s="293">
        <v>0</v>
      </c>
      <c r="CY24" s="294">
        <v>0</v>
      </c>
      <c r="CZ24" s="298"/>
      <c r="DA24" s="293">
        <v>0</v>
      </c>
      <c r="DB24" s="293">
        <v>0</v>
      </c>
      <c r="DC24" s="293">
        <v>0</v>
      </c>
      <c r="DD24" s="293">
        <v>0</v>
      </c>
      <c r="DE24" s="293">
        <v>0</v>
      </c>
      <c r="DF24" s="296">
        <v>0</v>
      </c>
      <c r="DG24" s="297">
        <v>0</v>
      </c>
      <c r="DH24" s="292">
        <v>0</v>
      </c>
      <c r="DI24" s="293">
        <v>0</v>
      </c>
      <c r="DJ24" s="294">
        <v>0</v>
      </c>
      <c r="DK24" s="295">
        <v>0</v>
      </c>
      <c r="DL24" s="293">
        <v>68574</v>
      </c>
      <c r="DM24" s="293">
        <v>373891</v>
      </c>
      <c r="DN24" s="293">
        <v>2171176</v>
      </c>
      <c r="DO24" s="293">
        <v>2324650</v>
      </c>
      <c r="DP24" s="293">
        <v>1557713</v>
      </c>
      <c r="DQ24" s="296">
        <v>6496004</v>
      </c>
      <c r="DR24" s="299">
        <v>6496004</v>
      </c>
      <c r="DS24" s="292">
        <v>0</v>
      </c>
      <c r="DT24" s="293">
        <v>0</v>
      </c>
      <c r="DU24" s="294">
        <v>0</v>
      </c>
      <c r="DV24" s="298"/>
      <c r="DW24" s="293">
        <v>40200</v>
      </c>
      <c r="DX24" s="293">
        <v>175500</v>
      </c>
      <c r="DY24" s="293">
        <v>1935617</v>
      </c>
      <c r="DZ24" s="293">
        <v>2054045</v>
      </c>
      <c r="EA24" s="293">
        <v>1413906</v>
      </c>
      <c r="EB24" s="296">
        <v>5619268</v>
      </c>
      <c r="EC24" s="297">
        <v>5619268</v>
      </c>
      <c r="ED24" s="292">
        <v>0</v>
      </c>
      <c r="EE24" s="293">
        <v>0</v>
      </c>
      <c r="EF24" s="294">
        <v>0</v>
      </c>
      <c r="EG24" s="298"/>
      <c r="EH24" s="293">
        <v>2730</v>
      </c>
      <c r="EI24" s="293">
        <v>33496</v>
      </c>
      <c r="EJ24" s="293">
        <v>25196</v>
      </c>
      <c r="EK24" s="293">
        <v>1680</v>
      </c>
      <c r="EL24" s="293">
        <v>46935</v>
      </c>
      <c r="EM24" s="296">
        <v>110037</v>
      </c>
      <c r="EN24" s="297">
        <v>110037</v>
      </c>
      <c r="EO24" s="292">
        <v>0</v>
      </c>
      <c r="EP24" s="293">
        <v>0</v>
      </c>
      <c r="EQ24" s="294">
        <v>0</v>
      </c>
      <c r="ER24" s="298"/>
      <c r="ES24" s="293">
        <v>0</v>
      </c>
      <c r="ET24" s="293">
        <v>0</v>
      </c>
      <c r="EU24" s="293">
        <v>210</v>
      </c>
      <c r="EV24" s="293">
        <v>0</v>
      </c>
      <c r="EW24" s="293">
        <v>0</v>
      </c>
      <c r="EX24" s="296">
        <v>210</v>
      </c>
      <c r="EY24" s="297">
        <v>210</v>
      </c>
      <c r="EZ24" s="292">
        <v>0</v>
      </c>
      <c r="FA24" s="293">
        <v>0</v>
      </c>
      <c r="FB24" s="294">
        <v>0</v>
      </c>
      <c r="FC24" s="298"/>
      <c r="FD24" s="293">
        <v>0</v>
      </c>
      <c r="FE24" s="293">
        <v>0</v>
      </c>
      <c r="FF24" s="293">
        <v>11310</v>
      </c>
      <c r="FG24" s="293">
        <v>420</v>
      </c>
      <c r="FH24" s="293">
        <v>840</v>
      </c>
      <c r="FI24" s="296">
        <v>12570</v>
      </c>
      <c r="FJ24" s="297">
        <v>12570</v>
      </c>
      <c r="FK24" s="292">
        <v>0</v>
      </c>
      <c r="FL24" s="293">
        <v>0</v>
      </c>
      <c r="FM24" s="294">
        <v>0</v>
      </c>
      <c r="FN24" s="298"/>
      <c r="FO24" s="293">
        <v>0</v>
      </c>
      <c r="FP24" s="293">
        <v>0</v>
      </c>
      <c r="FQ24" s="293">
        <v>0</v>
      </c>
      <c r="FR24" s="293">
        <v>0</v>
      </c>
      <c r="FS24" s="293">
        <v>0</v>
      </c>
      <c r="FT24" s="296">
        <v>0</v>
      </c>
      <c r="FU24" s="297">
        <v>0</v>
      </c>
      <c r="FV24" s="292">
        <v>0</v>
      </c>
      <c r="FW24" s="293">
        <v>0</v>
      </c>
      <c r="FX24" s="294">
        <v>0</v>
      </c>
      <c r="FY24" s="295">
        <v>0</v>
      </c>
      <c r="FZ24" s="293">
        <v>25644</v>
      </c>
      <c r="GA24" s="293">
        <v>164895</v>
      </c>
      <c r="GB24" s="293">
        <v>198836</v>
      </c>
      <c r="GC24" s="293">
        <v>268414</v>
      </c>
      <c r="GD24" s="293">
        <v>96032</v>
      </c>
      <c r="GE24" s="296">
        <v>753821</v>
      </c>
      <c r="GF24" s="297">
        <v>753821</v>
      </c>
      <c r="GG24" s="292">
        <v>0</v>
      </c>
      <c r="GH24" s="293">
        <v>0</v>
      </c>
      <c r="GI24" s="294">
        <v>0</v>
      </c>
      <c r="GJ24" s="295">
        <v>0</v>
      </c>
      <c r="GK24" s="293">
        <v>0</v>
      </c>
      <c r="GL24" s="293">
        <v>0</v>
      </c>
      <c r="GM24" s="293">
        <v>7</v>
      </c>
      <c r="GN24" s="293">
        <v>91</v>
      </c>
      <c r="GO24" s="293">
        <v>0</v>
      </c>
      <c r="GP24" s="296">
        <v>98</v>
      </c>
      <c r="GQ24" s="297">
        <v>98</v>
      </c>
      <c r="GR24" s="292">
        <v>0</v>
      </c>
      <c r="GS24" s="293">
        <v>0</v>
      </c>
      <c r="GT24" s="294">
        <v>0</v>
      </c>
      <c r="GU24" s="295">
        <v>0</v>
      </c>
      <c r="GV24" s="293">
        <v>0</v>
      </c>
      <c r="GW24" s="293">
        <v>0</v>
      </c>
      <c r="GX24" s="293">
        <v>0</v>
      </c>
      <c r="GY24" s="293">
        <v>0</v>
      </c>
      <c r="GZ24" s="293">
        <v>0</v>
      </c>
      <c r="HA24" s="296">
        <v>0</v>
      </c>
      <c r="HB24" s="297">
        <v>0</v>
      </c>
      <c r="HC24" s="292">
        <v>0</v>
      </c>
      <c r="HD24" s="293">
        <v>0</v>
      </c>
      <c r="HE24" s="294">
        <v>0</v>
      </c>
      <c r="HF24" s="298"/>
      <c r="HG24" s="293">
        <v>0</v>
      </c>
      <c r="HH24" s="293">
        <v>0</v>
      </c>
      <c r="HI24" s="293">
        <v>0</v>
      </c>
      <c r="HJ24" s="293">
        <v>0</v>
      </c>
      <c r="HK24" s="293">
        <v>0</v>
      </c>
      <c r="HL24" s="296">
        <v>0</v>
      </c>
      <c r="HM24" s="297">
        <v>0</v>
      </c>
      <c r="HN24" s="292">
        <v>0</v>
      </c>
      <c r="HO24" s="293">
        <v>0</v>
      </c>
      <c r="HP24" s="294">
        <v>0</v>
      </c>
      <c r="HQ24" s="295">
        <v>0</v>
      </c>
      <c r="HR24" s="293">
        <v>199159</v>
      </c>
      <c r="HS24" s="293">
        <v>815036</v>
      </c>
      <c r="HT24" s="293">
        <v>4166338</v>
      </c>
      <c r="HU24" s="293">
        <v>4074219</v>
      </c>
      <c r="HV24" s="293">
        <v>2901438</v>
      </c>
      <c r="HW24" s="296">
        <v>12156190</v>
      </c>
      <c r="HX24" s="297">
        <v>12156190</v>
      </c>
    </row>
    <row r="25" spans="1:232" ht="21" customHeight="1" x14ac:dyDescent="0.2">
      <c r="A25" s="492" t="s">
        <v>22</v>
      </c>
      <c r="B25" s="292">
        <v>0</v>
      </c>
      <c r="C25" s="293">
        <v>0</v>
      </c>
      <c r="D25" s="294">
        <v>0</v>
      </c>
      <c r="E25" s="295">
        <v>0</v>
      </c>
      <c r="F25" s="293">
        <v>109585</v>
      </c>
      <c r="G25" s="293">
        <v>304315</v>
      </c>
      <c r="H25" s="293">
        <v>628335</v>
      </c>
      <c r="I25" s="293">
        <v>999220</v>
      </c>
      <c r="J25" s="293">
        <v>547930</v>
      </c>
      <c r="K25" s="296">
        <v>2589385</v>
      </c>
      <c r="L25" s="297">
        <v>2589385</v>
      </c>
      <c r="M25" s="292">
        <v>0</v>
      </c>
      <c r="N25" s="293">
        <v>0</v>
      </c>
      <c r="O25" s="294">
        <v>0</v>
      </c>
      <c r="P25" s="298"/>
      <c r="Q25" s="293">
        <v>34350</v>
      </c>
      <c r="R25" s="293">
        <v>18575</v>
      </c>
      <c r="S25" s="293">
        <v>367195</v>
      </c>
      <c r="T25" s="293">
        <v>552260</v>
      </c>
      <c r="U25" s="293">
        <v>342750</v>
      </c>
      <c r="V25" s="296">
        <v>1315130</v>
      </c>
      <c r="W25" s="297">
        <v>1315130</v>
      </c>
      <c r="X25" s="292">
        <v>0</v>
      </c>
      <c r="Y25" s="293">
        <v>0</v>
      </c>
      <c r="Z25" s="294">
        <v>0</v>
      </c>
      <c r="AA25" s="298"/>
      <c r="AB25" s="293">
        <v>73650</v>
      </c>
      <c r="AC25" s="293">
        <v>217105</v>
      </c>
      <c r="AD25" s="293">
        <v>136650</v>
      </c>
      <c r="AE25" s="293">
        <v>279260</v>
      </c>
      <c r="AF25" s="293">
        <v>148415</v>
      </c>
      <c r="AG25" s="296">
        <v>855080</v>
      </c>
      <c r="AH25" s="297">
        <v>855080</v>
      </c>
      <c r="AI25" s="292">
        <v>0</v>
      </c>
      <c r="AJ25" s="293">
        <v>0</v>
      </c>
      <c r="AK25" s="294">
        <v>0</v>
      </c>
      <c r="AL25" s="298"/>
      <c r="AM25" s="293">
        <v>0</v>
      </c>
      <c r="AN25" s="293">
        <v>0</v>
      </c>
      <c r="AO25" s="293">
        <v>0</v>
      </c>
      <c r="AP25" s="293">
        <v>0</v>
      </c>
      <c r="AQ25" s="293">
        <v>0</v>
      </c>
      <c r="AR25" s="296">
        <v>0</v>
      </c>
      <c r="AS25" s="297">
        <v>0</v>
      </c>
      <c r="AT25" s="292">
        <v>0</v>
      </c>
      <c r="AU25" s="293">
        <v>0</v>
      </c>
      <c r="AV25" s="294">
        <v>0</v>
      </c>
      <c r="AW25" s="298"/>
      <c r="AX25" s="293">
        <v>0</v>
      </c>
      <c r="AY25" s="293">
        <v>0</v>
      </c>
      <c r="AZ25" s="293">
        <v>0</v>
      </c>
      <c r="BA25" s="293">
        <v>39300</v>
      </c>
      <c r="BB25" s="293">
        <v>47315</v>
      </c>
      <c r="BC25" s="296">
        <v>86615</v>
      </c>
      <c r="BD25" s="297">
        <v>86615</v>
      </c>
      <c r="BE25" s="292">
        <v>0</v>
      </c>
      <c r="BF25" s="293">
        <v>0</v>
      </c>
      <c r="BG25" s="294">
        <v>0</v>
      </c>
      <c r="BH25" s="298"/>
      <c r="BI25" s="293">
        <v>0</v>
      </c>
      <c r="BJ25" s="293">
        <v>0</v>
      </c>
      <c r="BK25" s="293">
        <v>0</v>
      </c>
      <c r="BL25" s="293">
        <v>127530</v>
      </c>
      <c r="BM25" s="293">
        <v>5100</v>
      </c>
      <c r="BN25" s="296">
        <v>132630</v>
      </c>
      <c r="BO25" s="297">
        <v>132630</v>
      </c>
      <c r="BP25" s="292">
        <v>0</v>
      </c>
      <c r="BQ25" s="293">
        <v>0</v>
      </c>
      <c r="BR25" s="294">
        <v>0</v>
      </c>
      <c r="BS25" s="295">
        <v>0</v>
      </c>
      <c r="BT25" s="293">
        <v>1585</v>
      </c>
      <c r="BU25" s="293">
        <v>68635</v>
      </c>
      <c r="BV25" s="293">
        <v>123620</v>
      </c>
      <c r="BW25" s="293">
        <v>870</v>
      </c>
      <c r="BX25" s="293">
        <v>2465</v>
      </c>
      <c r="BY25" s="296">
        <v>197175</v>
      </c>
      <c r="BZ25" s="297">
        <v>197175</v>
      </c>
      <c r="CA25" s="292">
        <v>0</v>
      </c>
      <c r="CB25" s="293">
        <v>0</v>
      </c>
      <c r="CC25" s="294">
        <v>0</v>
      </c>
      <c r="CD25" s="295">
        <v>0</v>
      </c>
      <c r="CE25" s="293">
        <v>0</v>
      </c>
      <c r="CF25" s="293">
        <v>0</v>
      </c>
      <c r="CG25" s="293">
        <v>870</v>
      </c>
      <c r="CH25" s="293">
        <v>0</v>
      </c>
      <c r="CI25" s="293">
        <v>1885</v>
      </c>
      <c r="CJ25" s="296">
        <v>2755</v>
      </c>
      <c r="CK25" s="297">
        <v>2755</v>
      </c>
      <c r="CL25" s="292">
        <v>0</v>
      </c>
      <c r="CM25" s="293">
        <v>0</v>
      </c>
      <c r="CN25" s="294">
        <v>0</v>
      </c>
      <c r="CO25" s="295">
        <v>0</v>
      </c>
      <c r="CP25" s="293">
        <v>0</v>
      </c>
      <c r="CQ25" s="293">
        <v>0</v>
      </c>
      <c r="CR25" s="293">
        <v>0</v>
      </c>
      <c r="CS25" s="293">
        <v>0</v>
      </c>
      <c r="CT25" s="293">
        <v>0</v>
      </c>
      <c r="CU25" s="296">
        <v>0</v>
      </c>
      <c r="CV25" s="297">
        <v>0</v>
      </c>
      <c r="CW25" s="292">
        <v>0</v>
      </c>
      <c r="CX25" s="293">
        <v>0</v>
      </c>
      <c r="CY25" s="294">
        <v>0</v>
      </c>
      <c r="CZ25" s="298"/>
      <c r="DA25" s="293">
        <v>0</v>
      </c>
      <c r="DB25" s="293">
        <v>0</v>
      </c>
      <c r="DC25" s="293">
        <v>0</v>
      </c>
      <c r="DD25" s="293">
        <v>0</v>
      </c>
      <c r="DE25" s="293">
        <v>0</v>
      </c>
      <c r="DF25" s="296">
        <v>0</v>
      </c>
      <c r="DG25" s="297">
        <v>0</v>
      </c>
      <c r="DH25" s="292">
        <v>0</v>
      </c>
      <c r="DI25" s="293">
        <v>0</v>
      </c>
      <c r="DJ25" s="294">
        <v>0</v>
      </c>
      <c r="DK25" s="295">
        <v>0</v>
      </c>
      <c r="DL25" s="293">
        <v>39174</v>
      </c>
      <c r="DM25" s="293">
        <v>104870</v>
      </c>
      <c r="DN25" s="293">
        <v>650913</v>
      </c>
      <c r="DO25" s="293">
        <v>968111</v>
      </c>
      <c r="DP25" s="293">
        <v>396196</v>
      </c>
      <c r="DQ25" s="296">
        <v>2159264</v>
      </c>
      <c r="DR25" s="299">
        <v>2159264</v>
      </c>
      <c r="DS25" s="292">
        <v>0</v>
      </c>
      <c r="DT25" s="293">
        <v>0</v>
      </c>
      <c r="DU25" s="294">
        <v>0</v>
      </c>
      <c r="DV25" s="298"/>
      <c r="DW25" s="293">
        <v>25650</v>
      </c>
      <c r="DX25" s="293">
        <v>11640</v>
      </c>
      <c r="DY25" s="293">
        <v>435028</v>
      </c>
      <c r="DZ25" s="293">
        <v>706042</v>
      </c>
      <c r="EA25" s="293">
        <v>325050</v>
      </c>
      <c r="EB25" s="296">
        <v>1503410</v>
      </c>
      <c r="EC25" s="297">
        <v>1503410</v>
      </c>
      <c r="ED25" s="292">
        <v>0</v>
      </c>
      <c r="EE25" s="293">
        <v>0</v>
      </c>
      <c r="EF25" s="294">
        <v>0</v>
      </c>
      <c r="EG25" s="298"/>
      <c r="EH25" s="293">
        <v>12120</v>
      </c>
      <c r="EI25" s="293">
        <v>47530</v>
      </c>
      <c r="EJ25" s="293">
        <v>22980</v>
      </c>
      <c r="EK25" s="293">
        <v>45957</v>
      </c>
      <c r="EL25" s="293">
        <v>12738</v>
      </c>
      <c r="EM25" s="296">
        <v>141325</v>
      </c>
      <c r="EN25" s="297">
        <v>141325</v>
      </c>
      <c r="EO25" s="292">
        <v>0</v>
      </c>
      <c r="EP25" s="293">
        <v>0</v>
      </c>
      <c r="EQ25" s="294">
        <v>0</v>
      </c>
      <c r="ER25" s="298"/>
      <c r="ES25" s="293">
        <v>0</v>
      </c>
      <c r="ET25" s="293">
        <v>0</v>
      </c>
      <c r="EU25" s="293">
        <v>0</v>
      </c>
      <c r="EV25" s="293">
        <v>0</v>
      </c>
      <c r="EW25" s="293">
        <v>0</v>
      </c>
      <c r="EX25" s="296">
        <v>0</v>
      </c>
      <c r="EY25" s="297">
        <v>0</v>
      </c>
      <c r="EZ25" s="292">
        <v>0</v>
      </c>
      <c r="FA25" s="293">
        <v>0</v>
      </c>
      <c r="FB25" s="294">
        <v>0</v>
      </c>
      <c r="FC25" s="298"/>
      <c r="FD25" s="293">
        <v>0</v>
      </c>
      <c r="FE25" s="293">
        <v>0</v>
      </c>
      <c r="FF25" s="293">
        <v>0</v>
      </c>
      <c r="FG25" s="293">
        <v>840</v>
      </c>
      <c r="FH25" s="293">
        <v>10950</v>
      </c>
      <c r="FI25" s="296">
        <v>11790</v>
      </c>
      <c r="FJ25" s="297">
        <v>11790</v>
      </c>
      <c r="FK25" s="292">
        <v>0</v>
      </c>
      <c r="FL25" s="293">
        <v>0</v>
      </c>
      <c r="FM25" s="294">
        <v>0</v>
      </c>
      <c r="FN25" s="298"/>
      <c r="FO25" s="293">
        <v>0</v>
      </c>
      <c r="FP25" s="293">
        <v>0</v>
      </c>
      <c r="FQ25" s="293">
        <v>0</v>
      </c>
      <c r="FR25" s="293">
        <v>210340</v>
      </c>
      <c r="FS25" s="293">
        <v>41400</v>
      </c>
      <c r="FT25" s="296">
        <v>251740</v>
      </c>
      <c r="FU25" s="297">
        <v>251740</v>
      </c>
      <c r="FV25" s="292">
        <v>0</v>
      </c>
      <c r="FW25" s="293">
        <v>0</v>
      </c>
      <c r="FX25" s="294">
        <v>0</v>
      </c>
      <c r="FY25" s="295">
        <v>0</v>
      </c>
      <c r="FZ25" s="293">
        <v>1404</v>
      </c>
      <c r="GA25" s="293">
        <v>45700</v>
      </c>
      <c r="GB25" s="293">
        <v>192863</v>
      </c>
      <c r="GC25" s="293">
        <v>4932</v>
      </c>
      <c r="GD25" s="293">
        <v>5967</v>
      </c>
      <c r="GE25" s="296">
        <v>250866</v>
      </c>
      <c r="GF25" s="297">
        <v>250866</v>
      </c>
      <c r="GG25" s="292">
        <v>0</v>
      </c>
      <c r="GH25" s="293">
        <v>0</v>
      </c>
      <c r="GI25" s="294">
        <v>0</v>
      </c>
      <c r="GJ25" s="295">
        <v>0</v>
      </c>
      <c r="GK25" s="293">
        <v>0</v>
      </c>
      <c r="GL25" s="293">
        <v>0</v>
      </c>
      <c r="GM25" s="293">
        <v>42</v>
      </c>
      <c r="GN25" s="293">
        <v>0</v>
      </c>
      <c r="GO25" s="293">
        <v>91</v>
      </c>
      <c r="GP25" s="296">
        <v>133</v>
      </c>
      <c r="GQ25" s="297">
        <v>133</v>
      </c>
      <c r="GR25" s="292">
        <v>0</v>
      </c>
      <c r="GS25" s="293">
        <v>0</v>
      </c>
      <c r="GT25" s="294">
        <v>0</v>
      </c>
      <c r="GU25" s="295">
        <v>0</v>
      </c>
      <c r="GV25" s="293">
        <v>0</v>
      </c>
      <c r="GW25" s="293">
        <v>0</v>
      </c>
      <c r="GX25" s="293">
        <v>0</v>
      </c>
      <c r="GY25" s="293">
        <v>0</v>
      </c>
      <c r="GZ25" s="293">
        <v>0</v>
      </c>
      <c r="HA25" s="296">
        <v>0</v>
      </c>
      <c r="HB25" s="297">
        <v>0</v>
      </c>
      <c r="HC25" s="292">
        <v>0</v>
      </c>
      <c r="HD25" s="293">
        <v>0</v>
      </c>
      <c r="HE25" s="294">
        <v>0</v>
      </c>
      <c r="HF25" s="298"/>
      <c r="HG25" s="293">
        <v>0</v>
      </c>
      <c r="HH25" s="293">
        <v>0</v>
      </c>
      <c r="HI25" s="293">
        <v>0</v>
      </c>
      <c r="HJ25" s="293">
        <v>0</v>
      </c>
      <c r="HK25" s="293">
        <v>0</v>
      </c>
      <c r="HL25" s="296">
        <v>0</v>
      </c>
      <c r="HM25" s="297">
        <v>0</v>
      </c>
      <c r="HN25" s="292">
        <v>0</v>
      </c>
      <c r="HO25" s="293">
        <v>0</v>
      </c>
      <c r="HP25" s="294">
        <v>0</v>
      </c>
      <c r="HQ25" s="295">
        <v>0</v>
      </c>
      <c r="HR25" s="293">
        <v>148759</v>
      </c>
      <c r="HS25" s="293">
        <v>409185</v>
      </c>
      <c r="HT25" s="293">
        <v>1279248</v>
      </c>
      <c r="HU25" s="293">
        <v>1967331</v>
      </c>
      <c r="HV25" s="293">
        <v>944126</v>
      </c>
      <c r="HW25" s="296">
        <v>4748649</v>
      </c>
      <c r="HX25" s="297">
        <v>4748649</v>
      </c>
    </row>
    <row r="26" spans="1:232" ht="21" customHeight="1" x14ac:dyDescent="0.2">
      <c r="A26" s="492" t="s">
        <v>23</v>
      </c>
      <c r="B26" s="292">
        <v>0</v>
      </c>
      <c r="C26" s="293">
        <v>0</v>
      </c>
      <c r="D26" s="294">
        <v>0</v>
      </c>
      <c r="E26" s="295">
        <v>0</v>
      </c>
      <c r="F26" s="293">
        <v>189285</v>
      </c>
      <c r="G26" s="293">
        <v>435245</v>
      </c>
      <c r="H26" s="293">
        <v>1155778</v>
      </c>
      <c r="I26" s="293">
        <v>1308753</v>
      </c>
      <c r="J26" s="293">
        <v>971690</v>
      </c>
      <c r="K26" s="296">
        <v>4060751</v>
      </c>
      <c r="L26" s="297">
        <v>4060751</v>
      </c>
      <c r="M26" s="292">
        <v>0</v>
      </c>
      <c r="N26" s="293">
        <v>0</v>
      </c>
      <c r="O26" s="294">
        <v>0</v>
      </c>
      <c r="P26" s="298"/>
      <c r="Q26" s="293">
        <v>55500</v>
      </c>
      <c r="R26" s="293">
        <v>136385</v>
      </c>
      <c r="S26" s="293">
        <v>921435</v>
      </c>
      <c r="T26" s="293">
        <v>950399</v>
      </c>
      <c r="U26" s="293">
        <v>694605</v>
      </c>
      <c r="V26" s="296">
        <v>2758324</v>
      </c>
      <c r="W26" s="297">
        <v>2758324</v>
      </c>
      <c r="X26" s="292">
        <v>0</v>
      </c>
      <c r="Y26" s="293">
        <v>0</v>
      </c>
      <c r="Z26" s="294">
        <v>0</v>
      </c>
      <c r="AA26" s="298"/>
      <c r="AB26" s="293">
        <v>117440</v>
      </c>
      <c r="AC26" s="293">
        <v>213180</v>
      </c>
      <c r="AD26" s="293">
        <v>173563</v>
      </c>
      <c r="AE26" s="293">
        <v>281830</v>
      </c>
      <c r="AF26" s="293">
        <v>189855</v>
      </c>
      <c r="AG26" s="296">
        <v>975868</v>
      </c>
      <c r="AH26" s="297">
        <v>975868</v>
      </c>
      <c r="AI26" s="292">
        <v>0</v>
      </c>
      <c r="AJ26" s="293">
        <v>0</v>
      </c>
      <c r="AK26" s="294">
        <v>0</v>
      </c>
      <c r="AL26" s="298"/>
      <c r="AM26" s="293">
        <v>0</v>
      </c>
      <c r="AN26" s="293">
        <v>0</v>
      </c>
      <c r="AO26" s="293">
        <v>0</v>
      </c>
      <c r="AP26" s="293">
        <v>0</v>
      </c>
      <c r="AQ26" s="293">
        <v>23850</v>
      </c>
      <c r="AR26" s="296">
        <v>23850</v>
      </c>
      <c r="AS26" s="297">
        <v>23850</v>
      </c>
      <c r="AT26" s="292">
        <v>0</v>
      </c>
      <c r="AU26" s="293">
        <v>0</v>
      </c>
      <c r="AV26" s="294">
        <v>0</v>
      </c>
      <c r="AW26" s="298"/>
      <c r="AX26" s="293">
        <v>0</v>
      </c>
      <c r="AY26" s="293">
        <v>0</v>
      </c>
      <c r="AZ26" s="293">
        <v>0</v>
      </c>
      <c r="BA26" s="293">
        <v>23850</v>
      </c>
      <c r="BB26" s="293">
        <v>48300</v>
      </c>
      <c r="BC26" s="296">
        <v>72150</v>
      </c>
      <c r="BD26" s="297">
        <v>72150</v>
      </c>
      <c r="BE26" s="292">
        <v>0</v>
      </c>
      <c r="BF26" s="293">
        <v>0</v>
      </c>
      <c r="BG26" s="294">
        <v>0</v>
      </c>
      <c r="BH26" s="298"/>
      <c r="BI26" s="293">
        <v>0</v>
      </c>
      <c r="BJ26" s="293">
        <v>0</v>
      </c>
      <c r="BK26" s="293">
        <v>0</v>
      </c>
      <c r="BL26" s="293">
        <v>0</v>
      </c>
      <c r="BM26" s="293">
        <v>0</v>
      </c>
      <c r="BN26" s="296">
        <v>0</v>
      </c>
      <c r="BO26" s="297">
        <v>0</v>
      </c>
      <c r="BP26" s="292">
        <v>0</v>
      </c>
      <c r="BQ26" s="293">
        <v>0</v>
      </c>
      <c r="BR26" s="294">
        <v>0</v>
      </c>
      <c r="BS26" s="295">
        <v>0</v>
      </c>
      <c r="BT26" s="293">
        <v>16345</v>
      </c>
      <c r="BU26" s="293">
        <v>85680</v>
      </c>
      <c r="BV26" s="293">
        <v>60780</v>
      </c>
      <c r="BW26" s="293">
        <v>51659</v>
      </c>
      <c r="BX26" s="293">
        <v>15080</v>
      </c>
      <c r="BY26" s="296">
        <v>229544</v>
      </c>
      <c r="BZ26" s="297">
        <v>229544</v>
      </c>
      <c r="CA26" s="292">
        <v>0</v>
      </c>
      <c r="CB26" s="293">
        <v>0</v>
      </c>
      <c r="CC26" s="294">
        <v>0</v>
      </c>
      <c r="CD26" s="295">
        <v>0</v>
      </c>
      <c r="CE26" s="293">
        <v>0</v>
      </c>
      <c r="CF26" s="293">
        <v>0</v>
      </c>
      <c r="CG26" s="293">
        <v>0</v>
      </c>
      <c r="CH26" s="293">
        <v>1015</v>
      </c>
      <c r="CI26" s="293">
        <v>0</v>
      </c>
      <c r="CJ26" s="296">
        <v>1015</v>
      </c>
      <c r="CK26" s="297">
        <v>1015</v>
      </c>
      <c r="CL26" s="292">
        <v>0</v>
      </c>
      <c r="CM26" s="293">
        <v>0</v>
      </c>
      <c r="CN26" s="294">
        <v>0</v>
      </c>
      <c r="CO26" s="295">
        <v>0</v>
      </c>
      <c r="CP26" s="293">
        <v>0</v>
      </c>
      <c r="CQ26" s="293">
        <v>0</v>
      </c>
      <c r="CR26" s="293">
        <v>0</v>
      </c>
      <c r="CS26" s="293">
        <v>0</v>
      </c>
      <c r="CT26" s="293">
        <v>0</v>
      </c>
      <c r="CU26" s="296">
        <v>0</v>
      </c>
      <c r="CV26" s="297">
        <v>0</v>
      </c>
      <c r="CW26" s="292">
        <v>0</v>
      </c>
      <c r="CX26" s="293">
        <v>0</v>
      </c>
      <c r="CY26" s="294">
        <v>0</v>
      </c>
      <c r="CZ26" s="298"/>
      <c r="DA26" s="293">
        <v>0</v>
      </c>
      <c r="DB26" s="293">
        <v>0</v>
      </c>
      <c r="DC26" s="293">
        <v>0</v>
      </c>
      <c r="DD26" s="293">
        <v>0</v>
      </c>
      <c r="DE26" s="293">
        <v>0</v>
      </c>
      <c r="DF26" s="296">
        <v>0</v>
      </c>
      <c r="DG26" s="297">
        <v>0</v>
      </c>
      <c r="DH26" s="292">
        <v>0</v>
      </c>
      <c r="DI26" s="293">
        <v>0</v>
      </c>
      <c r="DJ26" s="294">
        <v>0</v>
      </c>
      <c r="DK26" s="295">
        <v>0</v>
      </c>
      <c r="DL26" s="293">
        <v>60122</v>
      </c>
      <c r="DM26" s="293">
        <v>214639</v>
      </c>
      <c r="DN26" s="293">
        <v>1002641</v>
      </c>
      <c r="DO26" s="293">
        <v>1285727</v>
      </c>
      <c r="DP26" s="293">
        <v>770832</v>
      </c>
      <c r="DQ26" s="296">
        <v>3333961</v>
      </c>
      <c r="DR26" s="299">
        <v>3333961</v>
      </c>
      <c r="DS26" s="292">
        <v>0</v>
      </c>
      <c r="DT26" s="293">
        <v>0</v>
      </c>
      <c r="DU26" s="294">
        <v>0</v>
      </c>
      <c r="DV26" s="298"/>
      <c r="DW26" s="293">
        <v>31980</v>
      </c>
      <c r="DX26" s="293">
        <v>112920</v>
      </c>
      <c r="DY26" s="293">
        <v>949696</v>
      </c>
      <c r="DZ26" s="293">
        <v>1119397</v>
      </c>
      <c r="EA26" s="293">
        <v>713918</v>
      </c>
      <c r="EB26" s="296">
        <v>2927911</v>
      </c>
      <c r="EC26" s="297">
        <v>2927911</v>
      </c>
      <c r="ED26" s="292">
        <v>0</v>
      </c>
      <c r="EE26" s="293">
        <v>0</v>
      </c>
      <c r="EF26" s="294">
        <v>0</v>
      </c>
      <c r="EG26" s="298"/>
      <c r="EH26" s="293">
        <v>12248</v>
      </c>
      <c r="EI26" s="293">
        <v>43280</v>
      </c>
      <c r="EJ26" s="293">
        <v>1890</v>
      </c>
      <c r="EK26" s="293">
        <v>31843</v>
      </c>
      <c r="EL26" s="293">
        <v>37981</v>
      </c>
      <c r="EM26" s="296">
        <v>127242</v>
      </c>
      <c r="EN26" s="297">
        <v>127242</v>
      </c>
      <c r="EO26" s="292">
        <v>0</v>
      </c>
      <c r="EP26" s="293">
        <v>0</v>
      </c>
      <c r="EQ26" s="294">
        <v>0</v>
      </c>
      <c r="ER26" s="298"/>
      <c r="ES26" s="293">
        <v>0</v>
      </c>
      <c r="ET26" s="293">
        <v>0</v>
      </c>
      <c r="EU26" s="293">
        <v>0</v>
      </c>
      <c r="EV26" s="293">
        <v>0</v>
      </c>
      <c r="EW26" s="293">
        <v>0</v>
      </c>
      <c r="EX26" s="296">
        <v>0</v>
      </c>
      <c r="EY26" s="297">
        <v>0</v>
      </c>
      <c r="EZ26" s="292">
        <v>0</v>
      </c>
      <c r="FA26" s="293">
        <v>0</v>
      </c>
      <c r="FB26" s="294">
        <v>0</v>
      </c>
      <c r="FC26" s="298"/>
      <c r="FD26" s="293">
        <v>0</v>
      </c>
      <c r="FE26" s="293">
        <v>0</v>
      </c>
      <c r="FF26" s="293">
        <v>0</v>
      </c>
      <c r="FG26" s="293">
        <v>210</v>
      </c>
      <c r="FH26" s="293">
        <v>8493</v>
      </c>
      <c r="FI26" s="296">
        <v>8703</v>
      </c>
      <c r="FJ26" s="297">
        <v>8703</v>
      </c>
      <c r="FK26" s="292">
        <v>0</v>
      </c>
      <c r="FL26" s="293">
        <v>0</v>
      </c>
      <c r="FM26" s="294">
        <v>0</v>
      </c>
      <c r="FN26" s="298"/>
      <c r="FO26" s="293">
        <v>0</v>
      </c>
      <c r="FP26" s="293">
        <v>0</v>
      </c>
      <c r="FQ26" s="293">
        <v>0</v>
      </c>
      <c r="FR26" s="293">
        <v>0</v>
      </c>
      <c r="FS26" s="293">
        <v>0</v>
      </c>
      <c r="FT26" s="296">
        <v>0</v>
      </c>
      <c r="FU26" s="297">
        <v>0</v>
      </c>
      <c r="FV26" s="292">
        <v>0</v>
      </c>
      <c r="FW26" s="293">
        <v>0</v>
      </c>
      <c r="FX26" s="294">
        <v>0</v>
      </c>
      <c r="FY26" s="295">
        <v>0</v>
      </c>
      <c r="FZ26" s="293">
        <v>15894</v>
      </c>
      <c r="GA26" s="293">
        <v>58439</v>
      </c>
      <c r="GB26" s="293">
        <v>51055</v>
      </c>
      <c r="GC26" s="293">
        <v>134228</v>
      </c>
      <c r="GD26" s="293">
        <v>10440</v>
      </c>
      <c r="GE26" s="296">
        <v>270056</v>
      </c>
      <c r="GF26" s="297">
        <v>270056</v>
      </c>
      <c r="GG26" s="292">
        <v>0</v>
      </c>
      <c r="GH26" s="293">
        <v>0</v>
      </c>
      <c r="GI26" s="294">
        <v>0</v>
      </c>
      <c r="GJ26" s="295">
        <v>0</v>
      </c>
      <c r="GK26" s="293">
        <v>0</v>
      </c>
      <c r="GL26" s="293">
        <v>0</v>
      </c>
      <c r="GM26" s="293">
        <v>0</v>
      </c>
      <c r="GN26" s="293">
        <v>49</v>
      </c>
      <c r="GO26" s="293">
        <v>0</v>
      </c>
      <c r="GP26" s="296">
        <v>49</v>
      </c>
      <c r="GQ26" s="297">
        <v>49</v>
      </c>
      <c r="GR26" s="292">
        <v>0</v>
      </c>
      <c r="GS26" s="293">
        <v>0</v>
      </c>
      <c r="GT26" s="294">
        <v>0</v>
      </c>
      <c r="GU26" s="295">
        <v>0</v>
      </c>
      <c r="GV26" s="293">
        <v>0</v>
      </c>
      <c r="GW26" s="293">
        <v>0</v>
      </c>
      <c r="GX26" s="293">
        <v>0</v>
      </c>
      <c r="GY26" s="293">
        <v>0</v>
      </c>
      <c r="GZ26" s="293">
        <v>0</v>
      </c>
      <c r="HA26" s="296">
        <v>0</v>
      </c>
      <c r="HB26" s="297">
        <v>0</v>
      </c>
      <c r="HC26" s="292">
        <v>0</v>
      </c>
      <c r="HD26" s="293">
        <v>0</v>
      </c>
      <c r="HE26" s="294">
        <v>0</v>
      </c>
      <c r="HF26" s="298"/>
      <c r="HG26" s="293">
        <v>0</v>
      </c>
      <c r="HH26" s="293">
        <v>0</v>
      </c>
      <c r="HI26" s="293">
        <v>0</v>
      </c>
      <c r="HJ26" s="293">
        <v>0</v>
      </c>
      <c r="HK26" s="293">
        <v>0</v>
      </c>
      <c r="HL26" s="296">
        <v>0</v>
      </c>
      <c r="HM26" s="297">
        <v>0</v>
      </c>
      <c r="HN26" s="292">
        <v>0</v>
      </c>
      <c r="HO26" s="293">
        <v>0</v>
      </c>
      <c r="HP26" s="294">
        <v>0</v>
      </c>
      <c r="HQ26" s="295">
        <v>0</v>
      </c>
      <c r="HR26" s="293">
        <v>249407</v>
      </c>
      <c r="HS26" s="293">
        <v>649884</v>
      </c>
      <c r="HT26" s="293">
        <v>2158419</v>
      </c>
      <c r="HU26" s="293">
        <v>2594480</v>
      </c>
      <c r="HV26" s="293">
        <v>1742522</v>
      </c>
      <c r="HW26" s="296">
        <v>7394712</v>
      </c>
      <c r="HX26" s="297">
        <v>7394712</v>
      </c>
    </row>
    <row r="27" spans="1:232" ht="21" customHeight="1" x14ac:dyDescent="0.2">
      <c r="A27" s="492" t="s">
        <v>24</v>
      </c>
      <c r="B27" s="292">
        <v>0</v>
      </c>
      <c r="C27" s="293">
        <v>0</v>
      </c>
      <c r="D27" s="294">
        <v>0</v>
      </c>
      <c r="E27" s="295">
        <v>0</v>
      </c>
      <c r="F27" s="293">
        <v>60520</v>
      </c>
      <c r="G27" s="293">
        <v>4595</v>
      </c>
      <c r="H27" s="293">
        <v>308700</v>
      </c>
      <c r="I27" s="293">
        <v>725555</v>
      </c>
      <c r="J27" s="293">
        <v>372780</v>
      </c>
      <c r="K27" s="296">
        <v>1472150</v>
      </c>
      <c r="L27" s="297">
        <v>1472150</v>
      </c>
      <c r="M27" s="292">
        <v>0</v>
      </c>
      <c r="N27" s="293">
        <v>0</v>
      </c>
      <c r="O27" s="294">
        <v>0</v>
      </c>
      <c r="P27" s="298"/>
      <c r="Q27" s="293">
        <v>0</v>
      </c>
      <c r="R27" s="293">
        <v>0</v>
      </c>
      <c r="S27" s="293">
        <v>263675</v>
      </c>
      <c r="T27" s="293">
        <v>515170</v>
      </c>
      <c r="U27" s="293">
        <v>232105</v>
      </c>
      <c r="V27" s="296">
        <v>1010950</v>
      </c>
      <c r="W27" s="297">
        <v>1010950</v>
      </c>
      <c r="X27" s="292">
        <v>0</v>
      </c>
      <c r="Y27" s="293">
        <v>0</v>
      </c>
      <c r="Z27" s="294">
        <v>0</v>
      </c>
      <c r="AA27" s="298"/>
      <c r="AB27" s="293">
        <v>58050</v>
      </c>
      <c r="AC27" s="293">
        <v>2550</v>
      </c>
      <c r="AD27" s="293">
        <v>15530</v>
      </c>
      <c r="AE27" s="293">
        <v>167365</v>
      </c>
      <c r="AF27" s="293">
        <v>135315</v>
      </c>
      <c r="AG27" s="296">
        <v>378810</v>
      </c>
      <c r="AH27" s="297">
        <v>378810</v>
      </c>
      <c r="AI27" s="292">
        <v>0</v>
      </c>
      <c r="AJ27" s="293">
        <v>0</v>
      </c>
      <c r="AK27" s="294">
        <v>0</v>
      </c>
      <c r="AL27" s="298"/>
      <c r="AM27" s="293">
        <v>0</v>
      </c>
      <c r="AN27" s="293">
        <v>0</v>
      </c>
      <c r="AO27" s="293">
        <v>0</v>
      </c>
      <c r="AP27" s="293">
        <v>0</v>
      </c>
      <c r="AQ27" s="293">
        <v>0</v>
      </c>
      <c r="AR27" s="296">
        <v>0</v>
      </c>
      <c r="AS27" s="297">
        <v>0</v>
      </c>
      <c r="AT27" s="292">
        <v>0</v>
      </c>
      <c r="AU27" s="293">
        <v>0</v>
      </c>
      <c r="AV27" s="294">
        <v>0</v>
      </c>
      <c r="AW27" s="298"/>
      <c r="AX27" s="293">
        <v>0</v>
      </c>
      <c r="AY27" s="293">
        <v>0</v>
      </c>
      <c r="AZ27" s="293">
        <v>0</v>
      </c>
      <c r="BA27" s="293">
        <v>0</v>
      </c>
      <c r="BB27" s="293">
        <v>0</v>
      </c>
      <c r="BC27" s="296">
        <v>0</v>
      </c>
      <c r="BD27" s="297">
        <v>0</v>
      </c>
      <c r="BE27" s="292">
        <v>0</v>
      </c>
      <c r="BF27" s="293">
        <v>0</v>
      </c>
      <c r="BG27" s="294">
        <v>0</v>
      </c>
      <c r="BH27" s="298"/>
      <c r="BI27" s="293">
        <v>0</v>
      </c>
      <c r="BJ27" s="293">
        <v>0</v>
      </c>
      <c r="BK27" s="293">
        <v>0</v>
      </c>
      <c r="BL27" s="293">
        <v>0</v>
      </c>
      <c r="BM27" s="293">
        <v>0</v>
      </c>
      <c r="BN27" s="296">
        <v>0</v>
      </c>
      <c r="BO27" s="297">
        <v>0</v>
      </c>
      <c r="BP27" s="292">
        <v>0</v>
      </c>
      <c r="BQ27" s="293">
        <v>0</v>
      </c>
      <c r="BR27" s="294">
        <v>0</v>
      </c>
      <c r="BS27" s="295">
        <v>0</v>
      </c>
      <c r="BT27" s="293">
        <v>1915</v>
      </c>
      <c r="BU27" s="293">
        <v>2045</v>
      </c>
      <c r="BV27" s="293">
        <v>26070</v>
      </c>
      <c r="BW27" s="293">
        <v>43020</v>
      </c>
      <c r="BX27" s="293">
        <v>1160</v>
      </c>
      <c r="BY27" s="296">
        <v>74210</v>
      </c>
      <c r="BZ27" s="297">
        <v>74210</v>
      </c>
      <c r="CA27" s="292">
        <v>0</v>
      </c>
      <c r="CB27" s="293">
        <v>0</v>
      </c>
      <c r="CC27" s="294">
        <v>0</v>
      </c>
      <c r="CD27" s="295">
        <v>0</v>
      </c>
      <c r="CE27" s="293">
        <v>555</v>
      </c>
      <c r="CF27" s="293">
        <v>0</v>
      </c>
      <c r="CG27" s="293">
        <v>3425</v>
      </c>
      <c r="CH27" s="293">
        <v>0</v>
      </c>
      <c r="CI27" s="293">
        <v>4200</v>
      </c>
      <c r="CJ27" s="296">
        <v>8180</v>
      </c>
      <c r="CK27" s="297">
        <v>8180</v>
      </c>
      <c r="CL27" s="292">
        <v>0</v>
      </c>
      <c r="CM27" s="293">
        <v>0</v>
      </c>
      <c r="CN27" s="294">
        <v>0</v>
      </c>
      <c r="CO27" s="295">
        <v>0</v>
      </c>
      <c r="CP27" s="293">
        <v>0</v>
      </c>
      <c r="CQ27" s="293">
        <v>0</v>
      </c>
      <c r="CR27" s="293">
        <v>0</v>
      </c>
      <c r="CS27" s="293">
        <v>0</v>
      </c>
      <c r="CT27" s="293">
        <v>0</v>
      </c>
      <c r="CU27" s="296">
        <v>0</v>
      </c>
      <c r="CV27" s="297">
        <v>0</v>
      </c>
      <c r="CW27" s="292">
        <v>0</v>
      </c>
      <c r="CX27" s="293">
        <v>0</v>
      </c>
      <c r="CY27" s="294">
        <v>0</v>
      </c>
      <c r="CZ27" s="298"/>
      <c r="DA27" s="293">
        <v>0</v>
      </c>
      <c r="DB27" s="293">
        <v>0</v>
      </c>
      <c r="DC27" s="293">
        <v>0</v>
      </c>
      <c r="DD27" s="293">
        <v>0</v>
      </c>
      <c r="DE27" s="293">
        <v>0</v>
      </c>
      <c r="DF27" s="296">
        <v>0</v>
      </c>
      <c r="DG27" s="297">
        <v>0</v>
      </c>
      <c r="DH27" s="292">
        <v>0</v>
      </c>
      <c r="DI27" s="293">
        <v>0</v>
      </c>
      <c r="DJ27" s="294">
        <v>0</v>
      </c>
      <c r="DK27" s="295">
        <v>0</v>
      </c>
      <c r="DL27" s="293">
        <v>7993</v>
      </c>
      <c r="DM27" s="293">
        <v>2463</v>
      </c>
      <c r="DN27" s="293">
        <v>410024</v>
      </c>
      <c r="DO27" s="293">
        <v>709367</v>
      </c>
      <c r="DP27" s="293">
        <v>450656</v>
      </c>
      <c r="DQ27" s="296">
        <v>1580503</v>
      </c>
      <c r="DR27" s="299">
        <v>1580503</v>
      </c>
      <c r="DS27" s="292">
        <v>0</v>
      </c>
      <c r="DT27" s="293">
        <v>0</v>
      </c>
      <c r="DU27" s="294">
        <v>0</v>
      </c>
      <c r="DV27" s="298"/>
      <c r="DW27" s="293">
        <v>0</v>
      </c>
      <c r="DX27" s="293">
        <v>0</v>
      </c>
      <c r="DY27" s="293">
        <v>327846</v>
      </c>
      <c r="DZ27" s="293">
        <v>640347</v>
      </c>
      <c r="EA27" s="293">
        <v>424493</v>
      </c>
      <c r="EB27" s="296">
        <v>1392686</v>
      </c>
      <c r="EC27" s="297">
        <v>1392686</v>
      </c>
      <c r="ED27" s="292">
        <v>0</v>
      </c>
      <c r="EE27" s="293">
        <v>0</v>
      </c>
      <c r="EF27" s="294">
        <v>0</v>
      </c>
      <c r="EG27" s="298"/>
      <c r="EH27" s="293">
        <v>630</v>
      </c>
      <c r="EI27" s="293">
        <v>210</v>
      </c>
      <c r="EJ27" s="293">
        <v>42621</v>
      </c>
      <c r="EK27" s="293">
        <v>34472</v>
      </c>
      <c r="EL27" s="293">
        <v>23320</v>
      </c>
      <c r="EM27" s="296">
        <v>101253</v>
      </c>
      <c r="EN27" s="297">
        <v>101253</v>
      </c>
      <c r="EO27" s="292">
        <v>0</v>
      </c>
      <c r="EP27" s="293">
        <v>0</v>
      </c>
      <c r="EQ27" s="294">
        <v>0</v>
      </c>
      <c r="ER27" s="298"/>
      <c r="ES27" s="293">
        <v>0</v>
      </c>
      <c r="ET27" s="293">
        <v>0</v>
      </c>
      <c r="EU27" s="293">
        <v>0</v>
      </c>
      <c r="EV27" s="293">
        <v>0</v>
      </c>
      <c r="EW27" s="293">
        <v>0</v>
      </c>
      <c r="EX27" s="296">
        <v>0</v>
      </c>
      <c r="EY27" s="297">
        <v>0</v>
      </c>
      <c r="EZ27" s="292">
        <v>0</v>
      </c>
      <c r="FA27" s="293">
        <v>0</v>
      </c>
      <c r="FB27" s="294">
        <v>0</v>
      </c>
      <c r="FC27" s="298"/>
      <c r="FD27" s="293">
        <v>0</v>
      </c>
      <c r="FE27" s="293">
        <v>0</v>
      </c>
      <c r="FF27" s="293">
        <v>0</v>
      </c>
      <c r="FG27" s="293">
        <v>0</v>
      </c>
      <c r="FH27" s="293">
        <v>0</v>
      </c>
      <c r="FI27" s="296">
        <v>0</v>
      </c>
      <c r="FJ27" s="297">
        <v>0</v>
      </c>
      <c r="FK27" s="292">
        <v>0</v>
      </c>
      <c r="FL27" s="293">
        <v>0</v>
      </c>
      <c r="FM27" s="294">
        <v>0</v>
      </c>
      <c r="FN27" s="298"/>
      <c r="FO27" s="293">
        <v>0</v>
      </c>
      <c r="FP27" s="293">
        <v>0</v>
      </c>
      <c r="FQ27" s="293">
        <v>0</v>
      </c>
      <c r="FR27" s="293">
        <v>0</v>
      </c>
      <c r="FS27" s="293">
        <v>0</v>
      </c>
      <c r="FT27" s="296">
        <v>0</v>
      </c>
      <c r="FU27" s="297">
        <v>0</v>
      </c>
      <c r="FV27" s="292">
        <v>0</v>
      </c>
      <c r="FW27" s="293">
        <v>0</v>
      </c>
      <c r="FX27" s="294">
        <v>0</v>
      </c>
      <c r="FY27" s="295">
        <v>0</v>
      </c>
      <c r="FZ27" s="293">
        <v>7335</v>
      </c>
      <c r="GA27" s="293">
        <v>2253</v>
      </c>
      <c r="GB27" s="293">
        <v>39494</v>
      </c>
      <c r="GC27" s="293">
        <v>34548</v>
      </c>
      <c r="GD27" s="293">
        <v>2808</v>
      </c>
      <c r="GE27" s="296">
        <v>86438</v>
      </c>
      <c r="GF27" s="297">
        <v>86438</v>
      </c>
      <c r="GG27" s="292">
        <v>0</v>
      </c>
      <c r="GH27" s="293">
        <v>0</v>
      </c>
      <c r="GI27" s="294">
        <v>0</v>
      </c>
      <c r="GJ27" s="295">
        <v>0</v>
      </c>
      <c r="GK27" s="293">
        <v>28</v>
      </c>
      <c r="GL27" s="293">
        <v>0</v>
      </c>
      <c r="GM27" s="293">
        <v>63</v>
      </c>
      <c r="GN27" s="293">
        <v>0</v>
      </c>
      <c r="GO27" s="293">
        <v>35</v>
      </c>
      <c r="GP27" s="296">
        <v>126</v>
      </c>
      <c r="GQ27" s="297">
        <v>126</v>
      </c>
      <c r="GR27" s="292">
        <v>0</v>
      </c>
      <c r="GS27" s="293">
        <v>0</v>
      </c>
      <c r="GT27" s="294">
        <v>0</v>
      </c>
      <c r="GU27" s="295">
        <v>0</v>
      </c>
      <c r="GV27" s="293">
        <v>0</v>
      </c>
      <c r="GW27" s="293">
        <v>0</v>
      </c>
      <c r="GX27" s="293">
        <v>0</v>
      </c>
      <c r="GY27" s="293">
        <v>0</v>
      </c>
      <c r="GZ27" s="293">
        <v>0</v>
      </c>
      <c r="HA27" s="296">
        <v>0</v>
      </c>
      <c r="HB27" s="297">
        <v>0</v>
      </c>
      <c r="HC27" s="292">
        <v>0</v>
      </c>
      <c r="HD27" s="293">
        <v>0</v>
      </c>
      <c r="HE27" s="294">
        <v>0</v>
      </c>
      <c r="HF27" s="298"/>
      <c r="HG27" s="293">
        <v>0</v>
      </c>
      <c r="HH27" s="293">
        <v>0</v>
      </c>
      <c r="HI27" s="293">
        <v>0</v>
      </c>
      <c r="HJ27" s="293">
        <v>0</v>
      </c>
      <c r="HK27" s="293">
        <v>0</v>
      </c>
      <c r="HL27" s="296">
        <v>0</v>
      </c>
      <c r="HM27" s="297">
        <v>0</v>
      </c>
      <c r="HN27" s="292">
        <v>0</v>
      </c>
      <c r="HO27" s="293">
        <v>0</v>
      </c>
      <c r="HP27" s="294">
        <v>0</v>
      </c>
      <c r="HQ27" s="295">
        <v>0</v>
      </c>
      <c r="HR27" s="293">
        <v>68513</v>
      </c>
      <c r="HS27" s="293">
        <v>7058</v>
      </c>
      <c r="HT27" s="293">
        <v>718724</v>
      </c>
      <c r="HU27" s="293">
        <v>1434922</v>
      </c>
      <c r="HV27" s="293">
        <v>823436</v>
      </c>
      <c r="HW27" s="296">
        <v>3052653</v>
      </c>
      <c r="HX27" s="297">
        <v>3052653</v>
      </c>
    </row>
    <row r="28" spans="1:232" ht="21" customHeight="1" x14ac:dyDescent="0.2">
      <c r="A28" s="492" t="s">
        <v>25</v>
      </c>
      <c r="B28" s="292">
        <v>0</v>
      </c>
      <c r="C28" s="293">
        <v>870</v>
      </c>
      <c r="D28" s="294">
        <v>870</v>
      </c>
      <c r="E28" s="295">
        <v>0</v>
      </c>
      <c r="F28" s="293">
        <v>34960</v>
      </c>
      <c r="G28" s="293">
        <v>166867</v>
      </c>
      <c r="H28" s="293">
        <v>480541</v>
      </c>
      <c r="I28" s="293">
        <v>615467</v>
      </c>
      <c r="J28" s="293">
        <v>567100</v>
      </c>
      <c r="K28" s="296">
        <v>1864935</v>
      </c>
      <c r="L28" s="297">
        <v>1865805</v>
      </c>
      <c r="M28" s="292">
        <v>0</v>
      </c>
      <c r="N28" s="293">
        <v>0</v>
      </c>
      <c r="O28" s="294">
        <v>0</v>
      </c>
      <c r="P28" s="298"/>
      <c r="Q28" s="293">
        <v>2380</v>
      </c>
      <c r="R28" s="293">
        <v>7650</v>
      </c>
      <c r="S28" s="293">
        <v>392815</v>
      </c>
      <c r="T28" s="293">
        <v>471105</v>
      </c>
      <c r="U28" s="293">
        <v>434300</v>
      </c>
      <c r="V28" s="296">
        <v>1308250</v>
      </c>
      <c r="W28" s="297">
        <v>1308250</v>
      </c>
      <c r="X28" s="292">
        <v>0</v>
      </c>
      <c r="Y28" s="293">
        <v>0</v>
      </c>
      <c r="Z28" s="294">
        <v>0</v>
      </c>
      <c r="AA28" s="298"/>
      <c r="AB28" s="293">
        <v>11620</v>
      </c>
      <c r="AC28" s="293">
        <v>148065</v>
      </c>
      <c r="AD28" s="293">
        <v>34050</v>
      </c>
      <c r="AE28" s="293">
        <v>126300</v>
      </c>
      <c r="AF28" s="293">
        <v>99265</v>
      </c>
      <c r="AG28" s="296">
        <v>419300</v>
      </c>
      <c r="AH28" s="297">
        <v>419300</v>
      </c>
      <c r="AI28" s="292">
        <v>0</v>
      </c>
      <c r="AJ28" s="293">
        <v>0</v>
      </c>
      <c r="AK28" s="294">
        <v>0</v>
      </c>
      <c r="AL28" s="298"/>
      <c r="AM28" s="293">
        <v>0</v>
      </c>
      <c r="AN28" s="293">
        <v>0</v>
      </c>
      <c r="AO28" s="293">
        <v>0</v>
      </c>
      <c r="AP28" s="293">
        <v>0</v>
      </c>
      <c r="AQ28" s="293">
        <v>0</v>
      </c>
      <c r="AR28" s="296">
        <v>0</v>
      </c>
      <c r="AS28" s="297">
        <v>0</v>
      </c>
      <c r="AT28" s="292">
        <v>0</v>
      </c>
      <c r="AU28" s="293">
        <v>0</v>
      </c>
      <c r="AV28" s="294">
        <v>0</v>
      </c>
      <c r="AW28" s="298"/>
      <c r="AX28" s="293">
        <v>0</v>
      </c>
      <c r="AY28" s="293">
        <v>0</v>
      </c>
      <c r="AZ28" s="293">
        <v>0</v>
      </c>
      <c r="BA28" s="293">
        <v>0</v>
      </c>
      <c r="BB28" s="293">
        <v>31650</v>
      </c>
      <c r="BC28" s="296">
        <v>31650</v>
      </c>
      <c r="BD28" s="297">
        <v>31650</v>
      </c>
      <c r="BE28" s="292">
        <v>0</v>
      </c>
      <c r="BF28" s="293">
        <v>0</v>
      </c>
      <c r="BG28" s="294">
        <v>0</v>
      </c>
      <c r="BH28" s="298"/>
      <c r="BI28" s="293">
        <v>0</v>
      </c>
      <c r="BJ28" s="293">
        <v>0</v>
      </c>
      <c r="BK28" s="293">
        <v>0</v>
      </c>
      <c r="BL28" s="293">
        <v>0</v>
      </c>
      <c r="BM28" s="293">
        <v>0</v>
      </c>
      <c r="BN28" s="296">
        <v>0</v>
      </c>
      <c r="BO28" s="297">
        <v>0</v>
      </c>
      <c r="BP28" s="292">
        <v>0</v>
      </c>
      <c r="BQ28" s="293">
        <v>870</v>
      </c>
      <c r="BR28" s="294">
        <v>870</v>
      </c>
      <c r="BS28" s="295">
        <v>0</v>
      </c>
      <c r="BT28" s="293">
        <v>11785</v>
      </c>
      <c r="BU28" s="293">
        <v>10022</v>
      </c>
      <c r="BV28" s="293">
        <v>53231</v>
      </c>
      <c r="BW28" s="293">
        <v>18062</v>
      </c>
      <c r="BX28" s="293">
        <v>1885</v>
      </c>
      <c r="BY28" s="296">
        <v>94985</v>
      </c>
      <c r="BZ28" s="297">
        <v>95855</v>
      </c>
      <c r="CA28" s="292">
        <v>0</v>
      </c>
      <c r="CB28" s="293">
        <v>0</v>
      </c>
      <c r="CC28" s="294">
        <v>0</v>
      </c>
      <c r="CD28" s="295">
        <v>0</v>
      </c>
      <c r="CE28" s="293">
        <v>9175</v>
      </c>
      <c r="CF28" s="293">
        <v>1130</v>
      </c>
      <c r="CG28" s="293">
        <v>445</v>
      </c>
      <c r="CH28" s="293">
        <v>0</v>
      </c>
      <c r="CI28" s="293">
        <v>0</v>
      </c>
      <c r="CJ28" s="296">
        <v>10750</v>
      </c>
      <c r="CK28" s="297">
        <v>10750</v>
      </c>
      <c r="CL28" s="292">
        <v>0</v>
      </c>
      <c r="CM28" s="293">
        <v>0</v>
      </c>
      <c r="CN28" s="294">
        <v>0</v>
      </c>
      <c r="CO28" s="295">
        <v>0</v>
      </c>
      <c r="CP28" s="293">
        <v>0</v>
      </c>
      <c r="CQ28" s="293">
        <v>0</v>
      </c>
      <c r="CR28" s="293">
        <v>0</v>
      </c>
      <c r="CS28" s="293">
        <v>0</v>
      </c>
      <c r="CT28" s="293">
        <v>0</v>
      </c>
      <c r="CU28" s="296">
        <v>0</v>
      </c>
      <c r="CV28" s="297">
        <v>0</v>
      </c>
      <c r="CW28" s="292">
        <v>0</v>
      </c>
      <c r="CX28" s="293">
        <v>0</v>
      </c>
      <c r="CY28" s="294">
        <v>0</v>
      </c>
      <c r="CZ28" s="298"/>
      <c r="DA28" s="293">
        <v>0</v>
      </c>
      <c r="DB28" s="293">
        <v>0</v>
      </c>
      <c r="DC28" s="293">
        <v>0</v>
      </c>
      <c r="DD28" s="293">
        <v>0</v>
      </c>
      <c r="DE28" s="293">
        <v>0</v>
      </c>
      <c r="DF28" s="296">
        <v>0</v>
      </c>
      <c r="DG28" s="297">
        <v>0</v>
      </c>
      <c r="DH28" s="292">
        <v>0</v>
      </c>
      <c r="DI28" s="293">
        <v>4872</v>
      </c>
      <c r="DJ28" s="294">
        <v>4872</v>
      </c>
      <c r="DK28" s="295">
        <v>0</v>
      </c>
      <c r="DL28" s="293">
        <v>24967</v>
      </c>
      <c r="DM28" s="293">
        <v>112038</v>
      </c>
      <c r="DN28" s="293">
        <v>585846</v>
      </c>
      <c r="DO28" s="293">
        <v>777366</v>
      </c>
      <c r="DP28" s="293">
        <v>436784</v>
      </c>
      <c r="DQ28" s="296">
        <v>1937001</v>
      </c>
      <c r="DR28" s="299">
        <v>1941873</v>
      </c>
      <c r="DS28" s="292">
        <v>0</v>
      </c>
      <c r="DT28" s="293">
        <v>0</v>
      </c>
      <c r="DU28" s="294">
        <v>0</v>
      </c>
      <c r="DV28" s="298"/>
      <c r="DW28" s="293">
        <v>14550</v>
      </c>
      <c r="DX28" s="293">
        <v>56310</v>
      </c>
      <c r="DY28" s="293">
        <v>524010</v>
      </c>
      <c r="DZ28" s="293">
        <v>757666</v>
      </c>
      <c r="EA28" s="293">
        <v>411900</v>
      </c>
      <c r="EB28" s="296">
        <v>1764436</v>
      </c>
      <c r="EC28" s="297">
        <v>1764436</v>
      </c>
      <c r="ED28" s="292">
        <v>0</v>
      </c>
      <c r="EE28" s="293">
        <v>0</v>
      </c>
      <c r="EF28" s="294">
        <v>0</v>
      </c>
      <c r="EG28" s="298"/>
      <c r="EH28" s="293">
        <v>175</v>
      </c>
      <c r="EI28" s="293">
        <v>34560</v>
      </c>
      <c r="EJ28" s="293">
        <v>1050</v>
      </c>
      <c r="EK28" s="293">
        <v>1050</v>
      </c>
      <c r="EL28" s="293">
        <v>11450</v>
      </c>
      <c r="EM28" s="296">
        <v>48285</v>
      </c>
      <c r="EN28" s="297">
        <v>48285</v>
      </c>
      <c r="EO28" s="292">
        <v>0</v>
      </c>
      <c r="EP28" s="293">
        <v>0</v>
      </c>
      <c r="EQ28" s="294">
        <v>0</v>
      </c>
      <c r="ER28" s="298"/>
      <c r="ES28" s="293">
        <v>0</v>
      </c>
      <c r="ET28" s="293">
        <v>0</v>
      </c>
      <c r="EU28" s="293">
        <v>0</v>
      </c>
      <c r="EV28" s="293">
        <v>0</v>
      </c>
      <c r="EW28" s="293">
        <v>0</v>
      </c>
      <c r="EX28" s="296">
        <v>0</v>
      </c>
      <c r="EY28" s="297">
        <v>0</v>
      </c>
      <c r="EZ28" s="292">
        <v>0</v>
      </c>
      <c r="FA28" s="293">
        <v>0</v>
      </c>
      <c r="FB28" s="294">
        <v>0</v>
      </c>
      <c r="FC28" s="298"/>
      <c r="FD28" s="293">
        <v>0</v>
      </c>
      <c r="FE28" s="293">
        <v>0</v>
      </c>
      <c r="FF28" s="293">
        <v>0</v>
      </c>
      <c r="FG28" s="293">
        <v>0</v>
      </c>
      <c r="FH28" s="293">
        <v>210</v>
      </c>
      <c r="FI28" s="296">
        <v>210</v>
      </c>
      <c r="FJ28" s="297">
        <v>210</v>
      </c>
      <c r="FK28" s="292">
        <v>0</v>
      </c>
      <c r="FL28" s="293">
        <v>0</v>
      </c>
      <c r="FM28" s="294">
        <v>0</v>
      </c>
      <c r="FN28" s="298"/>
      <c r="FO28" s="293">
        <v>0</v>
      </c>
      <c r="FP28" s="293">
        <v>0</v>
      </c>
      <c r="FQ28" s="293">
        <v>0</v>
      </c>
      <c r="FR28" s="293">
        <v>0</v>
      </c>
      <c r="FS28" s="293">
        <v>0</v>
      </c>
      <c r="FT28" s="296">
        <v>0</v>
      </c>
      <c r="FU28" s="297">
        <v>0</v>
      </c>
      <c r="FV28" s="292">
        <v>0</v>
      </c>
      <c r="FW28" s="293">
        <v>4872</v>
      </c>
      <c r="FX28" s="294">
        <v>4872</v>
      </c>
      <c r="FY28" s="295">
        <v>0</v>
      </c>
      <c r="FZ28" s="293">
        <v>10207</v>
      </c>
      <c r="GA28" s="293">
        <v>21168</v>
      </c>
      <c r="GB28" s="293">
        <v>60765</v>
      </c>
      <c r="GC28" s="293">
        <v>18650</v>
      </c>
      <c r="GD28" s="293">
        <v>13224</v>
      </c>
      <c r="GE28" s="296">
        <v>124014</v>
      </c>
      <c r="GF28" s="297">
        <v>128886</v>
      </c>
      <c r="GG28" s="292">
        <v>0</v>
      </c>
      <c r="GH28" s="293">
        <v>0</v>
      </c>
      <c r="GI28" s="294">
        <v>0</v>
      </c>
      <c r="GJ28" s="295">
        <v>0</v>
      </c>
      <c r="GK28" s="293">
        <v>35</v>
      </c>
      <c r="GL28" s="293">
        <v>0</v>
      </c>
      <c r="GM28" s="293">
        <v>21</v>
      </c>
      <c r="GN28" s="293">
        <v>0</v>
      </c>
      <c r="GO28" s="293">
        <v>0</v>
      </c>
      <c r="GP28" s="296">
        <v>56</v>
      </c>
      <c r="GQ28" s="297">
        <v>56</v>
      </c>
      <c r="GR28" s="292">
        <v>0</v>
      </c>
      <c r="GS28" s="293">
        <v>0</v>
      </c>
      <c r="GT28" s="294">
        <v>0</v>
      </c>
      <c r="GU28" s="295">
        <v>0</v>
      </c>
      <c r="GV28" s="293">
        <v>0</v>
      </c>
      <c r="GW28" s="293">
        <v>0</v>
      </c>
      <c r="GX28" s="293">
        <v>0</v>
      </c>
      <c r="GY28" s="293">
        <v>0</v>
      </c>
      <c r="GZ28" s="293">
        <v>0</v>
      </c>
      <c r="HA28" s="296">
        <v>0</v>
      </c>
      <c r="HB28" s="297">
        <v>0</v>
      </c>
      <c r="HC28" s="292">
        <v>0</v>
      </c>
      <c r="HD28" s="293">
        <v>0</v>
      </c>
      <c r="HE28" s="294">
        <v>0</v>
      </c>
      <c r="HF28" s="298"/>
      <c r="HG28" s="293">
        <v>0</v>
      </c>
      <c r="HH28" s="293">
        <v>0</v>
      </c>
      <c r="HI28" s="293">
        <v>0</v>
      </c>
      <c r="HJ28" s="293">
        <v>0</v>
      </c>
      <c r="HK28" s="293">
        <v>0</v>
      </c>
      <c r="HL28" s="296">
        <v>0</v>
      </c>
      <c r="HM28" s="297">
        <v>0</v>
      </c>
      <c r="HN28" s="292">
        <v>0</v>
      </c>
      <c r="HO28" s="293">
        <v>5742</v>
      </c>
      <c r="HP28" s="294">
        <v>5742</v>
      </c>
      <c r="HQ28" s="295">
        <v>0</v>
      </c>
      <c r="HR28" s="293">
        <v>59927</v>
      </c>
      <c r="HS28" s="293">
        <v>278905</v>
      </c>
      <c r="HT28" s="293">
        <v>1066387</v>
      </c>
      <c r="HU28" s="293">
        <v>1392833</v>
      </c>
      <c r="HV28" s="293">
        <v>1003884</v>
      </c>
      <c r="HW28" s="296">
        <v>3801936</v>
      </c>
      <c r="HX28" s="297">
        <v>3807678</v>
      </c>
    </row>
    <row r="29" spans="1:232" ht="21" customHeight="1" x14ac:dyDescent="0.2">
      <c r="A29" s="492" t="s">
        <v>26</v>
      </c>
      <c r="B29" s="292">
        <v>0</v>
      </c>
      <c r="C29" s="293">
        <v>2030</v>
      </c>
      <c r="D29" s="294">
        <v>2030</v>
      </c>
      <c r="E29" s="295">
        <v>0</v>
      </c>
      <c r="F29" s="293">
        <v>37529</v>
      </c>
      <c r="G29" s="293">
        <v>213785</v>
      </c>
      <c r="H29" s="293">
        <v>392025</v>
      </c>
      <c r="I29" s="293">
        <v>818525</v>
      </c>
      <c r="J29" s="293">
        <v>349105</v>
      </c>
      <c r="K29" s="296">
        <v>1810969</v>
      </c>
      <c r="L29" s="297">
        <v>1812999</v>
      </c>
      <c r="M29" s="292">
        <v>0</v>
      </c>
      <c r="N29" s="293">
        <v>0</v>
      </c>
      <c r="O29" s="294">
        <v>0</v>
      </c>
      <c r="P29" s="298"/>
      <c r="Q29" s="293">
        <v>0</v>
      </c>
      <c r="R29" s="293">
        <v>117090</v>
      </c>
      <c r="S29" s="293">
        <v>223625</v>
      </c>
      <c r="T29" s="293">
        <v>607780</v>
      </c>
      <c r="U29" s="293">
        <v>277835</v>
      </c>
      <c r="V29" s="296">
        <v>1226330</v>
      </c>
      <c r="W29" s="297">
        <v>1226330</v>
      </c>
      <c r="X29" s="292">
        <v>0</v>
      </c>
      <c r="Y29" s="293">
        <v>0</v>
      </c>
      <c r="Z29" s="294">
        <v>0</v>
      </c>
      <c r="AA29" s="298"/>
      <c r="AB29" s="293">
        <v>31905</v>
      </c>
      <c r="AC29" s="293">
        <v>88205</v>
      </c>
      <c r="AD29" s="293">
        <v>165560</v>
      </c>
      <c r="AE29" s="293">
        <v>189850</v>
      </c>
      <c r="AF29" s="293">
        <v>65850</v>
      </c>
      <c r="AG29" s="296">
        <v>541370</v>
      </c>
      <c r="AH29" s="297">
        <v>541370</v>
      </c>
      <c r="AI29" s="292">
        <v>0</v>
      </c>
      <c r="AJ29" s="293">
        <v>0</v>
      </c>
      <c r="AK29" s="294">
        <v>0</v>
      </c>
      <c r="AL29" s="298"/>
      <c r="AM29" s="293">
        <v>0</v>
      </c>
      <c r="AN29" s="293">
        <v>0</v>
      </c>
      <c r="AO29" s="293">
        <v>0</v>
      </c>
      <c r="AP29" s="293">
        <v>0</v>
      </c>
      <c r="AQ29" s="293">
        <v>0</v>
      </c>
      <c r="AR29" s="296">
        <v>0</v>
      </c>
      <c r="AS29" s="297">
        <v>0</v>
      </c>
      <c r="AT29" s="292">
        <v>0</v>
      </c>
      <c r="AU29" s="293">
        <v>0</v>
      </c>
      <c r="AV29" s="294">
        <v>0</v>
      </c>
      <c r="AW29" s="298"/>
      <c r="AX29" s="293">
        <v>0</v>
      </c>
      <c r="AY29" s="293">
        <v>0</v>
      </c>
      <c r="AZ29" s="293">
        <v>2550</v>
      </c>
      <c r="BA29" s="293">
        <v>0</v>
      </c>
      <c r="BB29" s="293">
        <v>5100</v>
      </c>
      <c r="BC29" s="296">
        <v>7650</v>
      </c>
      <c r="BD29" s="297">
        <v>7650</v>
      </c>
      <c r="BE29" s="292">
        <v>0</v>
      </c>
      <c r="BF29" s="293">
        <v>0</v>
      </c>
      <c r="BG29" s="294">
        <v>0</v>
      </c>
      <c r="BH29" s="298"/>
      <c r="BI29" s="293">
        <v>0</v>
      </c>
      <c r="BJ29" s="293">
        <v>0</v>
      </c>
      <c r="BK29" s="293">
        <v>0</v>
      </c>
      <c r="BL29" s="293">
        <v>0</v>
      </c>
      <c r="BM29" s="293">
        <v>0</v>
      </c>
      <c r="BN29" s="296">
        <v>0</v>
      </c>
      <c r="BO29" s="297">
        <v>0</v>
      </c>
      <c r="BP29" s="292">
        <v>0</v>
      </c>
      <c r="BQ29" s="293">
        <v>2030</v>
      </c>
      <c r="BR29" s="294">
        <v>2030</v>
      </c>
      <c r="BS29" s="295">
        <v>0</v>
      </c>
      <c r="BT29" s="293">
        <v>5624</v>
      </c>
      <c r="BU29" s="293">
        <v>6135</v>
      </c>
      <c r="BV29" s="293">
        <v>290</v>
      </c>
      <c r="BW29" s="293">
        <v>19770</v>
      </c>
      <c r="BX29" s="293">
        <v>320</v>
      </c>
      <c r="BY29" s="296">
        <v>32139</v>
      </c>
      <c r="BZ29" s="297">
        <v>34169</v>
      </c>
      <c r="CA29" s="292">
        <v>0</v>
      </c>
      <c r="CB29" s="293">
        <v>0</v>
      </c>
      <c r="CC29" s="294">
        <v>0</v>
      </c>
      <c r="CD29" s="295">
        <v>0</v>
      </c>
      <c r="CE29" s="293">
        <v>0</v>
      </c>
      <c r="CF29" s="293">
        <v>2355</v>
      </c>
      <c r="CG29" s="293">
        <v>0</v>
      </c>
      <c r="CH29" s="293">
        <v>1125</v>
      </c>
      <c r="CI29" s="293">
        <v>0</v>
      </c>
      <c r="CJ29" s="296">
        <v>3480</v>
      </c>
      <c r="CK29" s="297">
        <v>3480</v>
      </c>
      <c r="CL29" s="292">
        <v>0</v>
      </c>
      <c r="CM29" s="293">
        <v>0</v>
      </c>
      <c r="CN29" s="294">
        <v>0</v>
      </c>
      <c r="CO29" s="295">
        <v>0</v>
      </c>
      <c r="CP29" s="293">
        <v>0</v>
      </c>
      <c r="CQ29" s="293">
        <v>0</v>
      </c>
      <c r="CR29" s="293">
        <v>0</v>
      </c>
      <c r="CS29" s="293">
        <v>0</v>
      </c>
      <c r="CT29" s="293">
        <v>0</v>
      </c>
      <c r="CU29" s="296">
        <v>0</v>
      </c>
      <c r="CV29" s="297">
        <v>0</v>
      </c>
      <c r="CW29" s="292">
        <v>0</v>
      </c>
      <c r="CX29" s="293">
        <v>0</v>
      </c>
      <c r="CY29" s="294">
        <v>0</v>
      </c>
      <c r="CZ29" s="298"/>
      <c r="DA29" s="293">
        <v>0</v>
      </c>
      <c r="DB29" s="293">
        <v>0</v>
      </c>
      <c r="DC29" s="293">
        <v>0</v>
      </c>
      <c r="DD29" s="293">
        <v>0</v>
      </c>
      <c r="DE29" s="293">
        <v>0</v>
      </c>
      <c r="DF29" s="296">
        <v>0</v>
      </c>
      <c r="DG29" s="297">
        <v>0</v>
      </c>
      <c r="DH29" s="292">
        <v>0</v>
      </c>
      <c r="DI29" s="293">
        <v>9744</v>
      </c>
      <c r="DJ29" s="294">
        <v>9744</v>
      </c>
      <c r="DK29" s="295">
        <v>0</v>
      </c>
      <c r="DL29" s="293">
        <v>17694</v>
      </c>
      <c r="DM29" s="293">
        <v>216554</v>
      </c>
      <c r="DN29" s="293">
        <v>366969</v>
      </c>
      <c r="DO29" s="293">
        <v>675107</v>
      </c>
      <c r="DP29" s="293">
        <v>436908</v>
      </c>
      <c r="DQ29" s="296">
        <v>1713232</v>
      </c>
      <c r="DR29" s="299">
        <v>1722976</v>
      </c>
      <c r="DS29" s="292">
        <v>0</v>
      </c>
      <c r="DT29" s="293">
        <v>0</v>
      </c>
      <c r="DU29" s="294">
        <v>0</v>
      </c>
      <c r="DV29" s="298"/>
      <c r="DW29" s="293">
        <v>0</v>
      </c>
      <c r="DX29" s="293">
        <v>166210</v>
      </c>
      <c r="DY29" s="293">
        <v>317250</v>
      </c>
      <c r="DZ29" s="293">
        <v>634350</v>
      </c>
      <c r="EA29" s="293">
        <v>415010</v>
      </c>
      <c r="EB29" s="296">
        <v>1532820</v>
      </c>
      <c r="EC29" s="297">
        <v>1532820</v>
      </c>
      <c r="ED29" s="292">
        <v>0</v>
      </c>
      <c r="EE29" s="293">
        <v>0</v>
      </c>
      <c r="EF29" s="294">
        <v>0</v>
      </c>
      <c r="EG29" s="298"/>
      <c r="EH29" s="293">
        <v>231</v>
      </c>
      <c r="EI29" s="293">
        <v>33678</v>
      </c>
      <c r="EJ29" s="293">
        <v>48309</v>
      </c>
      <c r="EK29" s="293">
        <v>23810</v>
      </c>
      <c r="EL29" s="293">
        <v>570</v>
      </c>
      <c r="EM29" s="296">
        <v>106598</v>
      </c>
      <c r="EN29" s="297">
        <v>106598</v>
      </c>
      <c r="EO29" s="292">
        <v>0</v>
      </c>
      <c r="EP29" s="293">
        <v>0</v>
      </c>
      <c r="EQ29" s="294">
        <v>0</v>
      </c>
      <c r="ER29" s="298"/>
      <c r="ES29" s="293">
        <v>0</v>
      </c>
      <c r="ET29" s="293">
        <v>0</v>
      </c>
      <c r="EU29" s="293">
        <v>0</v>
      </c>
      <c r="EV29" s="293">
        <v>0</v>
      </c>
      <c r="EW29" s="293">
        <v>0</v>
      </c>
      <c r="EX29" s="296">
        <v>0</v>
      </c>
      <c r="EY29" s="297">
        <v>0</v>
      </c>
      <c r="EZ29" s="292">
        <v>0</v>
      </c>
      <c r="FA29" s="293">
        <v>0</v>
      </c>
      <c r="FB29" s="294">
        <v>0</v>
      </c>
      <c r="FC29" s="298"/>
      <c r="FD29" s="293">
        <v>0</v>
      </c>
      <c r="FE29" s="293">
        <v>0</v>
      </c>
      <c r="FF29" s="293">
        <v>210</v>
      </c>
      <c r="FG29" s="293">
        <v>0</v>
      </c>
      <c r="FH29" s="293">
        <v>420</v>
      </c>
      <c r="FI29" s="296">
        <v>630</v>
      </c>
      <c r="FJ29" s="297">
        <v>630</v>
      </c>
      <c r="FK29" s="292">
        <v>0</v>
      </c>
      <c r="FL29" s="293">
        <v>0</v>
      </c>
      <c r="FM29" s="294">
        <v>0</v>
      </c>
      <c r="FN29" s="298"/>
      <c r="FO29" s="293">
        <v>0</v>
      </c>
      <c r="FP29" s="293">
        <v>0</v>
      </c>
      <c r="FQ29" s="293">
        <v>0</v>
      </c>
      <c r="FR29" s="293">
        <v>0</v>
      </c>
      <c r="FS29" s="293">
        <v>0</v>
      </c>
      <c r="FT29" s="296">
        <v>0</v>
      </c>
      <c r="FU29" s="297">
        <v>0</v>
      </c>
      <c r="FV29" s="292">
        <v>0</v>
      </c>
      <c r="FW29" s="293">
        <v>9744</v>
      </c>
      <c r="FX29" s="294">
        <v>9744</v>
      </c>
      <c r="FY29" s="295">
        <v>0</v>
      </c>
      <c r="FZ29" s="293">
        <v>17463</v>
      </c>
      <c r="GA29" s="293">
        <v>16631</v>
      </c>
      <c r="GB29" s="293">
        <v>1200</v>
      </c>
      <c r="GC29" s="293">
        <v>16849</v>
      </c>
      <c r="GD29" s="293">
        <v>20908</v>
      </c>
      <c r="GE29" s="296">
        <v>73051</v>
      </c>
      <c r="GF29" s="297">
        <v>82795</v>
      </c>
      <c r="GG29" s="292">
        <v>0</v>
      </c>
      <c r="GH29" s="293">
        <v>0</v>
      </c>
      <c r="GI29" s="294">
        <v>0</v>
      </c>
      <c r="GJ29" s="295">
        <v>0</v>
      </c>
      <c r="GK29" s="293">
        <v>0</v>
      </c>
      <c r="GL29" s="293">
        <v>35</v>
      </c>
      <c r="GM29" s="293">
        <v>0</v>
      </c>
      <c r="GN29" s="293">
        <v>98</v>
      </c>
      <c r="GO29" s="293">
        <v>0</v>
      </c>
      <c r="GP29" s="296">
        <v>133</v>
      </c>
      <c r="GQ29" s="297">
        <v>133</v>
      </c>
      <c r="GR29" s="292">
        <v>0</v>
      </c>
      <c r="GS29" s="293">
        <v>0</v>
      </c>
      <c r="GT29" s="294">
        <v>0</v>
      </c>
      <c r="GU29" s="295">
        <v>0</v>
      </c>
      <c r="GV29" s="293">
        <v>0</v>
      </c>
      <c r="GW29" s="293">
        <v>0</v>
      </c>
      <c r="GX29" s="293">
        <v>0</v>
      </c>
      <c r="GY29" s="293">
        <v>0</v>
      </c>
      <c r="GZ29" s="293">
        <v>0</v>
      </c>
      <c r="HA29" s="296">
        <v>0</v>
      </c>
      <c r="HB29" s="297">
        <v>0</v>
      </c>
      <c r="HC29" s="292">
        <v>0</v>
      </c>
      <c r="HD29" s="293">
        <v>0</v>
      </c>
      <c r="HE29" s="294">
        <v>0</v>
      </c>
      <c r="HF29" s="298"/>
      <c r="HG29" s="293">
        <v>0</v>
      </c>
      <c r="HH29" s="293">
        <v>0</v>
      </c>
      <c r="HI29" s="293">
        <v>0</v>
      </c>
      <c r="HJ29" s="293">
        <v>0</v>
      </c>
      <c r="HK29" s="293">
        <v>0</v>
      </c>
      <c r="HL29" s="296">
        <v>0</v>
      </c>
      <c r="HM29" s="297">
        <v>0</v>
      </c>
      <c r="HN29" s="292">
        <v>0</v>
      </c>
      <c r="HO29" s="293">
        <v>11774</v>
      </c>
      <c r="HP29" s="294">
        <v>11774</v>
      </c>
      <c r="HQ29" s="295">
        <v>0</v>
      </c>
      <c r="HR29" s="293">
        <v>55223</v>
      </c>
      <c r="HS29" s="293">
        <v>430339</v>
      </c>
      <c r="HT29" s="293">
        <v>758994</v>
      </c>
      <c r="HU29" s="293">
        <v>1493632</v>
      </c>
      <c r="HV29" s="293">
        <v>786013</v>
      </c>
      <c r="HW29" s="296">
        <v>3524201</v>
      </c>
      <c r="HX29" s="297">
        <v>3535975</v>
      </c>
    </row>
    <row r="30" spans="1:232" ht="21" customHeight="1" x14ac:dyDescent="0.2">
      <c r="A30" s="492" t="s">
        <v>27</v>
      </c>
      <c r="B30" s="292">
        <v>0</v>
      </c>
      <c r="C30" s="293">
        <v>0</v>
      </c>
      <c r="D30" s="294">
        <v>0</v>
      </c>
      <c r="E30" s="295">
        <v>0</v>
      </c>
      <c r="F30" s="293">
        <v>72883</v>
      </c>
      <c r="G30" s="293">
        <v>157200</v>
      </c>
      <c r="H30" s="293">
        <v>507405</v>
      </c>
      <c r="I30" s="293">
        <v>654000</v>
      </c>
      <c r="J30" s="293">
        <v>422550</v>
      </c>
      <c r="K30" s="296">
        <v>1814038</v>
      </c>
      <c r="L30" s="297">
        <v>1814038</v>
      </c>
      <c r="M30" s="292">
        <v>0</v>
      </c>
      <c r="N30" s="293">
        <v>0</v>
      </c>
      <c r="O30" s="294">
        <v>0</v>
      </c>
      <c r="P30" s="298"/>
      <c r="Q30" s="293">
        <v>34200</v>
      </c>
      <c r="R30" s="293">
        <v>31650</v>
      </c>
      <c r="S30" s="293">
        <v>327735</v>
      </c>
      <c r="T30" s="293">
        <v>482375</v>
      </c>
      <c r="U30" s="293">
        <v>383250</v>
      </c>
      <c r="V30" s="296">
        <v>1259210</v>
      </c>
      <c r="W30" s="297">
        <v>1259210</v>
      </c>
      <c r="X30" s="292">
        <v>0</v>
      </c>
      <c r="Y30" s="293">
        <v>0</v>
      </c>
      <c r="Z30" s="294">
        <v>0</v>
      </c>
      <c r="AA30" s="298"/>
      <c r="AB30" s="293">
        <v>34200</v>
      </c>
      <c r="AC30" s="293">
        <v>116100</v>
      </c>
      <c r="AD30" s="293">
        <v>97350</v>
      </c>
      <c r="AE30" s="293">
        <v>160990</v>
      </c>
      <c r="AF30" s="293">
        <v>36750</v>
      </c>
      <c r="AG30" s="296">
        <v>445390</v>
      </c>
      <c r="AH30" s="297">
        <v>445390</v>
      </c>
      <c r="AI30" s="292">
        <v>0</v>
      </c>
      <c r="AJ30" s="293">
        <v>0</v>
      </c>
      <c r="AK30" s="294">
        <v>0</v>
      </c>
      <c r="AL30" s="298"/>
      <c r="AM30" s="293">
        <v>0</v>
      </c>
      <c r="AN30" s="293">
        <v>0</v>
      </c>
      <c r="AO30" s="293">
        <v>0</v>
      </c>
      <c r="AP30" s="293">
        <v>0</v>
      </c>
      <c r="AQ30" s="293">
        <v>0</v>
      </c>
      <c r="AR30" s="296">
        <v>0</v>
      </c>
      <c r="AS30" s="297">
        <v>0</v>
      </c>
      <c r="AT30" s="292">
        <v>0</v>
      </c>
      <c r="AU30" s="293">
        <v>0</v>
      </c>
      <c r="AV30" s="294">
        <v>0</v>
      </c>
      <c r="AW30" s="298"/>
      <c r="AX30" s="293">
        <v>0</v>
      </c>
      <c r="AY30" s="293">
        <v>0</v>
      </c>
      <c r="AZ30" s="293">
        <v>0</v>
      </c>
      <c r="BA30" s="293">
        <v>0</v>
      </c>
      <c r="BB30" s="293">
        <v>0</v>
      </c>
      <c r="BC30" s="296">
        <v>0</v>
      </c>
      <c r="BD30" s="297">
        <v>0</v>
      </c>
      <c r="BE30" s="292">
        <v>0</v>
      </c>
      <c r="BF30" s="293">
        <v>0</v>
      </c>
      <c r="BG30" s="294">
        <v>0</v>
      </c>
      <c r="BH30" s="298"/>
      <c r="BI30" s="293">
        <v>0</v>
      </c>
      <c r="BJ30" s="293">
        <v>0</v>
      </c>
      <c r="BK30" s="293">
        <v>60600</v>
      </c>
      <c r="BL30" s="293">
        <v>10200</v>
      </c>
      <c r="BM30" s="293">
        <v>2550</v>
      </c>
      <c r="BN30" s="296">
        <v>73350</v>
      </c>
      <c r="BO30" s="297">
        <v>73350</v>
      </c>
      <c r="BP30" s="292">
        <v>0</v>
      </c>
      <c r="BQ30" s="293">
        <v>0</v>
      </c>
      <c r="BR30" s="294">
        <v>0</v>
      </c>
      <c r="BS30" s="295">
        <v>0</v>
      </c>
      <c r="BT30" s="293">
        <v>4483</v>
      </c>
      <c r="BU30" s="293">
        <v>9450</v>
      </c>
      <c r="BV30" s="293">
        <v>21720</v>
      </c>
      <c r="BW30" s="293">
        <v>0</v>
      </c>
      <c r="BX30" s="293">
        <v>0</v>
      </c>
      <c r="BY30" s="296">
        <v>35653</v>
      </c>
      <c r="BZ30" s="297">
        <v>35653</v>
      </c>
      <c r="CA30" s="292">
        <v>0</v>
      </c>
      <c r="CB30" s="293">
        <v>0</v>
      </c>
      <c r="CC30" s="294">
        <v>0</v>
      </c>
      <c r="CD30" s="295">
        <v>0</v>
      </c>
      <c r="CE30" s="293">
        <v>0</v>
      </c>
      <c r="CF30" s="293">
        <v>0</v>
      </c>
      <c r="CG30" s="293">
        <v>0</v>
      </c>
      <c r="CH30" s="293">
        <v>435</v>
      </c>
      <c r="CI30" s="293">
        <v>0</v>
      </c>
      <c r="CJ30" s="296">
        <v>435</v>
      </c>
      <c r="CK30" s="297">
        <v>435</v>
      </c>
      <c r="CL30" s="292">
        <v>0</v>
      </c>
      <c r="CM30" s="293">
        <v>0</v>
      </c>
      <c r="CN30" s="294">
        <v>0</v>
      </c>
      <c r="CO30" s="295">
        <v>0</v>
      </c>
      <c r="CP30" s="293">
        <v>0</v>
      </c>
      <c r="CQ30" s="293">
        <v>0</v>
      </c>
      <c r="CR30" s="293">
        <v>0</v>
      </c>
      <c r="CS30" s="293">
        <v>0</v>
      </c>
      <c r="CT30" s="293">
        <v>0</v>
      </c>
      <c r="CU30" s="296">
        <v>0</v>
      </c>
      <c r="CV30" s="297">
        <v>0</v>
      </c>
      <c r="CW30" s="292">
        <v>0</v>
      </c>
      <c r="CX30" s="293">
        <v>0</v>
      </c>
      <c r="CY30" s="294">
        <v>0</v>
      </c>
      <c r="CZ30" s="298"/>
      <c r="DA30" s="293">
        <v>0</v>
      </c>
      <c r="DB30" s="293">
        <v>0</v>
      </c>
      <c r="DC30" s="293">
        <v>0</v>
      </c>
      <c r="DD30" s="293">
        <v>0</v>
      </c>
      <c r="DE30" s="293">
        <v>0</v>
      </c>
      <c r="DF30" s="296">
        <v>0</v>
      </c>
      <c r="DG30" s="297">
        <v>0</v>
      </c>
      <c r="DH30" s="292">
        <v>0</v>
      </c>
      <c r="DI30" s="293">
        <v>0</v>
      </c>
      <c r="DJ30" s="294">
        <v>0</v>
      </c>
      <c r="DK30" s="295">
        <v>0</v>
      </c>
      <c r="DL30" s="293">
        <v>62370</v>
      </c>
      <c r="DM30" s="293">
        <v>74160</v>
      </c>
      <c r="DN30" s="293">
        <v>467545</v>
      </c>
      <c r="DO30" s="293">
        <v>663423</v>
      </c>
      <c r="DP30" s="293">
        <v>395580</v>
      </c>
      <c r="DQ30" s="296">
        <v>1663078</v>
      </c>
      <c r="DR30" s="299">
        <v>1663078</v>
      </c>
      <c r="DS30" s="292">
        <v>0</v>
      </c>
      <c r="DT30" s="293">
        <v>0</v>
      </c>
      <c r="DU30" s="294">
        <v>0</v>
      </c>
      <c r="DV30" s="298"/>
      <c r="DW30" s="293">
        <v>29100</v>
      </c>
      <c r="DX30" s="293">
        <v>14550</v>
      </c>
      <c r="DY30" s="293">
        <v>287415</v>
      </c>
      <c r="DZ30" s="293">
        <v>532573</v>
      </c>
      <c r="EA30" s="293">
        <v>364380</v>
      </c>
      <c r="EB30" s="296">
        <v>1228018</v>
      </c>
      <c r="EC30" s="297">
        <v>1228018</v>
      </c>
      <c r="ED30" s="292">
        <v>0</v>
      </c>
      <c r="EE30" s="293">
        <v>0</v>
      </c>
      <c r="EF30" s="294">
        <v>0</v>
      </c>
      <c r="EG30" s="298"/>
      <c r="EH30" s="293">
        <v>21090</v>
      </c>
      <c r="EI30" s="293">
        <v>45240</v>
      </c>
      <c r="EJ30" s="293">
        <v>57510</v>
      </c>
      <c r="EK30" s="293">
        <v>45898</v>
      </c>
      <c r="EL30" s="293">
        <v>10320</v>
      </c>
      <c r="EM30" s="296">
        <v>180058</v>
      </c>
      <c r="EN30" s="297">
        <v>180058</v>
      </c>
      <c r="EO30" s="292">
        <v>0</v>
      </c>
      <c r="EP30" s="293">
        <v>0</v>
      </c>
      <c r="EQ30" s="294">
        <v>0</v>
      </c>
      <c r="ER30" s="298"/>
      <c r="ES30" s="293">
        <v>0</v>
      </c>
      <c r="ET30" s="293">
        <v>0</v>
      </c>
      <c r="EU30" s="293">
        <v>0</v>
      </c>
      <c r="EV30" s="293">
        <v>0</v>
      </c>
      <c r="EW30" s="293">
        <v>0</v>
      </c>
      <c r="EX30" s="296">
        <v>0</v>
      </c>
      <c r="EY30" s="297">
        <v>0</v>
      </c>
      <c r="EZ30" s="292">
        <v>0</v>
      </c>
      <c r="FA30" s="293">
        <v>0</v>
      </c>
      <c r="FB30" s="294">
        <v>0</v>
      </c>
      <c r="FC30" s="298"/>
      <c r="FD30" s="293">
        <v>0</v>
      </c>
      <c r="FE30" s="293">
        <v>0</v>
      </c>
      <c r="FF30" s="293">
        <v>0</v>
      </c>
      <c r="FG30" s="293">
        <v>0</v>
      </c>
      <c r="FH30" s="293">
        <v>0</v>
      </c>
      <c r="FI30" s="296">
        <v>0</v>
      </c>
      <c r="FJ30" s="297">
        <v>0</v>
      </c>
      <c r="FK30" s="292">
        <v>0</v>
      </c>
      <c r="FL30" s="293">
        <v>0</v>
      </c>
      <c r="FM30" s="294">
        <v>0</v>
      </c>
      <c r="FN30" s="298"/>
      <c r="FO30" s="293">
        <v>0</v>
      </c>
      <c r="FP30" s="293">
        <v>0</v>
      </c>
      <c r="FQ30" s="293">
        <v>98220</v>
      </c>
      <c r="FR30" s="293">
        <v>83520</v>
      </c>
      <c r="FS30" s="293">
        <v>20880</v>
      </c>
      <c r="FT30" s="296">
        <v>202620</v>
      </c>
      <c r="FU30" s="297">
        <v>202620</v>
      </c>
      <c r="FV30" s="292">
        <v>0</v>
      </c>
      <c r="FW30" s="293">
        <v>0</v>
      </c>
      <c r="FX30" s="294">
        <v>0</v>
      </c>
      <c r="FY30" s="295">
        <v>0</v>
      </c>
      <c r="FZ30" s="293">
        <v>12180</v>
      </c>
      <c r="GA30" s="293">
        <v>14370</v>
      </c>
      <c r="GB30" s="293">
        <v>24400</v>
      </c>
      <c r="GC30" s="293">
        <v>0</v>
      </c>
      <c r="GD30" s="293">
        <v>0</v>
      </c>
      <c r="GE30" s="296">
        <v>50950</v>
      </c>
      <c r="GF30" s="297">
        <v>50950</v>
      </c>
      <c r="GG30" s="292">
        <v>0</v>
      </c>
      <c r="GH30" s="293">
        <v>0</v>
      </c>
      <c r="GI30" s="294">
        <v>0</v>
      </c>
      <c r="GJ30" s="295">
        <v>0</v>
      </c>
      <c r="GK30" s="293">
        <v>0</v>
      </c>
      <c r="GL30" s="293">
        <v>0</v>
      </c>
      <c r="GM30" s="293">
        <v>0</v>
      </c>
      <c r="GN30" s="293">
        <v>1432</v>
      </c>
      <c r="GO30" s="293">
        <v>0</v>
      </c>
      <c r="GP30" s="296">
        <v>1432</v>
      </c>
      <c r="GQ30" s="297">
        <v>1432</v>
      </c>
      <c r="GR30" s="292">
        <v>0</v>
      </c>
      <c r="GS30" s="293">
        <v>0</v>
      </c>
      <c r="GT30" s="294">
        <v>0</v>
      </c>
      <c r="GU30" s="295">
        <v>0</v>
      </c>
      <c r="GV30" s="293">
        <v>0</v>
      </c>
      <c r="GW30" s="293">
        <v>0</v>
      </c>
      <c r="GX30" s="293">
        <v>0</v>
      </c>
      <c r="GY30" s="293">
        <v>0</v>
      </c>
      <c r="GZ30" s="293">
        <v>0</v>
      </c>
      <c r="HA30" s="296">
        <v>0</v>
      </c>
      <c r="HB30" s="297">
        <v>0</v>
      </c>
      <c r="HC30" s="292">
        <v>0</v>
      </c>
      <c r="HD30" s="293">
        <v>0</v>
      </c>
      <c r="HE30" s="294">
        <v>0</v>
      </c>
      <c r="HF30" s="298"/>
      <c r="HG30" s="293">
        <v>0</v>
      </c>
      <c r="HH30" s="293">
        <v>0</v>
      </c>
      <c r="HI30" s="293">
        <v>0</v>
      </c>
      <c r="HJ30" s="293">
        <v>0</v>
      </c>
      <c r="HK30" s="293">
        <v>0</v>
      </c>
      <c r="HL30" s="296">
        <v>0</v>
      </c>
      <c r="HM30" s="297">
        <v>0</v>
      </c>
      <c r="HN30" s="292">
        <v>0</v>
      </c>
      <c r="HO30" s="293">
        <v>0</v>
      </c>
      <c r="HP30" s="294">
        <v>0</v>
      </c>
      <c r="HQ30" s="295">
        <v>0</v>
      </c>
      <c r="HR30" s="293">
        <v>135253</v>
      </c>
      <c r="HS30" s="293">
        <v>231360</v>
      </c>
      <c r="HT30" s="293">
        <v>974950</v>
      </c>
      <c r="HU30" s="293">
        <v>1317423</v>
      </c>
      <c r="HV30" s="293">
        <v>818130</v>
      </c>
      <c r="HW30" s="296">
        <v>3477116</v>
      </c>
      <c r="HX30" s="297">
        <v>3477116</v>
      </c>
    </row>
    <row r="31" spans="1:232" ht="21" customHeight="1" x14ac:dyDescent="0.2">
      <c r="A31" s="492" t="s">
        <v>28</v>
      </c>
      <c r="B31" s="292">
        <v>0</v>
      </c>
      <c r="C31" s="293">
        <v>0</v>
      </c>
      <c r="D31" s="294">
        <v>0</v>
      </c>
      <c r="E31" s="295">
        <v>0</v>
      </c>
      <c r="F31" s="293">
        <v>23850</v>
      </c>
      <c r="G31" s="293">
        <v>42710</v>
      </c>
      <c r="H31" s="293">
        <v>266320</v>
      </c>
      <c r="I31" s="293">
        <v>190200</v>
      </c>
      <c r="J31" s="293">
        <v>83591</v>
      </c>
      <c r="K31" s="296">
        <v>606671</v>
      </c>
      <c r="L31" s="297">
        <v>606671</v>
      </c>
      <c r="M31" s="292">
        <v>0</v>
      </c>
      <c r="N31" s="293">
        <v>0</v>
      </c>
      <c r="O31" s="294">
        <v>0</v>
      </c>
      <c r="P31" s="298"/>
      <c r="Q31" s="293">
        <v>0</v>
      </c>
      <c r="R31" s="293">
        <v>29700</v>
      </c>
      <c r="S31" s="293">
        <v>203400</v>
      </c>
      <c r="T31" s="293">
        <v>126900</v>
      </c>
      <c r="U31" s="293">
        <v>83591</v>
      </c>
      <c r="V31" s="296">
        <v>443591</v>
      </c>
      <c r="W31" s="297">
        <v>443591</v>
      </c>
      <c r="X31" s="292">
        <v>0</v>
      </c>
      <c r="Y31" s="293">
        <v>0</v>
      </c>
      <c r="Z31" s="294">
        <v>0</v>
      </c>
      <c r="AA31" s="298"/>
      <c r="AB31" s="293">
        <v>23850</v>
      </c>
      <c r="AC31" s="293">
        <v>8115</v>
      </c>
      <c r="AD31" s="293">
        <v>58050</v>
      </c>
      <c r="AE31" s="293">
        <v>63300</v>
      </c>
      <c r="AF31" s="293">
        <v>0</v>
      </c>
      <c r="AG31" s="296">
        <v>153315</v>
      </c>
      <c r="AH31" s="297">
        <v>153315</v>
      </c>
      <c r="AI31" s="292">
        <v>0</v>
      </c>
      <c r="AJ31" s="293">
        <v>0</v>
      </c>
      <c r="AK31" s="294">
        <v>0</v>
      </c>
      <c r="AL31" s="298"/>
      <c r="AM31" s="293">
        <v>0</v>
      </c>
      <c r="AN31" s="293">
        <v>0</v>
      </c>
      <c r="AO31" s="293">
        <v>0</v>
      </c>
      <c r="AP31" s="293">
        <v>0</v>
      </c>
      <c r="AQ31" s="293">
        <v>0</v>
      </c>
      <c r="AR31" s="296">
        <v>0</v>
      </c>
      <c r="AS31" s="297">
        <v>0</v>
      </c>
      <c r="AT31" s="292">
        <v>0</v>
      </c>
      <c r="AU31" s="293">
        <v>0</v>
      </c>
      <c r="AV31" s="294">
        <v>0</v>
      </c>
      <c r="AW31" s="298"/>
      <c r="AX31" s="293">
        <v>0</v>
      </c>
      <c r="AY31" s="293">
        <v>0</v>
      </c>
      <c r="AZ31" s="293">
        <v>0</v>
      </c>
      <c r="BA31" s="293">
        <v>0</v>
      </c>
      <c r="BB31" s="293">
        <v>0</v>
      </c>
      <c r="BC31" s="296">
        <v>0</v>
      </c>
      <c r="BD31" s="297">
        <v>0</v>
      </c>
      <c r="BE31" s="292">
        <v>0</v>
      </c>
      <c r="BF31" s="293">
        <v>0</v>
      </c>
      <c r="BG31" s="294">
        <v>0</v>
      </c>
      <c r="BH31" s="298"/>
      <c r="BI31" s="293">
        <v>0</v>
      </c>
      <c r="BJ31" s="293">
        <v>0</v>
      </c>
      <c r="BK31" s="293">
        <v>2550</v>
      </c>
      <c r="BL31" s="293">
        <v>0</v>
      </c>
      <c r="BM31" s="293">
        <v>0</v>
      </c>
      <c r="BN31" s="296">
        <v>2550</v>
      </c>
      <c r="BO31" s="297">
        <v>2550</v>
      </c>
      <c r="BP31" s="292">
        <v>0</v>
      </c>
      <c r="BQ31" s="293">
        <v>0</v>
      </c>
      <c r="BR31" s="294">
        <v>0</v>
      </c>
      <c r="BS31" s="295">
        <v>0</v>
      </c>
      <c r="BT31" s="293">
        <v>0</v>
      </c>
      <c r="BU31" s="293">
        <v>0</v>
      </c>
      <c r="BV31" s="293">
        <v>2320</v>
      </c>
      <c r="BW31" s="293">
        <v>0</v>
      </c>
      <c r="BX31" s="293">
        <v>0</v>
      </c>
      <c r="BY31" s="296">
        <v>2320</v>
      </c>
      <c r="BZ31" s="297">
        <v>2320</v>
      </c>
      <c r="CA31" s="292">
        <v>0</v>
      </c>
      <c r="CB31" s="293">
        <v>0</v>
      </c>
      <c r="CC31" s="294">
        <v>0</v>
      </c>
      <c r="CD31" s="295">
        <v>0</v>
      </c>
      <c r="CE31" s="293">
        <v>0</v>
      </c>
      <c r="CF31" s="293">
        <v>4895</v>
      </c>
      <c r="CG31" s="293">
        <v>0</v>
      </c>
      <c r="CH31" s="293">
        <v>0</v>
      </c>
      <c r="CI31" s="293">
        <v>0</v>
      </c>
      <c r="CJ31" s="296">
        <v>4895</v>
      </c>
      <c r="CK31" s="297">
        <v>4895</v>
      </c>
      <c r="CL31" s="292">
        <v>0</v>
      </c>
      <c r="CM31" s="293">
        <v>0</v>
      </c>
      <c r="CN31" s="294">
        <v>0</v>
      </c>
      <c r="CO31" s="295">
        <v>0</v>
      </c>
      <c r="CP31" s="293">
        <v>0</v>
      </c>
      <c r="CQ31" s="293">
        <v>0</v>
      </c>
      <c r="CR31" s="293">
        <v>0</v>
      </c>
      <c r="CS31" s="293">
        <v>0</v>
      </c>
      <c r="CT31" s="293">
        <v>0</v>
      </c>
      <c r="CU31" s="296">
        <v>0</v>
      </c>
      <c r="CV31" s="297">
        <v>0</v>
      </c>
      <c r="CW31" s="292">
        <v>0</v>
      </c>
      <c r="CX31" s="293">
        <v>0</v>
      </c>
      <c r="CY31" s="294">
        <v>0</v>
      </c>
      <c r="CZ31" s="298"/>
      <c r="DA31" s="293">
        <v>0</v>
      </c>
      <c r="DB31" s="293">
        <v>0</v>
      </c>
      <c r="DC31" s="293">
        <v>0</v>
      </c>
      <c r="DD31" s="293">
        <v>0</v>
      </c>
      <c r="DE31" s="293">
        <v>0</v>
      </c>
      <c r="DF31" s="296">
        <v>0</v>
      </c>
      <c r="DG31" s="297">
        <v>0</v>
      </c>
      <c r="DH31" s="292">
        <v>0</v>
      </c>
      <c r="DI31" s="293">
        <v>0</v>
      </c>
      <c r="DJ31" s="294">
        <v>0</v>
      </c>
      <c r="DK31" s="295">
        <v>0</v>
      </c>
      <c r="DL31" s="293">
        <v>210</v>
      </c>
      <c r="DM31" s="293">
        <v>35106</v>
      </c>
      <c r="DN31" s="293">
        <v>191800</v>
      </c>
      <c r="DO31" s="293">
        <v>117150</v>
      </c>
      <c r="DP31" s="293">
        <v>103380</v>
      </c>
      <c r="DQ31" s="296">
        <v>447646</v>
      </c>
      <c r="DR31" s="299">
        <v>447646</v>
      </c>
      <c r="DS31" s="292">
        <v>0</v>
      </c>
      <c r="DT31" s="293">
        <v>0</v>
      </c>
      <c r="DU31" s="294">
        <v>0</v>
      </c>
      <c r="DV31" s="298"/>
      <c r="DW31" s="293">
        <v>0</v>
      </c>
      <c r="DX31" s="293">
        <v>14100</v>
      </c>
      <c r="DY31" s="293">
        <v>146130</v>
      </c>
      <c r="DZ31" s="293">
        <v>116730</v>
      </c>
      <c r="EA31" s="293">
        <v>103380</v>
      </c>
      <c r="EB31" s="296">
        <v>380340</v>
      </c>
      <c r="EC31" s="297">
        <v>380340</v>
      </c>
      <c r="ED31" s="292">
        <v>0</v>
      </c>
      <c r="EE31" s="293">
        <v>0</v>
      </c>
      <c r="EF31" s="294">
        <v>0</v>
      </c>
      <c r="EG31" s="298"/>
      <c r="EH31" s="293">
        <v>210</v>
      </c>
      <c r="EI31" s="293">
        <v>20929</v>
      </c>
      <c r="EJ31" s="293">
        <v>11160</v>
      </c>
      <c r="EK31" s="293">
        <v>420</v>
      </c>
      <c r="EL31" s="293">
        <v>0</v>
      </c>
      <c r="EM31" s="296">
        <v>32719</v>
      </c>
      <c r="EN31" s="297">
        <v>32719</v>
      </c>
      <c r="EO31" s="292">
        <v>0</v>
      </c>
      <c r="EP31" s="293">
        <v>0</v>
      </c>
      <c r="EQ31" s="294">
        <v>0</v>
      </c>
      <c r="ER31" s="298"/>
      <c r="ES31" s="293">
        <v>0</v>
      </c>
      <c r="ET31" s="293">
        <v>0</v>
      </c>
      <c r="EU31" s="293">
        <v>0</v>
      </c>
      <c r="EV31" s="293">
        <v>0</v>
      </c>
      <c r="EW31" s="293">
        <v>0</v>
      </c>
      <c r="EX31" s="296">
        <v>0</v>
      </c>
      <c r="EY31" s="297">
        <v>0</v>
      </c>
      <c r="EZ31" s="292">
        <v>0</v>
      </c>
      <c r="FA31" s="293">
        <v>0</v>
      </c>
      <c r="FB31" s="294">
        <v>0</v>
      </c>
      <c r="FC31" s="298"/>
      <c r="FD31" s="293">
        <v>0</v>
      </c>
      <c r="FE31" s="293">
        <v>0</v>
      </c>
      <c r="FF31" s="293">
        <v>0</v>
      </c>
      <c r="FG31" s="293">
        <v>0</v>
      </c>
      <c r="FH31" s="293">
        <v>0</v>
      </c>
      <c r="FI31" s="296">
        <v>0</v>
      </c>
      <c r="FJ31" s="297">
        <v>0</v>
      </c>
      <c r="FK31" s="292">
        <v>0</v>
      </c>
      <c r="FL31" s="293">
        <v>0</v>
      </c>
      <c r="FM31" s="294">
        <v>0</v>
      </c>
      <c r="FN31" s="298"/>
      <c r="FO31" s="293">
        <v>0</v>
      </c>
      <c r="FP31" s="293">
        <v>0</v>
      </c>
      <c r="FQ31" s="293">
        <v>20880</v>
      </c>
      <c r="FR31" s="293">
        <v>0</v>
      </c>
      <c r="FS31" s="293">
        <v>0</v>
      </c>
      <c r="FT31" s="296">
        <v>20880</v>
      </c>
      <c r="FU31" s="297">
        <v>20880</v>
      </c>
      <c r="FV31" s="292">
        <v>0</v>
      </c>
      <c r="FW31" s="293">
        <v>0</v>
      </c>
      <c r="FX31" s="294">
        <v>0</v>
      </c>
      <c r="FY31" s="295">
        <v>0</v>
      </c>
      <c r="FZ31" s="293">
        <v>0</v>
      </c>
      <c r="GA31" s="293">
        <v>0</v>
      </c>
      <c r="GB31" s="293">
        <v>13630</v>
      </c>
      <c r="GC31" s="293">
        <v>0</v>
      </c>
      <c r="GD31" s="293">
        <v>0</v>
      </c>
      <c r="GE31" s="296">
        <v>13630</v>
      </c>
      <c r="GF31" s="297">
        <v>13630</v>
      </c>
      <c r="GG31" s="292">
        <v>0</v>
      </c>
      <c r="GH31" s="293">
        <v>0</v>
      </c>
      <c r="GI31" s="294">
        <v>0</v>
      </c>
      <c r="GJ31" s="295">
        <v>0</v>
      </c>
      <c r="GK31" s="293">
        <v>0</v>
      </c>
      <c r="GL31" s="293">
        <v>77</v>
      </c>
      <c r="GM31" s="293">
        <v>0</v>
      </c>
      <c r="GN31" s="293">
        <v>0</v>
      </c>
      <c r="GO31" s="293">
        <v>0</v>
      </c>
      <c r="GP31" s="296">
        <v>77</v>
      </c>
      <c r="GQ31" s="297">
        <v>77</v>
      </c>
      <c r="GR31" s="292">
        <v>0</v>
      </c>
      <c r="GS31" s="293">
        <v>0</v>
      </c>
      <c r="GT31" s="294">
        <v>0</v>
      </c>
      <c r="GU31" s="295">
        <v>0</v>
      </c>
      <c r="GV31" s="293">
        <v>0</v>
      </c>
      <c r="GW31" s="293">
        <v>0</v>
      </c>
      <c r="GX31" s="293">
        <v>0</v>
      </c>
      <c r="GY31" s="293">
        <v>0</v>
      </c>
      <c r="GZ31" s="293">
        <v>0</v>
      </c>
      <c r="HA31" s="296">
        <v>0</v>
      </c>
      <c r="HB31" s="297">
        <v>0</v>
      </c>
      <c r="HC31" s="292">
        <v>0</v>
      </c>
      <c r="HD31" s="293">
        <v>0</v>
      </c>
      <c r="HE31" s="294">
        <v>0</v>
      </c>
      <c r="HF31" s="298"/>
      <c r="HG31" s="293">
        <v>0</v>
      </c>
      <c r="HH31" s="293">
        <v>0</v>
      </c>
      <c r="HI31" s="293">
        <v>0</v>
      </c>
      <c r="HJ31" s="293">
        <v>0</v>
      </c>
      <c r="HK31" s="293">
        <v>0</v>
      </c>
      <c r="HL31" s="296">
        <v>0</v>
      </c>
      <c r="HM31" s="297">
        <v>0</v>
      </c>
      <c r="HN31" s="292">
        <v>0</v>
      </c>
      <c r="HO31" s="293">
        <v>0</v>
      </c>
      <c r="HP31" s="294">
        <v>0</v>
      </c>
      <c r="HQ31" s="295">
        <v>0</v>
      </c>
      <c r="HR31" s="293">
        <v>24060</v>
      </c>
      <c r="HS31" s="293">
        <v>77816</v>
      </c>
      <c r="HT31" s="293">
        <v>458120</v>
      </c>
      <c r="HU31" s="293">
        <v>307350</v>
      </c>
      <c r="HV31" s="293">
        <v>186971</v>
      </c>
      <c r="HW31" s="296">
        <v>1054317</v>
      </c>
      <c r="HX31" s="297">
        <v>1054317</v>
      </c>
    </row>
    <row r="32" spans="1:232" ht="21" customHeight="1" x14ac:dyDescent="0.2">
      <c r="A32" s="492" t="s">
        <v>29</v>
      </c>
      <c r="B32" s="292">
        <v>0</v>
      </c>
      <c r="C32" s="293">
        <v>0</v>
      </c>
      <c r="D32" s="294">
        <v>0</v>
      </c>
      <c r="E32" s="295">
        <v>0</v>
      </c>
      <c r="F32" s="293">
        <v>4345</v>
      </c>
      <c r="G32" s="293">
        <v>86125</v>
      </c>
      <c r="H32" s="293">
        <v>265960</v>
      </c>
      <c r="I32" s="293">
        <v>469365</v>
      </c>
      <c r="J32" s="293">
        <v>257570</v>
      </c>
      <c r="K32" s="296">
        <v>1083365</v>
      </c>
      <c r="L32" s="297">
        <v>1083365</v>
      </c>
      <c r="M32" s="292">
        <v>0</v>
      </c>
      <c r="N32" s="293">
        <v>0</v>
      </c>
      <c r="O32" s="294">
        <v>0</v>
      </c>
      <c r="P32" s="298"/>
      <c r="Q32" s="293">
        <v>0</v>
      </c>
      <c r="R32" s="293">
        <v>34350</v>
      </c>
      <c r="S32" s="293">
        <v>90450</v>
      </c>
      <c r="T32" s="293">
        <v>256650</v>
      </c>
      <c r="U32" s="293">
        <v>164230</v>
      </c>
      <c r="V32" s="296">
        <v>545680</v>
      </c>
      <c r="W32" s="297">
        <v>545680</v>
      </c>
      <c r="X32" s="292">
        <v>0</v>
      </c>
      <c r="Y32" s="293">
        <v>0</v>
      </c>
      <c r="Z32" s="294">
        <v>0</v>
      </c>
      <c r="AA32" s="298"/>
      <c r="AB32" s="293">
        <v>2550</v>
      </c>
      <c r="AC32" s="293">
        <v>34225</v>
      </c>
      <c r="AD32" s="293">
        <v>74690</v>
      </c>
      <c r="AE32" s="293">
        <v>88795</v>
      </c>
      <c r="AF32" s="293">
        <v>26400</v>
      </c>
      <c r="AG32" s="296">
        <v>226660</v>
      </c>
      <c r="AH32" s="297">
        <v>226660</v>
      </c>
      <c r="AI32" s="292">
        <v>0</v>
      </c>
      <c r="AJ32" s="293">
        <v>0</v>
      </c>
      <c r="AK32" s="294">
        <v>0</v>
      </c>
      <c r="AL32" s="298"/>
      <c r="AM32" s="293">
        <v>0</v>
      </c>
      <c r="AN32" s="293">
        <v>0</v>
      </c>
      <c r="AO32" s="293">
        <v>0</v>
      </c>
      <c r="AP32" s="293">
        <v>0</v>
      </c>
      <c r="AQ32" s="293">
        <v>0</v>
      </c>
      <c r="AR32" s="296">
        <v>0</v>
      </c>
      <c r="AS32" s="297">
        <v>0</v>
      </c>
      <c r="AT32" s="292">
        <v>0</v>
      </c>
      <c r="AU32" s="293">
        <v>0</v>
      </c>
      <c r="AV32" s="294">
        <v>0</v>
      </c>
      <c r="AW32" s="298"/>
      <c r="AX32" s="293">
        <v>0</v>
      </c>
      <c r="AY32" s="293">
        <v>0</v>
      </c>
      <c r="AZ32" s="293">
        <v>0</v>
      </c>
      <c r="BA32" s="293">
        <v>0</v>
      </c>
      <c r="BB32" s="293">
        <v>0</v>
      </c>
      <c r="BC32" s="296">
        <v>0</v>
      </c>
      <c r="BD32" s="297">
        <v>0</v>
      </c>
      <c r="BE32" s="292">
        <v>0</v>
      </c>
      <c r="BF32" s="293">
        <v>0</v>
      </c>
      <c r="BG32" s="294">
        <v>0</v>
      </c>
      <c r="BH32" s="298"/>
      <c r="BI32" s="293">
        <v>0</v>
      </c>
      <c r="BJ32" s="293">
        <v>0</v>
      </c>
      <c r="BK32" s="293">
        <v>70950</v>
      </c>
      <c r="BL32" s="293">
        <v>118800</v>
      </c>
      <c r="BM32" s="293">
        <v>50250</v>
      </c>
      <c r="BN32" s="296">
        <v>240000</v>
      </c>
      <c r="BO32" s="297">
        <v>240000</v>
      </c>
      <c r="BP32" s="292">
        <v>0</v>
      </c>
      <c r="BQ32" s="293">
        <v>0</v>
      </c>
      <c r="BR32" s="294">
        <v>0</v>
      </c>
      <c r="BS32" s="295">
        <v>0</v>
      </c>
      <c r="BT32" s="293">
        <v>1795</v>
      </c>
      <c r="BU32" s="293">
        <v>15675</v>
      </c>
      <c r="BV32" s="293">
        <v>29870</v>
      </c>
      <c r="BW32" s="293">
        <v>5120</v>
      </c>
      <c r="BX32" s="293">
        <v>16690</v>
      </c>
      <c r="BY32" s="296">
        <v>69150</v>
      </c>
      <c r="BZ32" s="297">
        <v>69150</v>
      </c>
      <c r="CA32" s="292">
        <v>0</v>
      </c>
      <c r="CB32" s="293">
        <v>0</v>
      </c>
      <c r="CC32" s="294">
        <v>0</v>
      </c>
      <c r="CD32" s="295">
        <v>0</v>
      </c>
      <c r="CE32" s="293">
        <v>0</v>
      </c>
      <c r="CF32" s="293">
        <v>1875</v>
      </c>
      <c r="CG32" s="293">
        <v>0</v>
      </c>
      <c r="CH32" s="293">
        <v>0</v>
      </c>
      <c r="CI32" s="293">
        <v>0</v>
      </c>
      <c r="CJ32" s="296">
        <v>1875</v>
      </c>
      <c r="CK32" s="297">
        <v>1875</v>
      </c>
      <c r="CL32" s="292">
        <v>0</v>
      </c>
      <c r="CM32" s="293">
        <v>0</v>
      </c>
      <c r="CN32" s="294">
        <v>0</v>
      </c>
      <c r="CO32" s="295">
        <v>0</v>
      </c>
      <c r="CP32" s="293">
        <v>0</v>
      </c>
      <c r="CQ32" s="293">
        <v>0</v>
      </c>
      <c r="CR32" s="293">
        <v>0</v>
      </c>
      <c r="CS32" s="293">
        <v>0</v>
      </c>
      <c r="CT32" s="293">
        <v>0</v>
      </c>
      <c r="CU32" s="296">
        <v>0</v>
      </c>
      <c r="CV32" s="297">
        <v>0</v>
      </c>
      <c r="CW32" s="292">
        <v>0</v>
      </c>
      <c r="CX32" s="293">
        <v>0</v>
      </c>
      <c r="CY32" s="294">
        <v>0</v>
      </c>
      <c r="CZ32" s="298"/>
      <c r="DA32" s="293">
        <v>0</v>
      </c>
      <c r="DB32" s="293">
        <v>0</v>
      </c>
      <c r="DC32" s="293">
        <v>0</v>
      </c>
      <c r="DD32" s="293">
        <v>0</v>
      </c>
      <c r="DE32" s="293">
        <v>0</v>
      </c>
      <c r="DF32" s="296">
        <v>0</v>
      </c>
      <c r="DG32" s="297">
        <v>0</v>
      </c>
      <c r="DH32" s="292">
        <v>0</v>
      </c>
      <c r="DI32" s="293">
        <v>0</v>
      </c>
      <c r="DJ32" s="294">
        <v>0</v>
      </c>
      <c r="DK32" s="295">
        <v>0</v>
      </c>
      <c r="DL32" s="293">
        <v>2682</v>
      </c>
      <c r="DM32" s="293">
        <v>45923</v>
      </c>
      <c r="DN32" s="293">
        <v>251189</v>
      </c>
      <c r="DO32" s="293">
        <v>371992</v>
      </c>
      <c r="DP32" s="293">
        <v>232900</v>
      </c>
      <c r="DQ32" s="296">
        <v>904686</v>
      </c>
      <c r="DR32" s="299">
        <v>904686</v>
      </c>
      <c r="DS32" s="292">
        <v>0</v>
      </c>
      <c r="DT32" s="293">
        <v>0</v>
      </c>
      <c r="DU32" s="294">
        <v>0</v>
      </c>
      <c r="DV32" s="298"/>
      <c r="DW32" s="293">
        <v>0</v>
      </c>
      <c r="DX32" s="293">
        <v>25650</v>
      </c>
      <c r="DY32" s="293">
        <v>75180</v>
      </c>
      <c r="DZ32" s="293">
        <v>235860</v>
      </c>
      <c r="EA32" s="293">
        <v>155510</v>
      </c>
      <c r="EB32" s="296">
        <v>492200</v>
      </c>
      <c r="EC32" s="297">
        <v>492200</v>
      </c>
      <c r="ED32" s="292">
        <v>0</v>
      </c>
      <c r="EE32" s="293">
        <v>0</v>
      </c>
      <c r="EF32" s="294">
        <v>0</v>
      </c>
      <c r="EG32" s="298"/>
      <c r="EH32" s="293">
        <v>210</v>
      </c>
      <c r="EI32" s="293">
        <v>665</v>
      </c>
      <c r="EJ32" s="293">
        <v>8112</v>
      </c>
      <c r="EK32" s="293">
        <v>1071</v>
      </c>
      <c r="EL32" s="293">
        <v>420</v>
      </c>
      <c r="EM32" s="296">
        <v>10478</v>
      </c>
      <c r="EN32" s="297">
        <v>10478</v>
      </c>
      <c r="EO32" s="292">
        <v>0</v>
      </c>
      <c r="EP32" s="293">
        <v>0</v>
      </c>
      <c r="EQ32" s="294">
        <v>0</v>
      </c>
      <c r="ER32" s="298"/>
      <c r="ES32" s="293">
        <v>0</v>
      </c>
      <c r="ET32" s="293">
        <v>0</v>
      </c>
      <c r="EU32" s="293">
        <v>0</v>
      </c>
      <c r="EV32" s="293">
        <v>0</v>
      </c>
      <c r="EW32" s="293">
        <v>0</v>
      </c>
      <c r="EX32" s="296">
        <v>0</v>
      </c>
      <c r="EY32" s="297">
        <v>0</v>
      </c>
      <c r="EZ32" s="292">
        <v>0</v>
      </c>
      <c r="FA32" s="293">
        <v>0</v>
      </c>
      <c r="FB32" s="294">
        <v>0</v>
      </c>
      <c r="FC32" s="298"/>
      <c r="FD32" s="293">
        <v>0</v>
      </c>
      <c r="FE32" s="293">
        <v>0</v>
      </c>
      <c r="FF32" s="293">
        <v>0</v>
      </c>
      <c r="FG32" s="293">
        <v>0</v>
      </c>
      <c r="FH32" s="293">
        <v>0</v>
      </c>
      <c r="FI32" s="296">
        <v>0</v>
      </c>
      <c r="FJ32" s="297">
        <v>0</v>
      </c>
      <c r="FK32" s="292">
        <v>0</v>
      </c>
      <c r="FL32" s="293">
        <v>0</v>
      </c>
      <c r="FM32" s="294">
        <v>0</v>
      </c>
      <c r="FN32" s="298"/>
      <c r="FO32" s="293">
        <v>0</v>
      </c>
      <c r="FP32" s="293">
        <v>0</v>
      </c>
      <c r="FQ32" s="293">
        <v>133800</v>
      </c>
      <c r="FR32" s="293">
        <v>127620</v>
      </c>
      <c r="FS32" s="293">
        <v>52290</v>
      </c>
      <c r="FT32" s="296">
        <v>313710</v>
      </c>
      <c r="FU32" s="297">
        <v>313710</v>
      </c>
      <c r="FV32" s="292">
        <v>0</v>
      </c>
      <c r="FW32" s="293">
        <v>0</v>
      </c>
      <c r="FX32" s="294">
        <v>0</v>
      </c>
      <c r="FY32" s="295">
        <v>0</v>
      </c>
      <c r="FZ32" s="293">
        <v>2472</v>
      </c>
      <c r="GA32" s="293">
        <v>18485</v>
      </c>
      <c r="GB32" s="293">
        <v>34097</v>
      </c>
      <c r="GC32" s="293">
        <v>7441</v>
      </c>
      <c r="GD32" s="293">
        <v>24680</v>
      </c>
      <c r="GE32" s="296">
        <v>87175</v>
      </c>
      <c r="GF32" s="297">
        <v>87175</v>
      </c>
      <c r="GG32" s="292">
        <v>0</v>
      </c>
      <c r="GH32" s="293">
        <v>0</v>
      </c>
      <c r="GI32" s="294">
        <v>0</v>
      </c>
      <c r="GJ32" s="295">
        <v>0</v>
      </c>
      <c r="GK32" s="293">
        <v>0</v>
      </c>
      <c r="GL32" s="293">
        <v>1123</v>
      </c>
      <c r="GM32" s="293">
        <v>0</v>
      </c>
      <c r="GN32" s="293">
        <v>0</v>
      </c>
      <c r="GO32" s="293">
        <v>0</v>
      </c>
      <c r="GP32" s="296">
        <v>1123</v>
      </c>
      <c r="GQ32" s="297">
        <v>1123</v>
      </c>
      <c r="GR32" s="292">
        <v>0</v>
      </c>
      <c r="GS32" s="293">
        <v>0</v>
      </c>
      <c r="GT32" s="294">
        <v>0</v>
      </c>
      <c r="GU32" s="295">
        <v>0</v>
      </c>
      <c r="GV32" s="293">
        <v>0</v>
      </c>
      <c r="GW32" s="293">
        <v>0</v>
      </c>
      <c r="GX32" s="293">
        <v>0</v>
      </c>
      <c r="GY32" s="293">
        <v>0</v>
      </c>
      <c r="GZ32" s="293">
        <v>0</v>
      </c>
      <c r="HA32" s="296">
        <v>0</v>
      </c>
      <c r="HB32" s="297">
        <v>0</v>
      </c>
      <c r="HC32" s="292">
        <v>0</v>
      </c>
      <c r="HD32" s="293">
        <v>0</v>
      </c>
      <c r="HE32" s="294">
        <v>0</v>
      </c>
      <c r="HF32" s="298"/>
      <c r="HG32" s="293">
        <v>0</v>
      </c>
      <c r="HH32" s="293">
        <v>0</v>
      </c>
      <c r="HI32" s="293">
        <v>0</v>
      </c>
      <c r="HJ32" s="293">
        <v>0</v>
      </c>
      <c r="HK32" s="293">
        <v>0</v>
      </c>
      <c r="HL32" s="296">
        <v>0</v>
      </c>
      <c r="HM32" s="297">
        <v>0</v>
      </c>
      <c r="HN32" s="292">
        <v>0</v>
      </c>
      <c r="HO32" s="293">
        <v>0</v>
      </c>
      <c r="HP32" s="294">
        <v>0</v>
      </c>
      <c r="HQ32" s="295">
        <v>0</v>
      </c>
      <c r="HR32" s="293">
        <v>7027</v>
      </c>
      <c r="HS32" s="293">
        <v>132048</v>
      </c>
      <c r="HT32" s="293">
        <v>517149</v>
      </c>
      <c r="HU32" s="293">
        <v>841357</v>
      </c>
      <c r="HV32" s="293">
        <v>490470</v>
      </c>
      <c r="HW32" s="296">
        <v>1988051</v>
      </c>
      <c r="HX32" s="297">
        <v>1988051</v>
      </c>
    </row>
    <row r="33" spans="1:232" ht="21" customHeight="1" x14ac:dyDescent="0.2">
      <c r="A33" s="492" t="s">
        <v>30</v>
      </c>
      <c r="B33" s="292">
        <v>0</v>
      </c>
      <c r="C33" s="293">
        <v>0</v>
      </c>
      <c r="D33" s="294">
        <v>0</v>
      </c>
      <c r="E33" s="295">
        <v>0</v>
      </c>
      <c r="F33" s="293">
        <v>67590</v>
      </c>
      <c r="G33" s="293">
        <v>30560</v>
      </c>
      <c r="H33" s="293">
        <v>248480</v>
      </c>
      <c r="I33" s="293">
        <v>413880</v>
      </c>
      <c r="J33" s="293">
        <v>153990</v>
      </c>
      <c r="K33" s="296">
        <v>914500</v>
      </c>
      <c r="L33" s="297">
        <v>914500</v>
      </c>
      <c r="M33" s="292">
        <v>0</v>
      </c>
      <c r="N33" s="293">
        <v>0</v>
      </c>
      <c r="O33" s="294">
        <v>0</v>
      </c>
      <c r="P33" s="298"/>
      <c r="Q33" s="293">
        <v>0</v>
      </c>
      <c r="R33" s="293">
        <v>2550</v>
      </c>
      <c r="S33" s="293">
        <v>172770</v>
      </c>
      <c r="T33" s="293">
        <v>310055</v>
      </c>
      <c r="U33" s="293">
        <v>118650</v>
      </c>
      <c r="V33" s="296">
        <v>604025</v>
      </c>
      <c r="W33" s="297">
        <v>604025</v>
      </c>
      <c r="X33" s="292">
        <v>0</v>
      </c>
      <c r="Y33" s="293">
        <v>0</v>
      </c>
      <c r="Z33" s="294">
        <v>0</v>
      </c>
      <c r="AA33" s="298"/>
      <c r="AB33" s="293">
        <v>65850</v>
      </c>
      <c r="AC33" s="293">
        <v>23850</v>
      </c>
      <c r="AD33" s="293">
        <v>39620</v>
      </c>
      <c r="AE33" s="293">
        <v>101295</v>
      </c>
      <c r="AF33" s="293">
        <v>2550</v>
      </c>
      <c r="AG33" s="296">
        <v>233165</v>
      </c>
      <c r="AH33" s="297">
        <v>233165</v>
      </c>
      <c r="AI33" s="292">
        <v>0</v>
      </c>
      <c r="AJ33" s="293">
        <v>0</v>
      </c>
      <c r="AK33" s="294">
        <v>0</v>
      </c>
      <c r="AL33" s="298"/>
      <c r="AM33" s="293">
        <v>0</v>
      </c>
      <c r="AN33" s="293">
        <v>0</v>
      </c>
      <c r="AO33" s="293">
        <v>0</v>
      </c>
      <c r="AP33" s="293">
        <v>0</v>
      </c>
      <c r="AQ33" s="293">
        <v>0</v>
      </c>
      <c r="AR33" s="296">
        <v>0</v>
      </c>
      <c r="AS33" s="297">
        <v>0</v>
      </c>
      <c r="AT33" s="292">
        <v>0</v>
      </c>
      <c r="AU33" s="293">
        <v>0</v>
      </c>
      <c r="AV33" s="294">
        <v>0</v>
      </c>
      <c r="AW33" s="298"/>
      <c r="AX33" s="293">
        <v>0</v>
      </c>
      <c r="AY33" s="293">
        <v>0</v>
      </c>
      <c r="AZ33" s="293">
        <v>34350</v>
      </c>
      <c r="BA33" s="293">
        <v>0</v>
      </c>
      <c r="BB33" s="293">
        <v>31650</v>
      </c>
      <c r="BC33" s="296">
        <v>66000</v>
      </c>
      <c r="BD33" s="297">
        <v>66000</v>
      </c>
      <c r="BE33" s="292">
        <v>0</v>
      </c>
      <c r="BF33" s="293">
        <v>0</v>
      </c>
      <c r="BG33" s="294">
        <v>0</v>
      </c>
      <c r="BH33" s="298"/>
      <c r="BI33" s="293">
        <v>0</v>
      </c>
      <c r="BJ33" s="293">
        <v>0</v>
      </c>
      <c r="BK33" s="293">
        <v>0</v>
      </c>
      <c r="BL33" s="293">
        <v>0</v>
      </c>
      <c r="BM33" s="293">
        <v>0</v>
      </c>
      <c r="BN33" s="296">
        <v>0</v>
      </c>
      <c r="BO33" s="297">
        <v>0</v>
      </c>
      <c r="BP33" s="292">
        <v>0</v>
      </c>
      <c r="BQ33" s="293">
        <v>0</v>
      </c>
      <c r="BR33" s="294">
        <v>0</v>
      </c>
      <c r="BS33" s="295">
        <v>0</v>
      </c>
      <c r="BT33" s="293">
        <v>1740</v>
      </c>
      <c r="BU33" s="293">
        <v>4160</v>
      </c>
      <c r="BV33" s="293">
        <v>1740</v>
      </c>
      <c r="BW33" s="293">
        <v>2530</v>
      </c>
      <c r="BX33" s="293">
        <v>1140</v>
      </c>
      <c r="BY33" s="296">
        <v>11310</v>
      </c>
      <c r="BZ33" s="297">
        <v>11310</v>
      </c>
      <c r="CA33" s="292">
        <v>0</v>
      </c>
      <c r="CB33" s="293">
        <v>0</v>
      </c>
      <c r="CC33" s="294">
        <v>0</v>
      </c>
      <c r="CD33" s="295">
        <v>0</v>
      </c>
      <c r="CE33" s="293">
        <v>0</v>
      </c>
      <c r="CF33" s="293">
        <v>0</v>
      </c>
      <c r="CG33" s="293">
        <v>0</v>
      </c>
      <c r="CH33" s="293">
        <v>0</v>
      </c>
      <c r="CI33" s="293">
        <v>0</v>
      </c>
      <c r="CJ33" s="296">
        <v>0</v>
      </c>
      <c r="CK33" s="297">
        <v>0</v>
      </c>
      <c r="CL33" s="292">
        <v>0</v>
      </c>
      <c r="CM33" s="293">
        <v>0</v>
      </c>
      <c r="CN33" s="294">
        <v>0</v>
      </c>
      <c r="CO33" s="295">
        <v>0</v>
      </c>
      <c r="CP33" s="293">
        <v>0</v>
      </c>
      <c r="CQ33" s="293">
        <v>0</v>
      </c>
      <c r="CR33" s="293">
        <v>0</v>
      </c>
      <c r="CS33" s="293">
        <v>0</v>
      </c>
      <c r="CT33" s="293">
        <v>0</v>
      </c>
      <c r="CU33" s="296">
        <v>0</v>
      </c>
      <c r="CV33" s="297">
        <v>0</v>
      </c>
      <c r="CW33" s="292">
        <v>0</v>
      </c>
      <c r="CX33" s="293">
        <v>0</v>
      </c>
      <c r="CY33" s="294">
        <v>0</v>
      </c>
      <c r="CZ33" s="298"/>
      <c r="DA33" s="293">
        <v>0</v>
      </c>
      <c r="DB33" s="293">
        <v>0</v>
      </c>
      <c r="DC33" s="293">
        <v>0</v>
      </c>
      <c r="DD33" s="293">
        <v>0</v>
      </c>
      <c r="DE33" s="293">
        <v>0</v>
      </c>
      <c r="DF33" s="296">
        <v>0</v>
      </c>
      <c r="DG33" s="297">
        <v>0</v>
      </c>
      <c r="DH33" s="292">
        <v>0</v>
      </c>
      <c r="DI33" s="293">
        <v>0</v>
      </c>
      <c r="DJ33" s="294">
        <v>0</v>
      </c>
      <c r="DK33" s="295">
        <v>0</v>
      </c>
      <c r="DL33" s="293">
        <v>40827</v>
      </c>
      <c r="DM33" s="293">
        <v>23988</v>
      </c>
      <c r="DN33" s="293">
        <v>354305</v>
      </c>
      <c r="DO33" s="293">
        <v>318972</v>
      </c>
      <c r="DP33" s="293">
        <v>169460</v>
      </c>
      <c r="DQ33" s="296">
        <v>907552</v>
      </c>
      <c r="DR33" s="299">
        <v>907552</v>
      </c>
      <c r="DS33" s="292">
        <v>0</v>
      </c>
      <c r="DT33" s="293">
        <v>0</v>
      </c>
      <c r="DU33" s="294">
        <v>0</v>
      </c>
      <c r="DV33" s="298"/>
      <c r="DW33" s="293">
        <v>0</v>
      </c>
      <c r="DX33" s="293">
        <v>14550</v>
      </c>
      <c r="DY33" s="293">
        <v>302064</v>
      </c>
      <c r="DZ33" s="293">
        <v>307265</v>
      </c>
      <c r="EA33" s="293">
        <v>156570</v>
      </c>
      <c r="EB33" s="296">
        <v>780449</v>
      </c>
      <c r="EC33" s="297">
        <v>780449</v>
      </c>
      <c r="ED33" s="292">
        <v>0</v>
      </c>
      <c r="EE33" s="293">
        <v>0</v>
      </c>
      <c r="EF33" s="294">
        <v>0</v>
      </c>
      <c r="EG33" s="298"/>
      <c r="EH33" s="293">
        <v>34860</v>
      </c>
      <c r="EI33" s="293">
        <v>210</v>
      </c>
      <c r="EJ33" s="293">
        <v>31231</v>
      </c>
      <c r="EK33" s="293">
        <v>1267</v>
      </c>
      <c r="EL33" s="293">
        <v>10740</v>
      </c>
      <c r="EM33" s="296">
        <v>78308</v>
      </c>
      <c r="EN33" s="297">
        <v>78308</v>
      </c>
      <c r="EO33" s="292">
        <v>0</v>
      </c>
      <c r="EP33" s="293">
        <v>0</v>
      </c>
      <c r="EQ33" s="294">
        <v>0</v>
      </c>
      <c r="ER33" s="298"/>
      <c r="ES33" s="293">
        <v>0</v>
      </c>
      <c r="ET33" s="293">
        <v>0</v>
      </c>
      <c r="EU33" s="293">
        <v>0</v>
      </c>
      <c r="EV33" s="293">
        <v>0</v>
      </c>
      <c r="EW33" s="293">
        <v>0</v>
      </c>
      <c r="EX33" s="296">
        <v>0</v>
      </c>
      <c r="EY33" s="297">
        <v>0</v>
      </c>
      <c r="EZ33" s="292">
        <v>0</v>
      </c>
      <c r="FA33" s="293">
        <v>0</v>
      </c>
      <c r="FB33" s="294">
        <v>0</v>
      </c>
      <c r="FC33" s="298"/>
      <c r="FD33" s="293">
        <v>0</v>
      </c>
      <c r="FE33" s="293">
        <v>0</v>
      </c>
      <c r="FF33" s="293">
        <v>11310</v>
      </c>
      <c r="FG33" s="293">
        <v>0</v>
      </c>
      <c r="FH33" s="293">
        <v>210</v>
      </c>
      <c r="FI33" s="296">
        <v>11520</v>
      </c>
      <c r="FJ33" s="297">
        <v>11520</v>
      </c>
      <c r="FK33" s="292">
        <v>0</v>
      </c>
      <c r="FL33" s="293">
        <v>0</v>
      </c>
      <c r="FM33" s="294">
        <v>0</v>
      </c>
      <c r="FN33" s="298"/>
      <c r="FO33" s="293">
        <v>0</v>
      </c>
      <c r="FP33" s="293">
        <v>0</v>
      </c>
      <c r="FQ33" s="293">
        <v>0</v>
      </c>
      <c r="FR33" s="293">
        <v>0</v>
      </c>
      <c r="FS33" s="293">
        <v>0</v>
      </c>
      <c r="FT33" s="296">
        <v>0</v>
      </c>
      <c r="FU33" s="297">
        <v>0</v>
      </c>
      <c r="FV33" s="292">
        <v>0</v>
      </c>
      <c r="FW33" s="293">
        <v>0</v>
      </c>
      <c r="FX33" s="294">
        <v>0</v>
      </c>
      <c r="FY33" s="295">
        <v>0</v>
      </c>
      <c r="FZ33" s="293">
        <v>5967</v>
      </c>
      <c r="GA33" s="293">
        <v>9228</v>
      </c>
      <c r="GB33" s="293">
        <v>9700</v>
      </c>
      <c r="GC33" s="293">
        <v>10440</v>
      </c>
      <c r="GD33" s="293">
        <v>1940</v>
      </c>
      <c r="GE33" s="296">
        <v>37275</v>
      </c>
      <c r="GF33" s="297">
        <v>37275</v>
      </c>
      <c r="GG33" s="292">
        <v>0</v>
      </c>
      <c r="GH33" s="293">
        <v>0</v>
      </c>
      <c r="GI33" s="294">
        <v>0</v>
      </c>
      <c r="GJ33" s="295">
        <v>0</v>
      </c>
      <c r="GK33" s="293">
        <v>0</v>
      </c>
      <c r="GL33" s="293">
        <v>0</v>
      </c>
      <c r="GM33" s="293">
        <v>0</v>
      </c>
      <c r="GN33" s="293">
        <v>0</v>
      </c>
      <c r="GO33" s="293">
        <v>0</v>
      </c>
      <c r="GP33" s="296">
        <v>0</v>
      </c>
      <c r="GQ33" s="297">
        <v>0</v>
      </c>
      <c r="GR33" s="292">
        <v>0</v>
      </c>
      <c r="GS33" s="293">
        <v>0</v>
      </c>
      <c r="GT33" s="294">
        <v>0</v>
      </c>
      <c r="GU33" s="295">
        <v>0</v>
      </c>
      <c r="GV33" s="293">
        <v>0</v>
      </c>
      <c r="GW33" s="293">
        <v>0</v>
      </c>
      <c r="GX33" s="293">
        <v>0</v>
      </c>
      <c r="GY33" s="293">
        <v>0</v>
      </c>
      <c r="GZ33" s="293">
        <v>0</v>
      </c>
      <c r="HA33" s="296">
        <v>0</v>
      </c>
      <c r="HB33" s="297">
        <v>0</v>
      </c>
      <c r="HC33" s="292">
        <v>0</v>
      </c>
      <c r="HD33" s="293">
        <v>0</v>
      </c>
      <c r="HE33" s="294">
        <v>0</v>
      </c>
      <c r="HF33" s="298"/>
      <c r="HG33" s="293">
        <v>0</v>
      </c>
      <c r="HH33" s="293">
        <v>0</v>
      </c>
      <c r="HI33" s="293">
        <v>0</v>
      </c>
      <c r="HJ33" s="293">
        <v>0</v>
      </c>
      <c r="HK33" s="293">
        <v>0</v>
      </c>
      <c r="HL33" s="296">
        <v>0</v>
      </c>
      <c r="HM33" s="297">
        <v>0</v>
      </c>
      <c r="HN33" s="292">
        <v>0</v>
      </c>
      <c r="HO33" s="293">
        <v>0</v>
      </c>
      <c r="HP33" s="294">
        <v>0</v>
      </c>
      <c r="HQ33" s="295">
        <v>0</v>
      </c>
      <c r="HR33" s="293">
        <v>108417</v>
      </c>
      <c r="HS33" s="293">
        <v>54548</v>
      </c>
      <c r="HT33" s="293">
        <v>602785</v>
      </c>
      <c r="HU33" s="293">
        <v>732852</v>
      </c>
      <c r="HV33" s="293">
        <v>323450</v>
      </c>
      <c r="HW33" s="296">
        <v>1822052</v>
      </c>
      <c r="HX33" s="297">
        <v>1822052</v>
      </c>
    </row>
    <row r="34" spans="1:232" ht="21" customHeight="1" x14ac:dyDescent="0.2">
      <c r="A34" s="492" t="s">
        <v>31</v>
      </c>
      <c r="B34" s="292">
        <v>0</v>
      </c>
      <c r="C34" s="293">
        <v>0</v>
      </c>
      <c r="D34" s="294">
        <v>0</v>
      </c>
      <c r="E34" s="295">
        <v>0</v>
      </c>
      <c r="F34" s="293">
        <v>33100</v>
      </c>
      <c r="G34" s="293">
        <v>112015</v>
      </c>
      <c r="H34" s="293">
        <v>401130</v>
      </c>
      <c r="I34" s="293">
        <v>217890</v>
      </c>
      <c r="J34" s="293">
        <v>122670</v>
      </c>
      <c r="K34" s="296">
        <v>886805</v>
      </c>
      <c r="L34" s="297">
        <v>886805</v>
      </c>
      <c r="M34" s="292">
        <v>0</v>
      </c>
      <c r="N34" s="293">
        <v>0</v>
      </c>
      <c r="O34" s="294">
        <v>0</v>
      </c>
      <c r="P34" s="298"/>
      <c r="Q34" s="293">
        <v>0</v>
      </c>
      <c r="R34" s="293">
        <v>77655</v>
      </c>
      <c r="S34" s="293">
        <v>393170</v>
      </c>
      <c r="T34" s="293">
        <v>116285</v>
      </c>
      <c r="U34" s="293">
        <v>122670</v>
      </c>
      <c r="V34" s="296">
        <v>709780</v>
      </c>
      <c r="W34" s="297">
        <v>709780</v>
      </c>
      <c r="X34" s="292">
        <v>0</v>
      </c>
      <c r="Y34" s="293">
        <v>0</v>
      </c>
      <c r="Z34" s="294">
        <v>0</v>
      </c>
      <c r="AA34" s="298"/>
      <c r="AB34" s="293">
        <v>0</v>
      </c>
      <c r="AC34" s="293">
        <v>28950</v>
      </c>
      <c r="AD34" s="293">
        <v>6800</v>
      </c>
      <c r="AE34" s="293">
        <v>63150</v>
      </c>
      <c r="AF34" s="293">
        <v>0</v>
      </c>
      <c r="AG34" s="296">
        <v>98900</v>
      </c>
      <c r="AH34" s="297">
        <v>98900</v>
      </c>
      <c r="AI34" s="292">
        <v>0</v>
      </c>
      <c r="AJ34" s="293">
        <v>0</v>
      </c>
      <c r="AK34" s="294">
        <v>0</v>
      </c>
      <c r="AL34" s="298"/>
      <c r="AM34" s="293">
        <v>0</v>
      </c>
      <c r="AN34" s="293">
        <v>0</v>
      </c>
      <c r="AO34" s="293">
        <v>0</v>
      </c>
      <c r="AP34" s="293">
        <v>0</v>
      </c>
      <c r="AQ34" s="293">
        <v>0</v>
      </c>
      <c r="AR34" s="296">
        <v>0</v>
      </c>
      <c r="AS34" s="297">
        <v>0</v>
      </c>
      <c r="AT34" s="292">
        <v>0</v>
      </c>
      <c r="AU34" s="293">
        <v>0</v>
      </c>
      <c r="AV34" s="294">
        <v>0</v>
      </c>
      <c r="AW34" s="298"/>
      <c r="AX34" s="293">
        <v>31650</v>
      </c>
      <c r="AY34" s="293">
        <v>0</v>
      </c>
      <c r="AZ34" s="293">
        <v>0</v>
      </c>
      <c r="BA34" s="293">
        <v>31650</v>
      </c>
      <c r="BB34" s="293">
        <v>0</v>
      </c>
      <c r="BC34" s="296">
        <v>63300</v>
      </c>
      <c r="BD34" s="297">
        <v>63300</v>
      </c>
      <c r="BE34" s="292">
        <v>0</v>
      </c>
      <c r="BF34" s="293">
        <v>0</v>
      </c>
      <c r="BG34" s="294">
        <v>0</v>
      </c>
      <c r="BH34" s="298"/>
      <c r="BI34" s="293">
        <v>0</v>
      </c>
      <c r="BJ34" s="293">
        <v>0</v>
      </c>
      <c r="BK34" s="293">
        <v>0</v>
      </c>
      <c r="BL34" s="293">
        <v>0</v>
      </c>
      <c r="BM34" s="293">
        <v>0</v>
      </c>
      <c r="BN34" s="296">
        <v>0</v>
      </c>
      <c r="BO34" s="297">
        <v>0</v>
      </c>
      <c r="BP34" s="292">
        <v>0</v>
      </c>
      <c r="BQ34" s="293">
        <v>0</v>
      </c>
      <c r="BR34" s="294">
        <v>0</v>
      </c>
      <c r="BS34" s="295">
        <v>0</v>
      </c>
      <c r="BT34" s="293">
        <v>1450</v>
      </c>
      <c r="BU34" s="293">
        <v>4975</v>
      </c>
      <c r="BV34" s="293">
        <v>1160</v>
      </c>
      <c r="BW34" s="293">
        <v>6805</v>
      </c>
      <c r="BX34" s="293">
        <v>0</v>
      </c>
      <c r="BY34" s="296">
        <v>14390</v>
      </c>
      <c r="BZ34" s="297">
        <v>14390</v>
      </c>
      <c r="CA34" s="292">
        <v>0</v>
      </c>
      <c r="CB34" s="293">
        <v>0</v>
      </c>
      <c r="CC34" s="294">
        <v>0</v>
      </c>
      <c r="CD34" s="295">
        <v>0</v>
      </c>
      <c r="CE34" s="293">
        <v>0</v>
      </c>
      <c r="CF34" s="293">
        <v>435</v>
      </c>
      <c r="CG34" s="293">
        <v>0</v>
      </c>
      <c r="CH34" s="293">
        <v>0</v>
      </c>
      <c r="CI34" s="293">
        <v>0</v>
      </c>
      <c r="CJ34" s="296">
        <v>435</v>
      </c>
      <c r="CK34" s="297">
        <v>435</v>
      </c>
      <c r="CL34" s="292">
        <v>0</v>
      </c>
      <c r="CM34" s="293">
        <v>0</v>
      </c>
      <c r="CN34" s="294">
        <v>0</v>
      </c>
      <c r="CO34" s="295">
        <v>0</v>
      </c>
      <c r="CP34" s="293">
        <v>0</v>
      </c>
      <c r="CQ34" s="293">
        <v>0</v>
      </c>
      <c r="CR34" s="293">
        <v>0</v>
      </c>
      <c r="CS34" s="293">
        <v>0</v>
      </c>
      <c r="CT34" s="293">
        <v>0</v>
      </c>
      <c r="CU34" s="296">
        <v>0</v>
      </c>
      <c r="CV34" s="297">
        <v>0</v>
      </c>
      <c r="CW34" s="292">
        <v>0</v>
      </c>
      <c r="CX34" s="293">
        <v>0</v>
      </c>
      <c r="CY34" s="294">
        <v>0</v>
      </c>
      <c r="CZ34" s="298"/>
      <c r="DA34" s="293">
        <v>0</v>
      </c>
      <c r="DB34" s="293">
        <v>0</v>
      </c>
      <c r="DC34" s="293">
        <v>0</v>
      </c>
      <c r="DD34" s="293">
        <v>0</v>
      </c>
      <c r="DE34" s="293">
        <v>0</v>
      </c>
      <c r="DF34" s="296">
        <v>0</v>
      </c>
      <c r="DG34" s="297">
        <v>0</v>
      </c>
      <c r="DH34" s="292">
        <v>0</v>
      </c>
      <c r="DI34" s="293">
        <v>0</v>
      </c>
      <c r="DJ34" s="294">
        <v>0</v>
      </c>
      <c r="DK34" s="295">
        <v>0</v>
      </c>
      <c r="DL34" s="293">
        <v>4422</v>
      </c>
      <c r="DM34" s="293">
        <v>71213</v>
      </c>
      <c r="DN34" s="293">
        <v>415135</v>
      </c>
      <c r="DO34" s="293">
        <v>255161</v>
      </c>
      <c r="DP34" s="293">
        <v>160770</v>
      </c>
      <c r="DQ34" s="296">
        <v>906701</v>
      </c>
      <c r="DR34" s="299">
        <v>906701</v>
      </c>
      <c r="DS34" s="292">
        <v>0</v>
      </c>
      <c r="DT34" s="293">
        <v>0</v>
      </c>
      <c r="DU34" s="294">
        <v>0</v>
      </c>
      <c r="DV34" s="298"/>
      <c r="DW34" s="293">
        <v>0</v>
      </c>
      <c r="DX34" s="293">
        <v>60315</v>
      </c>
      <c r="DY34" s="293">
        <v>407370</v>
      </c>
      <c r="DZ34" s="293">
        <v>230528</v>
      </c>
      <c r="EA34" s="293">
        <v>160770</v>
      </c>
      <c r="EB34" s="296">
        <v>858983</v>
      </c>
      <c r="EC34" s="297">
        <v>858983</v>
      </c>
      <c r="ED34" s="292">
        <v>0</v>
      </c>
      <c r="EE34" s="293">
        <v>0</v>
      </c>
      <c r="EF34" s="294">
        <v>0</v>
      </c>
      <c r="EG34" s="298"/>
      <c r="EH34" s="293">
        <v>0</v>
      </c>
      <c r="EI34" s="293">
        <v>663</v>
      </c>
      <c r="EJ34" s="293">
        <v>560</v>
      </c>
      <c r="EK34" s="293">
        <v>1050</v>
      </c>
      <c r="EL34" s="293">
        <v>0</v>
      </c>
      <c r="EM34" s="296">
        <v>2273</v>
      </c>
      <c r="EN34" s="297">
        <v>2273</v>
      </c>
      <c r="EO34" s="292">
        <v>0</v>
      </c>
      <c r="EP34" s="293">
        <v>0</v>
      </c>
      <c r="EQ34" s="294">
        <v>0</v>
      </c>
      <c r="ER34" s="298"/>
      <c r="ES34" s="293">
        <v>0</v>
      </c>
      <c r="ET34" s="293">
        <v>0</v>
      </c>
      <c r="EU34" s="293">
        <v>0</v>
      </c>
      <c r="EV34" s="293">
        <v>0</v>
      </c>
      <c r="EW34" s="293">
        <v>0</v>
      </c>
      <c r="EX34" s="296">
        <v>0</v>
      </c>
      <c r="EY34" s="297">
        <v>0</v>
      </c>
      <c r="EZ34" s="292">
        <v>0</v>
      </c>
      <c r="FA34" s="293">
        <v>0</v>
      </c>
      <c r="FB34" s="294">
        <v>0</v>
      </c>
      <c r="FC34" s="298"/>
      <c r="FD34" s="293">
        <v>210</v>
      </c>
      <c r="FE34" s="293">
        <v>0</v>
      </c>
      <c r="FF34" s="293">
        <v>0</v>
      </c>
      <c r="FG34" s="293">
        <v>210</v>
      </c>
      <c r="FH34" s="293">
        <v>0</v>
      </c>
      <c r="FI34" s="296">
        <v>420</v>
      </c>
      <c r="FJ34" s="297">
        <v>420</v>
      </c>
      <c r="FK34" s="292">
        <v>0</v>
      </c>
      <c r="FL34" s="293">
        <v>0</v>
      </c>
      <c r="FM34" s="294">
        <v>0</v>
      </c>
      <c r="FN34" s="298"/>
      <c r="FO34" s="293">
        <v>0</v>
      </c>
      <c r="FP34" s="293">
        <v>0</v>
      </c>
      <c r="FQ34" s="293">
        <v>0</v>
      </c>
      <c r="FR34" s="293">
        <v>0</v>
      </c>
      <c r="FS34" s="293">
        <v>0</v>
      </c>
      <c r="FT34" s="296">
        <v>0</v>
      </c>
      <c r="FU34" s="297">
        <v>0</v>
      </c>
      <c r="FV34" s="292">
        <v>0</v>
      </c>
      <c r="FW34" s="293">
        <v>0</v>
      </c>
      <c r="FX34" s="294">
        <v>0</v>
      </c>
      <c r="FY34" s="295">
        <v>0</v>
      </c>
      <c r="FZ34" s="293">
        <v>4212</v>
      </c>
      <c r="GA34" s="293">
        <v>8803</v>
      </c>
      <c r="GB34" s="293">
        <v>7205</v>
      </c>
      <c r="GC34" s="293">
        <v>23373</v>
      </c>
      <c r="GD34" s="293">
        <v>0</v>
      </c>
      <c r="GE34" s="296">
        <v>43593</v>
      </c>
      <c r="GF34" s="297">
        <v>43593</v>
      </c>
      <c r="GG34" s="292">
        <v>0</v>
      </c>
      <c r="GH34" s="293">
        <v>0</v>
      </c>
      <c r="GI34" s="294">
        <v>0</v>
      </c>
      <c r="GJ34" s="295">
        <v>0</v>
      </c>
      <c r="GK34" s="293">
        <v>0</v>
      </c>
      <c r="GL34" s="293">
        <v>1432</v>
      </c>
      <c r="GM34" s="293">
        <v>0</v>
      </c>
      <c r="GN34" s="293">
        <v>0</v>
      </c>
      <c r="GO34" s="293">
        <v>0</v>
      </c>
      <c r="GP34" s="296">
        <v>1432</v>
      </c>
      <c r="GQ34" s="297">
        <v>1432</v>
      </c>
      <c r="GR34" s="292">
        <v>0</v>
      </c>
      <c r="GS34" s="293">
        <v>0</v>
      </c>
      <c r="GT34" s="294">
        <v>0</v>
      </c>
      <c r="GU34" s="295">
        <v>0</v>
      </c>
      <c r="GV34" s="293">
        <v>0</v>
      </c>
      <c r="GW34" s="293">
        <v>0</v>
      </c>
      <c r="GX34" s="293">
        <v>0</v>
      </c>
      <c r="GY34" s="293">
        <v>0</v>
      </c>
      <c r="GZ34" s="293">
        <v>0</v>
      </c>
      <c r="HA34" s="296">
        <v>0</v>
      </c>
      <c r="HB34" s="297">
        <v>0</v>
      </c>
      <c r="HC34" s="292">
        <v>0</v>
      </c>
      <c r="HD34" s="293">
        <v>0</v>
      </c>
      <c r="HE34" s="294">
        <v>0</v>
      </c>
      <c r="HF34" s="298"/>
      <c r="HG34" s="293">
        <v>0</v>
      </c>
      <c r="HH34" s="293">
        <v>0</v>
      </c>
      <c r="HI34" s="293">
        <v>0</v>
      </c>
      <c r="HJ34" s="293">
        <v>0</v>
      </c>
      <c r="HK34" s="293">
        <v>0</v>
      </c>
      <c r="HL34" s="296">
        <v>0</v>
      </c>
      <c r="HM34" s="297">
        <v>0</v>
      </c>
      <c r="HN34" s="292">
        <v>0</v>
      </c>
      <c r="HO34" s="293">
        <v>0</v>
      </c>
      <c r="HP34" s="294">
        <v>0</v>
      </c>
      <c r="HQ34" s="295">
        <v>0</v>
      </c>
      <c r="HR34" s="293">
        <v>37522</v>
      </c>
      <c r="HS34" s="293">
        <v>183228</v>
      </c>
      <c r="HT34" s="293">
        <v>816265</v>
      </c>
      <c r="HU34" s="293">
        <v>473051</v>
      </c>
      <c r="HV34" s="293">
        <v>283440</v>
      </c>
      <c r="HW34" s="296">
        <v>1793506</v>
      </c>
      <c r="HX34" s="297">
        <v>1793506</v>
      </c>
    </row>
    <row r="35" spans="1:232" ht="21" customHeight="1" x14ac:dyDescent="0.2">
      <c r="A35" s="492" t="s">
        <v>32</v>
      </c>
      <c r="B35" s="292">
        <v>0</v>
      </c>
      <c r="C35" s="293">
        <v>0</v>
      </c>
      <c r="D35" s="294">
        <v>0</v>
      </c>
      <c r="E35" s="295">
        <v>0</v>
      </c>
      <c r="F35" s="293">
        <v>66000</v>
      </c>
      <c r="G35" s="293">
        <v>75410</v>
      </c>
      <c r="H35" s="293">
        <v>376364</v>
      </c>
      <c r="I35" s="293">
        <v>417982</v>
      </c>
      <c r="J35" s="293">
        <v>159305</v>
      </c>
      <c r="K35" s="296">
        <v>1095061</v>
      </c>
      <c r="L35" s="297">
        <v>1095061</v>
      </c>
      <c r="M35" s="292">
        <v>0</v>
      </c>
      <c r="N35" s="293">
        <v>0</v>
      </c>
      <c r="O35" s="294">
        <v>0</v>
      </c>
      <c r="P35" s="298"/>
      <c r="Q35" s="293">
        <v>34350</v>
      </c>
      <c r="R35" s="293">
        <v>0</v>
      </c>
      <c r="S35" s="293">
        <v>127074</v>
      </c>
      <c r="T35" s="293">
        <v>229837</v>
      </c>
      <c r="U35" s="293">
        <v>65250</v>
      </c>
      <c r="V35" s="296">
        <v>456511</v>
      </c>
      <c r="W35" s="297">
        <v>456511</v>
      </c>
      <c r="X35" s="292">
        <v>0</v>
      </c>
      <c r="Y35" s="293">
        <v>0</v>
      </c>
      <c r="Z35" s="294">
        <v>0</v>
      </c>
      <c r="AA35" s="298"/>
      <c r="AB35" s="293">
        <v>31650</v>
      </c>
      <c r="AC35" s="293">
        <v>63300</v>
      </c>
      <c r="AD35" s="293">
        <v>63150</v>
      </c>
      <c r="AE35" s="293">
        <v>154975</v>
      </c>
      <c r="AF35" s="293">
        <v>34350</v>
      </c>
      <c r="AG35" s="296">
        <v>347425</v>
      </c>
      <c r="AH35" s="297">
        <v>347425</v>
      </c>
      <c r="AI35" s="292">
        <v>0</v>
      </c>
      <c r="AJ35" s="293">
        <v>0</v>
      </c>
      <c r="AK35" s="294">
        <v>0</v>
      </c>
      <c r="AL35" s="298"/>
      <c r="AM35" s="293">
        <v>0</v>
      </c>
      <c r="AN35" s="293">
        <v>0</v>
      </c>
      <c r="AO35" s="293">
        <v>0</v>
      </c>
      <c r="AP35" s="293">
        <v>0</v>
      </c>
      <c r="AQ35" s="293">
        <v>0</v>
      </c>
      <c r="AR35" s="296">
        <v>0</v>
      </c>
      <c r="AS35" s="297">
        <v>0</v>
      </c>
      <c r="AT35" s="292">
        <v>0</v>
      </c>
      <c r="AU35" s="293">
        <v>0</v>
      </c>
      <c r="AV35" s="294">
        <v>0</v>
      </c>
      <c r="AW35" s="298"/>
      <c r="AX35" s="293">
        <v>0</v>
      </c>
      <c r="AY35" s="293">
        <v>0</v>
      </c>
      <c r="AZ35" s="293">
        <v>0</v>
      </c>
      <c r="BA35" s="293">
        <v>0</v>
      </c>
      <c r="BB35" s="293">
        <v>31650</v>
      </c>
      <c r="BC35" s="296">
        <v>31650</v>
      </c>
      <c r="BD35" s="297">
        <v>31650</v>
      </c>
      <c r="BE35" s="292">
        <v>0</v>
      </c>
      <c r="BF35" s="293">
        <v>0</v>
      </c>
      <c r="BG35" s="294">
        <v>0</v>
      </c>
      <c r="BH35" s="298"/>
      <c r="BI35" s="293">
        <v>0</v>
      </c>
      <c r="BJ35" s="293">
        <v>0</v>
      </c>
      <c r="BK35" s="293">
        <v>153000</v>
      </c>
      <c r="BL35" s="293">
        <v>10200</v>
      </c>
      <c r="BM35" s="293">
        <v>23850</v>
      </c>
      <c r="BN35" s="296">
        <v>187050</v>
      </c>
      <c r="BO35" s="297">
        <v>187050</v>
      </c>
      <c r="BP35" s="292">
        <v>0</v>
      </c>
      <c r="BQ35" s="293">
        <v>0</v>
      </c>
      <c r="BR35" s="294">
        <v>0</v>
      </c>
      <c r="BS35" s="295">
        <v>0</v>
      </c>
      <c r="BT35" s="293">
        <v>0</v>
      </c>
      <c r="BU35" s="293">
        <v>12110</v>
      </c>
      <c r="BV35" s="293">
        <v>32995</v>
      </c>
      <c r="BW35" s="293">
        <v>22705</v>
      </c>
      <c r="BX35" s="293">
        <v>4205</v>
      </c>
      <c r="BY35" s="296">
        <v>72015</v>
      </c>
      <c r="BZ35" s="297">
        <v>72015</v>
      </c>
      <c r="CA35" s="292">
        <v>0</v>
      </c>
      <c r="CB35" s="293">
        <v>0</v>
      </c>
      <c r="CC35" s="294">
        <v>0</v>
      </c>
      <c r="CD35" s="295">
        <v>0</v>
      </c>
      <c r="CE35" s="293">
        <v>0</v>
      </c>
      <c r="CF35" s="293">
        <v>0</v>
      </c>
      <c r="CG35" s="293">
        <v>145</v>
      </c>
      <c r="CH35" s="293">
        <v>265</v>
      </c>
      <c r="CI35" s="293">
        <v>0</v>
      </c>
      <c r="CJ35" s="296">
        <v>410</v>
      </c>
      <c r="CK35" s="297">
        <v>410</v>
      </c>
      <c r="CL35" s="292">
        <v>0</v>
      </c>
      <c r="CM35" s="293">
        <v>0</v>
      </c>
      <c r="CN35" s="294">
        <v>0</v>
      </c>
      <c r="CO35" s="295">
        <v>0</v>
      </c>
      <c r="CP35" s="293">
        <v>0</v>
      </c>
      <c r="CQ35" s="293">
        <v>0</v>
      </c>
      <c r="CR35" s="293">
        <v>0</v>
      </c>
      <c r="CS35" s="293">
        <v>0</v>
      </c>
      <c r="CT35" s="293">
        <v>0</v>
      </c>
      <c r="CU35" s="296">
        <v>0</v>
      </c>
      <c r="CV35" s="297">
        <v>0</v>
      </c>
      <c r="CW35" s="292">
        <v>0</v>
      </c>
      <c r="CX35" s="293">
        <v>0</v>
      </c>
      <c r="CY35" s="294">
        <v>0</v>
      </c>
      <c r="CZ35" s="298"/>
      <c r="DA35" s="293">
        <v>0</v>
      </c>
      <c r="DB35" s="293">
        <v>0</v>
      </c>
      <c r="DC35" s="293">
        <v>0</v>
      </c>
      <c r="DD35" s="293">
        <v>0</v>
      </c>
      <c r="DE35" s="293">
        <v>0</v>
      </c>
      <c r="DF35" s="296">
        <v>0</v>
      </c>
      <c r="DG35" s="297">
        <v>0</v>
      </c>
      <c r="DH35" s="292">
        <v>0</v>
      </c>
      <c r="DI35" s="293">
        <v>0</v>
      </c>
      <c r="DJ35" s="294">
        <v>0</v>
      </c>
      <c r="DK35" s="295">
        <v>0</v>
      </c>
      <c r="DL35" s="293">
        <v>25860</v>
      </c>
      <c r="DM35" s="293">
        <v>24340</v>
      </c>
      <c r="DN35" s="293">
        <v>319080</v>
      </c>
      <c r="DO35" s="293">
        <v>413082</v>
      </c>
      <c r="DP35" s="293">
        <v>138565</v>
      </c>
      <c r="DQ35" s="296">
        <v>920927</v>
      </c>
      <c r="DR35" s="299">
        <v>920927</v>
      </c>
      <c r="DS35" s="292">
        <v>0</v>
      </c>
      <c r="DT35" s="293">
        <v>0</v>
      </c>
      <c r="DU35" s="294">
        <v>0</v>
      </c>
      <c r="DV35" s="298"/>
      <c r="DW35" s="293">
        <v>25650</v>
      </c>
      <c r="DX35" s="293">
        <v>0</v>
      </c>
      <c r="DY35" s="293">
        <v>158876</v>
      </c>
      <c r="DZ35" s="293">
        <v>314189</v>
      </c>
      <c r="EA35" s="293">
        <v>102450</v>
      </c>
      <c r="EB35" s="296">
        <v>601165</v>
      </c>
      <c r="EC35" s="297">
        <v>601165</v>
      </c>
      <c r="ED35" s="292">
        <v>0</v>
      </c>
      <c r="EE35" s="293">
        <v>0</v>
      </c>
      <c r="EF35" s="294">
        <v>0</v>
      </c>
      <c r="EG35" s="298"/>
      <c r="EH35" s="293">
        <v>210</v>
      </c>
      <c r="EI35" s="293">
        <v>390</v>
      </c>
      <c r="EJ35" s="293">
        <v>11550</v>
      </c>
      <c r="EK35" s="293">
        <v>37195</v>
      </c>
      <c r="EL35" s="293">
        <v>11310</v>
      </c>
      <c r="EM35" s="296">
        <v>60655</v>
      </c>
      <c r="EN35" s="297">
        <v>60655</v>
      </c>
      <c r="EO35" s="292">
        <v>0</v>
      </c>
      <c r="EP35" s="293">
        <v>0</v>
      </c>
      <c r="EQ35" s="294">
        <v>0</v>
      </c>
      <c r="ER35" s="298"/>
      <c r="ES35" s="293">
        <v>0</v>
      </c>
      <c r="ET35" s="293">
        <v>0</v>
      </c>
      <c r="EU35" s="293">
        <v>0</v>
      </c>
      <c r="EV35" s="293">
        <v>0</v>
      </c>
      <c r="EW35" s="293">
        <v>0</v>
      </c>
      <c r="EX35" s="296">
        <v>0</v>
      </c>
      <c r="EY35" s="297">
        <v>0</v>
      </c>
      <c r="EZ35" s="292">
        <v>0</v>
      </c>
      <c r="FA35" s="293">
        <v>0</v>
      </c>
      <c r="FB35" s="294">
        <v>0</v>
      </c>
      <c r="FC35" s="298"/>
      <c r="FD35" s="293">
        <v>0</v>
      </c>
      <c r="FE35" s="293">
        <v>0</v>
      </c>
      <c r="FF35" s="293">
        <v>0</v>
      </c>
      <c r="FG35" s="293">
        <v>0</v>
      </c>
      <c r="FH35" s="293">
        <v>210</v>
      </c>
      <c r="FI35" s="296">
        <v>210</v>
      </c>
      <c r="FJ35" s="297">
        <v>210</v>
      </c>
      <c r="FK35" s="292">
        <v>0</v>
      </c>
      <c r="FL35" s="293">
        <v>0</v>
      </c>
      <c r="FM35" s="294">
        <v>0</v>
      </c>
      <c r="FN35" s="298"/>
      <c r="FO35" s="293">
        <v>0</v>
      </c>
      <c r="FP35" s="293">
        <v>0</v>
      </c>
      <c r="FQ35" s="293">
        <v>108060</v>
      </c>
      <c r="FR35" s="293">
        <v>42120</v>
      </c>
      <c r="FS35" s="293">
        <v>10530</v>
      </c>
      <c r="FT35" s="296">
        <v>160710</v>
      </c>
      <c r="FU35" s="297">
        <v>160710</v>
      </c>
      <c r="FV35" s="292">
        <v>0</v>
      </c>
      <c r="FW35" s="293">
        <v>0</v>
      </c>
      <c r="FX35" s="294">
        <v>0</v>
      </c>
      <c r="FY35" s="295">
        <v>0</v>
      </c>
      <c r="FZ35" s="293">
        <v>0</v>
      </c>
      <c r="GA35" s="293">
        <v>23950</v>
      </c>
      <c r="GB35" s="293">
        <v>39520</v>
      </c>
      <c r="GC35" s="293">
        <v>18504</v>
      </c>
      <c r="GD35" s="293">
        <v>14065</v>
      </c>
      <c r="GE35" s="296">
        <v>96039</v>
      </c>
      <c r="GF35" s="297">
        <v>96039</v>
      </c>
      <c r="GG35" s="292">
        <v>0</v>
      </c>
      <c r="GH35" s="293">
        <v>0</v>
      </c>
      <c r="GI35" s="294">
        <v>0</v>
      </c>
      <c r="GJ35" s="295">
        <v>0</v>
      </c>
      <c r="GK35" s="293">
        <v>0</v>
      </c>
      <c r="GL35" s="293">
        <v>0</v>
      </c>
      <c r="GM35" s="293">
        <v>1074</v>
      </c>
      <c r="GN35" s="293">
        <v>1074</v>
      </c>
      <c r="GO35" s="293">
        <v>0</v>
      </c>
      <c r="GP35" s="296">
        <v>2148</v>
      </c>
      <c r="GQ35" s="297">
        <v>2148</v>
      </c>
      <c r="GR35" s="292">
        <v>0</v>
      </c>
      <c r="GS35" s="293">
        <v>0</v>
      </c>
      <c r="GT35" s="294">
        <v>0</v>
      </c>
      <c r="GU35" s="295">
        <v>0</v>
      </c>
      <c r="GV35" s="293">
        <v>0</v>
      </c>
      <c r="GW35" s="293">
        <v>0</v>
      </c>
      <c r="GX35" s="293">
        <v>0</v>
      </c>
      <c r="GY35" s="293">
        <v>0</v>
      </c>
      <c r="GZ35" s="293">
        <v>0</v>
      </c>
      <c r="HA35" s="296">
        <v>0</v>
      </c>
      <c r="HB35" s="297">
        <v>0</v>
      </c>
      <c r="HC35" s="292">
        <v>0</v>
      </c>
      <c r="HD35" s="293">
        <v>0</v>
      </c>
      <c r="HE35" s="294">
        <v>0</v>
      </c>
      <c r="HF35" s="298"/>
      <c r="HG35" s="293">
        <v>0</v>
      </c>
      <c r="HH35" s="293">
        <v>0</v>
      </c>
      <c r="HI35" s="293">
        <v>0</v>
      </c>
      <c r="HJ35" s="293">
        <v>0</v>
      </c>
      <c r="HK35" s="293">
        <v>0</v>
      </c>
      <c r="HL35" s="296">
        <v>0</v>
      </c>
      <c r="HM35" s="297">
        <v>0</v>
      </c>
      <c r="HN35" s="292">
        <v>0</v>
      </c>
      <c r="HO35" s="293">
        <v>0</v>
      </c>
      <c r="HP35" s="294">
        <v>0</v>
      </c>
      <c r="HQ35" s="295">
        <v>0</v>
      </c>
      <c r="HR35" s="293">
        <v>91860</v>
      </c>
      <c r="HS35" s="293">
        <v>99750</v>
      </c>
      <c r="HT35" s="293">
        <v>695444</v>
      </c>
      <c r="HU35" s="293">
        <v>831064</v>
      </c>
      <c r="HV35" s="293">
        <v>297870</v>
      </c>
      <c r="HW35" s="296">
        <v>2015988</v>
      </c>
      <c r="HX35" s="297">
        <v>2015988</v>
      </c>
    </row>
    <row r="36" spans="1:232" ht="21" customHeight="1" x14ac:dyDescent="0.2">
      <c r="A36" s="492" t="s">
        <v>33</v>
      </c>
      <c r="B36" s="292">
        <v>0</v>
      </c>
      <c r="C36" s="293">
        <v>0</v>
      </c>
      <c r="D36" s="294">
        <v>0</v>
      </c>
      <c r="E36" s="295">
        <v>0</v>
      </c>
      <c r="F36" s="293">
        <v>85170</v>
      </c>
      <c r="G36" s="293">
        <v>151290</v>
      </c>
      <c r="H36" s="293">
        <v>451635</v>
      </c>
      <c r="I36" s="293">
        <v>489815</v>
      </c>
      <c r="J36" s="293">
        <v>286670</v>
      </c>
      <c r="K36" s="296">
        <v>1464580</v>
      </c>
      <c r="L36" s="297">
        <v>1464580</v>
      </c>
      <c r="M36" s="292">
        <v>0</v>
      </c>
      <c r="N36" s="293">
        <v>0</v>
      </c>
      <c r="O36" s="294">
        <v>0</v>
      </c>
      <c r="P36" s="298"/>
      <c r="Q36" s="293">
        <v>0</v>
      </c>
      <c r="R36" s="293">
        <v>26400</v>
      </c>
      <c r="S36" s="293">
        <v>247080</v>
      </c>
      <c r="T36" s="293">
        <v>301110</v>
      </c>
      <c r="U36" s="293">
        <v>234900</v>
      </c>
      <c r="V36" s="296">
        <v>809490</v>
      </c>
      <c r="W36" s="297">
        <v>809490</v>
      </c>
      <c r="X36" s="292">
        <v>0</v>
      </c>
      <c r="Y36" s="293">
        <v>0</v>
      </c>
      <c r="Z36" s="294">
        <v>0</v>
      </c>
      <c r="AA36" s="298"/>
      <c r="AB36" s="293">
        <v>58050</v>
      </c>
      <c r="AC36" s="293">
        <v>62195</v>
      </c>
      <c r="AD36" s="293">
        <v>137100</v>
      </c>
      <c r="AE36" s="293">
        <v>134250</v>
      </c>
      <c r="AF36" s="293">
        <v>15035</v>
      </c>
      <c r="AG36" s="296">
        <v>406630</v>
      </c>
      <c r="AH36" s="297">
        <v>406630</v>
      </c>
      <c r="AI36" s="292">
        <v>0</v>
      </c>
      <c r="AJ36" s="293">
        <v>0</v>
      </c>
      <c r="AK36" s="294">
        <v>0</v>
      </c>
      <c r="AL36" s="298"/>
      <c r="AM36" s="293">
        <v>0</v>
      </c>
      <c r="AN36" s="293">
        <v>0</v>
      </c>
      <c r="AO36" s="293">
        <v>0</v>
      </c>
      <c r="AP36" s="293">
        <v>0</v>
      </c>
      <c r="AQ36" s="293">
        <v>0</v>
      </c>
      <c r="AR36" s="296">
        <v>0</v>
      </c>
      <c r="AS36" s="297">
        <v>0</v>
      </c>
      <c r="AT36" s="292">
        <v>0</v>
      </c>
      <c r="AU36" s="293">
        <v>0</v>
      </c>
      <c r="AV36" s="294">
        <v>0</v>
      </c>
      <c r="AW36" s="298"/>
      <c r="AX36" s="293">
        <v>23850</v>
      </c>
      <c r="AY36" s="293">
        <v>60750</v>
      </c>
      <c r="AZ36" s="293">
        <v>63300</v>
      </c>
      <c r="BA36" s="293">
        <v>34350</v>
      </c>
      <c r="BB36" s="293">
        <v>34200</v>
      </c>
      <c r="BC36" s="296">
        <v>216450</v>
      </c>
      <c r="BD36" s="297">
        <v>216450</v>
      </c>
      <c r="BE36" s="292">
        <v>0</v>
      </c>
      <c r="BF36" s="293">
        <v>0</v>
      </c>
      <c r="BG36" s="294">
        <v>0</v>
      </c>
      <c r="BH36" s="298"/>
      <c r="BI36" s="293">
        <v>0</v>
      </c>
      <c r="BJ36" s="293">
        <v>0</v>
      </c>
      <c r="BK36" s="293">
        <v>0</v>
      </c>
      <c r="BL36" s="293">
        <v>0</v>
      </c>
      <c r="BM36" s="293">
        <v>0</v>
      </c>
      <c r="BN36" s="296">
        <v>0</v>
      </c>
      <c r="BO36" s="297">
        <v>0</v>
      </c>
      <c r="BP36" s="292">
        <v>0</v>
      </c>
      <c r="BQ36" s="293">
        <v>0</v>
      </c>
      <c r="BR36" s="294">
        <v>0</v>
      </c>
      <c r="BS36" s="295">
        <v>0</v>
      </c>
      <c r="BT36" s="293">
        <v>3270</v>
      </c>
      <c r="BU36" s="293">
        <v>1945</v>
      </c>
      <c r="BV36" s="293">
        <v>4155</v>
      </c>
      <c r="BW36" s="293">
        <v>20105</v>
      </c>
      <c r="BX36" s="293">
        <v>0</v>
      </c>
      <c r="BY36" s="296">
        <v>29475</v>
      </c>
      <c r="BZ36" s="297">
        <v>29475</v>
      </c>
      <c r="CA36" s="292">
        <v>0</v>
      </c>
      <c r="CB36" s="293">
        <v>0</v>
      </c>
      <c r="CC36" s="294">
        <v>0</v>
      </c>
      <c r="CD36" s="295">
        <v>0</v>
      </c>
      <c r="CE36" s="293">
        <v>0</v>
      </c>
      <c r="CF36" s="293">
        <v>0</v>
      </c>
      <c r="CG36" s="293">
        <v>0</v>
      </c>
      <c r="CH36" s="293">
        <v>0</v>
      </c>
      <c r="CI36" s="293">
        <v>2535</v>
      </c>
      <c r="CJ36" s="296">
        <v>2535</v>
      </c>
      <c r="CK36" s="297">
        <v>2535</v>
      </c>
      <c r="CL36" s="292">
        <v>0</v>
      </c>
      <c r="CM36" s="293">
        <v>0</v>
      </c>
      <c r="CN36" s="294">
        <v>0</v>
      </c>
      <c r="CO36" s="295">
        <v>0</v>
      </c>
      <c r="CP36" s="293">
        <v>0</v>
      </c>
      <c r="CQ36" s="293">
        <v>0</v>
      </c>
      <c r="CR36" s="293">
        <v>0</v>
      </c>
      <c r="CS36" s="293">
        <v>0</v>
      </c>
      <c r="CT36" s="293">
        <v>0</v>
      </c>
      <c r="CU36" s="296">
        <v>0</v>
      </c>
      <c r="CV36" s="297">
        <v>0</v>
      </c>
      <c r="CW36" s="292">
        <v>0</v>
      </c>
      <c r="CX36" s="293">
        <v>0</v>
      </c>
      <c r="CY36" s="294">
        <v>0</v>
      </c>
      <c r="CZ36" s="298"/>
      <c r="DA36" s="293">
        <v>0</v>
      </c>
      <c r="DB36" s="293">
        <v>0</v>
      </c>
      <c r="DC36" s="293">
        <v>0</v>
      </c>
      <c r="DD36" s="293">
        <v>0</v>
      </c>
      <c r="DE36" s="293">
        <v>0</v>
      </c>
      <c r="DF36" s="296">
        <v>0</v>
      </c>
      <c r="DG36" s="297">
        <v>0</v>
      </c>
      <c r="DH36" s="292">
        <v>0</v>
      </c>
      <c r="DI36" s="293">
        <v>0</v>
      </c>
      <c r="DJ36" s="294">
        <v>0</v>
      </c>
      <c r="DK36" s="295">
        <v>0</v>
      </c>
      <c r="DL36" s="293">
        <v>6120</v>
      </c>
      <c r="DM36" s="293">
        <v>62474</v>
      </c>
      <c r="DN36" s="293">
        <v>328488</v>
      </c>
      <c r="DO36" s="293">
        <v>401505</v>
      </c>
      <c r="DP36" s="293">
        <v>201060</v>
      </c>
      <c r="DQ36" s="296">
        <v>999647</v>
      </c>
      <c r="DR36" s="299">
        <v>999647</v>
      </c>
      <c r="DS36" s="292">
        <v>0</v>
      </c>
      <c r="DT36" s="293">
        <v>0</v>
      </c>
      <c r="DU36" s="294">
        <v>0</v>
      </c>
      <c r="DV36" s="298"/>
      <c r="DW36" s="293">
        <v>0</v>
      </c>
      <c r="DX36" s="293">
        <v>35430</v>
      </c>
      <c r="DY36" s="293">
        <v>289788</v>
      </c>
      <c r="DZ36" s="293">
        <v>354996</v>
      </c>
      <c r="EA36" s="293">
        <v>200010</v>
      </c>
      <c r="EB36" s="296">
        <v>880224</v>
      </c>
      <c r="EC36" s="297">
        <v>880224</v>
      </c>
      <c r="ED36" s="292">
        <v>0</v>
      </c>
      <c r="EE36" s="293">
        <v>0</v>
      </c>
      <c r="EF36" s="294">
        <v>0</v>
      </c>
      <c r="EG36" s="298"/>
      <c r="EH36" s="293">
        <v>630</v>
      </c>
      <c r="EI36" s="293">
        <v>11849</v>
      </c>
      <c r="EJ36" s="293">
        <v>23250</v>
      </c>
      <c r="EK36" s="293">
        <v>1470</v>
      </c>
      <c r="EL36" s="293">
        <v>630</v>
      </c>
      <c r="EM36" s="296">
        <v>37829</v>
      </c>
      <c r="EN36" s="297">
        <v>37829</v>
      </c>
      <c r="EO36" s="292">
        <v>0</v>
      </c>
      <c r="EP36" s="293">
        <v>0</v>
      </c>
      <c r="EQ36" s="294">
        <v>0</v>
      </c>
      <c r="ER36" s="298"/>
      <c r="ES36" s="293">
        <v>0</v>
      </c>
      <c r="ET36" s="293">
        <v>0</v>
      </c>
      <c r="EU36" s="293">
        <v>0</v>
      </c>
      <c r="EV36" s="293">
        <v>0</v>
      </c>
      <c r="EW36" s="293">
        <v>0</v>
      </c>
      <c r="EX36" s="296">
        <v>0</v>
      </c>
      <c r="EY36" s="297">
        <v>0</v>
      </c>
      <c r="EZ36" s="292">
        <v>0</v>
      </c>
      <c r="FA36" s="293">
        <v>0</v>
      </c>
      <c r="FB36" s="294">
        <v>0</v>
      </c>
      <c r="FC36" s="298"/>
      <c r="FD36" s="293">
        <v>210</v>
      </c>
      <c r="FE36" s="293">
        <v>11730</v>
      </c>
      <c r="FF36" s="293">
        <v>11940</v>
      </c>
      <c r="FG36" s="293">
        <v>11310</v>
      </c>
      <c r="FH36" s="293">
        <v>420</v>
      </c>
      <c r="FI36" s="296">
        <v>35610</v>
      </c>
      <c r="FJ36" s="297">
        <v>35610</v>
      </c>
      <c r="FK36" s="292">
        <v>0</v>
      </c>
      <c r="FL36" s="293">
        <v>0</v>
      </c>
      <c r="FM36" s="294">
        <v>0</v>
      </c>
      <c r="FN36" s="298"/>
      <c r="FO36" s="293">
        <v>0</v>
      </c>
      <c r="FP36" s="293">
        <v>0</v>
      </c>
      <c r="FQ36" s="293">
        <v>0</v>
      </c>
      <c r="FR36" s="293">
        <v>0</v>
      </c>
      <c r="FS36" s="293">
        <v>0</v>
      </c>
      <c r="FT36" s="296">
        <v>0</v>
      </c>
      <c r="FU36" s="297">
        <v>0</v>
      </c>
      <c r="FV36" s="292">
        <v>0</v>
      </c>
      <c r="FW36" s="293">
        <v>0</v>
      </c>
      <c r="FX36" s="294">
        <v>0</v>
      </c>
      <c r="FY36" s="295">
        <v>0</v>
      </c>
      <c r="FZ36" s="293">
        <v>5280</v>
      </c>
      <c r="GA36" s="293">
        <v>3465</v>
      </c>
      <c r="GB36" s="293">
        <v>3510</v>
      </c>
      <c r="GC36" s="293">
        <v>33729</v>
      </c>
      <c r="GD36" s="293">
        <v>0</v>
      </c>
      <c r="GE36" s="296">
        <v>45984</v>
      </c>
      <c r="GF36" s="297">
        <v>45984</v>
      </c>
      <c r="GG36" s="292">
        <v>0</v>
      </c>
      <c r="GH36" s="293">
        <v>0</v>
      </c>
      <c r="GI36" s="294">
        <v>0</v>
      </c>
      <c r="GJ36" s="295">
        <v>0</v>
      </c>
      <c r="GK36" s="293">
        <v>0</v>
      </c>
      <c r="GL36" s="293">
        <v>0</v>
      </c>
      <c r="GM36" s="293">
        <v>0</v>
      </c>
      <c r="GN36" s="293">
        <v>0</v>
      </c>
      <c r="GO36" s="293">
        <v>0</v>
      </c>
      <c r="GP36" s="296">
        <v>0</v>
      </c>
      <c r="GQ36" s="297">
        <v>0</v>
      </c>
      <c r="GR36" s="292">
        <v>0</v>
      </c>
      <c r="GS36" s="293">
        <v>0</v>
      </c>
      <c r="GT36" s="294">
        <v>0</v>
      </c>
      <c r="GU36" s="295">
        <v>0</v>
      </c>
      <c r="GV36" s="293">
        <v>0</v>
      </c>
      <c r="GW36" s="293">
        <v>0</v>
      </c>
      <c r="GX36" s="293">
        <v>0</v>
      </c>
      <c r="GY36" s="293">
        <v>0</v>
      </c>
      <c r="GZ36" s="293">
        <v>0</v>
      </c>
      <c r="HA36" s="296">
        <v>0</v>
      </c>
      <c r="HB36" s="297">
        <v>0</v>
      </c>
      <c r="HC36" s="292">
        <v>0</v>
      </c>
      <c r="HD36" s="293">
        <v>0</v>
      </c>
      <c r="HE36" s="294">
        <v>0</v>
      </c>
      <c r="HF36" s="298"/>
      <c r="HG36" s="293">
        <v>0</v>
      </c>
      <c r="HH36" s="293">
        <v>0</v>
      </c>
      <c r="HI36" s="293">
        <v>0</v>
      </c>
      <c r="HJ36" s="293">
        <v>0</v>
      </c>
      <c r="HK36" s="293">
        <v>0</v>
      </c>
      <c r="HL36" s="296">
        <v>0</v>
      </c>
      <c r="HM36" s="297">
        <v>0</v>
      </c>
      <c r="HN36" s="292">
        <v>0</v>
      </c>
      <c r="HO36" s="293">
        <v>0</v>
      </c>
      <c r="HP36" s="294">
        <v>0</v>
      </c>
      <c r="HQ36" s="295">
        <v>0</v>
      </c>
      <c r="HR36" s="293">
        <v>91290</v>
      </c>
      <c r="HS36" s="293">
        <v>213764</v>
      </c>
      <c r="HT36" s="293">
        <v>780123</v>
      </c>
      <c r="HU36" s="293">
        <v>891320</v>
      </c>
      <c r="HV36" s="293">
        <v>487730</v>
      </c>
      <c r="HW36" s="296">
        <v>2464227</v>
      </c>
      <c r="HX36" s="297">
        <v>2464227</v>
      </c>
    </row>
    <row r="37" spans="1:232" ht="21" customHeight="1" x14ac:dyDescent="0.2">
      <c r="A37" s="492" t="s">
        <v>34</v>
      </c>
      <c r="B37" s="292">
        <v>0</v>
      </c>
      <c r="C37" s="293">
        <v>0</v>
      </c>
      <c r="D37" s="294">
        <v>0</v>
      </c>
      <c r="E37" s="295">
        <v>0</v>
      </c>
      <c r="F37" s="293">
        <v>26400</v>
      </c>
      <c r="G37" s="293">
        <v>86335</v>
      </c>
      <c r="H37" s="293">
        <v>69645</v>
      </c>
      <c r="I37" s="293">
        <v>279020</v>
      </c>
      <c r="J37" s="293">
        <v>172689</v>
      </c>
      <c r="K37" s="296">
        <v>634089</v>
      </c>
      <c r="L37" s="297">
        <v>634089</v>
      </c>
      <c r="M37" s="292">
        <v>0</v>
      </c>
      <c r="N37" s="293">
        <v>0</v>
      </c>
      <c r="O37" s="294">
        <v>0</v>
      </c>
      <c r="P37" s="298"/>
      <c r="Q37" s="293">
        <v>0</v>
      </c>
      <c r="R37" s="293">
        <v>0</v>
      </c>
      <c r="S37" s="293">
        <v>39300</v>
      </c>
      <c r="T37" s="293">
        <v>242235</v>
      </c>
      <c r="U37" s="293">
        <v>134400</v>
      </c>
      <c r="V37" s="296">
        <v>415935</v>
      </c>
      <c r="W37" s="297">
        <v>415935</v>
      </c>
      <c r="X37" s="292">
        <v>0</v>
      </c>
      <c r="Y37" s="293">
        <v>0</v>
      </c>
      <c r="Z37" s="294">
        <v>0</v>
      </c>
      <c r="AA37" s="298"/>
      <c r="AB37" s="293">
        <v>26400</v>
      </c>
      <c r="AC37" s="293">
        <v>86335</v>
      </c>
      <c r="AD37" s="293">
        <v>30055</v>
      </c>
      <c r="AE37" s="293">
        <v>29250</v>
      </c>
      <c r="AF37" s="293">
        <v>34200</v>
      </c>
      <c r="AG37" s="296">
        <v>206240</v>
      </c>
      <c r="AH37" s="297">
        <v>206240</v>
      </c>
      <c r="AI37" s="292">
        <v>0</v>
      </c>
      <c r="AJ37" s="293">
        <v>0</v>
      </c>
      <c r="AK37" s="294">
        <v>0</v>
      </c>
      <c r="AL37" s="298"/>
      <c r="AM37" s="293">
        <v>0</v>
      </c>
      <c r="AN37" s="293">
        <v>0</v>
      </c>
      <c r="AO37" s="293">
        <v>0</v>
      </c>
      <c r="AP37" s="293">
        <v>0</v>
      </c>
      <c r="AQ37" s="293">
        <v>0</v>
      </c>
      <c r="AR37" s="296">
        <v>0</v>
      </c>
      <c r="AS37" s="297">
        <v>0</v>
      </c>
      <c r="AT37" s="292">
        <v>0</v>
      </c>
      <c r="AU37" s="293">
        <v>0</v>
      </c>
      <c r="AV37" s="294">
        <v>0</v>
      </c>
      <c r="AW37" s="298"/>
      <c r="AX37" s="293">
        <v>0</v>
      </c>
      <c r="AY37" s="293">
        <v>0</v>
      </c>
      <c r="AZ37" s="293">
        <v>0</v>
      </c>
      <c r="BA37" s="293">
        <v>0</v>
      </c>
      <c r="BB37" s="293">
        <v>0</v>
      </c>
      <c r="BC37" s="296">
        <v>0</v>
      </c>
      <c r="BD37" s="297">
        <v>0</v>
      </c>
      <c r="BE37" s="292">
        <v>0</v>
      </c>
      <c r="BF37" s="293">
        <v>0</v>
      </c>
      <c r="BG37" s="294">
        <v>0</v>
      </c>
      <c r="BH37" s="298"/>
      <c r="BI37" s="293">
        <v>0</v>
      </c>
      <c r="BJ37" s="293">
        <v>0</v>
      </c>
      <c r="BK37" s="293">
        <v>0</v>
      </c>
      <c r="BL37" s="293">
        <v>0</v>
      </c>
      <c r="BM37" s="293">
        <v>0</v>
      </c>
      <c r="BN37" s="296">
        <v>0</v>
      </c>
      <c r="BO37" s="297">
        <v>0</v>
      </c>
      <c r="BP37" s="292">
        <v>0</v>
      </c>
      <c r="BQ37" s="293">
        <v>0</v>
      </c>
      <c r="BR37" s="294">
        <v>0</v>
      </c>
      <c r="BS37" s="295">
        <v>0</v>
      </c>
      <c r="BT37" s="293">
        <v>0</v>
      </c>
      <c r="BU37" s="293">
        <v>0</v>
      </c>
      <c r="BV37" s="293">
        <v>290</v>
      </c>
      <c r="BW37" s="293">
        <v>0</v>
      </c>
      <c r="BX37" s="293">
        <v>4089</v>
      </c>
      <c r="BY37" s="296">
        <v>4379</v>
      </c>
      <c r="BZ37" s="297">
        <v>4379</v>
      </c>
      <c r="CA37" s="292">
        <v>0</v>
      </c>
      <c r="CB37" s="293">
        <v>0</v>
      </c>
      <c r="CC37" s="294">
        <v>0</v>
      </c>
      <c r="CD37" s="295">
        <v>0</v>
      </c>
      <c r="CE37" s="293">
        <v>0</v>
      </c>
      <c r="CF37" s="293">
        <v>0</v>
      </c>
      <c r="CG37" s="293">
        <v>0</v>
      </c>
      <c r="CH37" s="293">
        <v>7535</v>
      </c>
      <c r="CI37" s="293">
        <v>0</v>
      </c>
      <c r="CJ37" s="296">
        <v>7535</v>
      </c>
      <c r="CK37" s="297">
        <v>7535</v>
      </c>
      <c r="CL37" s="292">
        <v>0</v>
      </c>
      <c r="CM37" s="293">
        <v>0</v>
      </c>
      <c r="CN37" s="294">
        <v>0</v>
      </c>
      <c r="CO37" s="295">
        <v>0</v>
      </c>
      <c r="CP37" s="293">
        <v>0</v>
      </c>
      <c r="CQ37" s="293">
        <v>0</v>
      </c>
      <c r="CR37" s="293">
        <v>0</v>
      </c>
      <c r="CS37" s="293">
        <v>0</v>
      </c>
      <c r="CT37" s="293">
        <v>0</v>
      </c>
      <c r="CU37" s="296">
        <v>0</v>
      </c>
      <c r="CV37" s="297">
        <v>0</v>
      </c>
      <c r="CW37" s="292">
        <v>0</v>
      </c>
      <c r="CX37" s="293">
        <v>0</v>
      </c>
      <c r="CY37" s="294">
        <v>0</v>
      </c>
      <c r="CZ37" s="298"/>
      <c r="DA37" s="293">
        <v>0</v>
      </c>
      <c r="DB37" s="293">
        <v>0</v>
      </c>
      <c r="DC37" s="293">
        <v>0</v>
      </c>
      <c r="DD37" s="293">
        <v>0</v>
      </c>
      <c r="DE37" s="293">
        <v>0</v>
      </c>
      <c r="DF37" s="296">
        <v>0</v>
      </c>
      <c r="DG37" s="297">
        <v>0</v>
      </c>
      <c r="DH37" s="292">
        <v>0</v>
      </c>
      <c r="DI37" s="293">
        <v>0</v>
      </c>
      <c r="DJ37" s="294">
        <v>0</v>
      </c>
      <c r="DK37" s="295">
        <v>0</v>
      </c>
      <c r="DL37" s="293">
        <v>390</v>
      </c>
      <c r="DM37" s="293">
        <v>12479</v>
      </c>
      <c r="DN37" s="293">
        <v>101732</v>
      </c>
      <c r="DO37" s="293">
        <v>271054</v>
      </c>
      <c r="DP37" s="293">
        <v>161892</v>
      </c>
      <c r="DQ37" s="296">
        <v>547547</v>
      </c>
      <c r="DR37" s="299">
        <v>547547</v>
      </c>
      <c r="DS37" s="292">
        <v>0</v>
      </c>
      <c r="DT37" s="293">
        <v>0</v>
      </c>
      <c r="DU37" s="294">
        <v>0</v>
      </c>
      <c r="DV37" s="298"/>
      <c r="DW37" s="293">
        <v>0</v>
      </c>
      <c r="DX37" s="293">
        <v>0</v>
      </c>
      <c r="DY37" s="293">
        <v>98220</v>
      </c>
      <c r="DZ37" s="293">
        <v>270480</v>
      </c>
      <c r="EA37" s="293">
        <v>153120</v>
      </c>
      <c r="EB37" s="296">
        <v>521820</v>
      </c>
      <c r="EC37" s="297">
        <v>521820</v>
      </c>
      <c r="ED37" s="292">
        <v>0</v>
      </c>
      <c r="EE37" s="293">
        <v>0</v>
      </c>
      <c r="EF37" s="294">
        <v>0</v>
      </c>
      <c r="EG37" s="298"/>
      <c r="EH37" s="293">
        <v>390</v>
      </c>
      <c r="EI37" s="293">
        <v>12479</v>
      </c>
      <c r="EJ37" s="293">
        <v>728</v>
      </c>
      <c r="EK37" s="293">
        <v>504</v>
      </c>
      <c r="EL37" s="293">
        <v>420</v>
      </c>
      <c r="EM37" s="296">
        <v>14521</v>
      </c>
      <c r="EN37" s="297">
        <v>14521</v>
      </c>
      <c r="EO37" s="292">
        <v>0</v>
      </c>
      <c r="EP37" s="293">
        <v>0</v>
      </c>
      <c r="EQ37" s="294">
        <v>0</v>
      </c>
      <c r="ER37" s="298"/>
      <c r="ES37" s="293">
        <v>0</v>
      </c>
      <c r="ET37" s="293">
        <v>0</v>
      </c>
      <c r="EU37" s="293">
        <v>0</v>
      </c>
      <c r="EV37" s="293">
        <v>0</v>
      </c>
      <c r="EW37" s="293">
        <v>0</v>
      </c>
      <c r="EX37" s="296">
        <v>0</v>
      </c>
      <c r="EY37" s="297">
        <v>0</v>
      </c>
      <c r="EZ37" s="292">
        <v>0</v>
      </c>
      <c r="FA37" s="293">
        <v>0</v>
      </c>
      <c r="FB37" s="294">
        <v>0</v>
      </c>
      <c r="FC37" s="298"/>
      <c r="FD37" s="293">
        <v>0</v>
      </c>
      <c r="FE37" s="293">
        <v>0</v>
      </c>
      <c r="FF37" s="293">
        <v>0</v>
      </c>
      <c r="FG37" s="293">
        <v>0</v>
      </c>
      <c r="FH37" s="293">
        <v>0</v>
      </c>
      <c r="FI37" s="296">
        <v>0</v>
      </c>
      <c r="FJ37" s="297">
        <v>0</v>
      </c>
      <c r="FK37" s="292">
        <v>0</v>
      </c>
      <c r="FL37" s="293">
        <v>0</v>
      </c>
      <c r="FM37" s="294">
        <v>0</v>
      </c>
      <c r="FN37" s="298"/>
      <c r="FO37" s="293">
        <v>0</v>
      </c>
      <c r="FP37" s="293">
        <v>0</v>
      </c>
      <c r="FQ37" s="293">
        <v>0</v>
      </c>
      <c r="FR37" s="293">
        <v>0</v>
      </c>
      <c r="FS37" s="293">
        <v>0</v>
      </c>
      <c r="FT37" s="296">
        <v>0</v>
      </c>
      <c r="FU37" s="297">
        <v>0</v>
      </c>
      <c r="FV37" s="292">
        <v>0</v>
      </c>
      <c r="FW37" s="293">
        <v>0</v>
      </c>
      <c r="FX37" s="294">
        <v>0</v>
      </c>
      <c r="FY37" s="295">
        <v>0</v>
      </c>
      <c r="FZ37" s="293">
        <v>0</v>
      </c>
      <c r="GA37" s="293">
        <v>0</v>
      </c>
      <c r="GB37" s="293">
        <v>2784</v>
      </c>
      <c r="GC37" s="293">
        <v>0</v>
      </c>
      <c r="GD37" s="293">
        <v>8352</v>
      </c>
      <c r="GE37" s="296">
        <v>11136</v>
      </c>
      <c r="GF37" s="297">
        <v>11136</v>
      </c>
      <c r="GG37" s="292">
        <v>0</v>
      </c>
      <c r="GH37" s="293">
        <v>0</v>
      </c>
      <c r="GI37" s="294">
        <v>0</v>
      </c>
      <c r="GJ37" s="295">
        <v>0</v>
      </c>
      <c r="GK37" s="293">
        <v>0</v>
      </c>
      <c r="GL37" s="293">
        <v>0</v>
      </c>
      <c r="GM37" s="293">
        <v>0</v>
      </c>
      <c r="GN37" s="293">
        <v>70</v>
      </c>
      <c r="GO37" s="293">
        <v>0</v>
      </c>
      <c r="GP37" s="296">
        <v>70</v>
      </c>
      <c r="GQ37" s="297">
        <v>70</v>
      </c>
      <c r="GR37" s="292">
        <v>0</v>
      </c>
      <c r="GS37" s="293">
        <v>0</v>
      </c>
      <c r="GT37" s="294">
        <v>0</v>
      </c>
      <c r="GU37" s="295">
        <v>0</v>
      </c>
      <c r="GV37" s="293">
        <v>0</v>
      </c>
      <c r="GW37" s="293">
        <v>0</v>
      </c>
      <c r="GX37" s="293">
        <v>0</v>
      </c>
      <c r="GY37" s="293">
        <v>0</v>
      </c>
      <c r="GZ37" s="293">
        <v>0</v>
      </c>
      <c r="HA37" s="296">
        <v>0</v>
      </c>
      <c r="HB37" s="297">
        <v>0</v>
      </c>
      <c r="HC37" s="292">
        <v>0</v>
      </c>
      <c r="HD37" s="293">
        <v>0</v>
      </c>
      <c r="HE37" s="294">
        <v>0</v>
      </c>
      <c r="HF37" s="298"/>
      <c r="HG37" s="293">
        <v>0</v>
      </c>
      <c r="HH37" s="293">
        <v>0</v>
      </c>
      <c r="HI37" s="293">
        <v>0</v>
      </c>
      <c r="HJ37" s="293">
        <v>0</v>
      </c>
      <c r="HK37" s="293">
        <v>0</v>
      </c>
      <c r="HL37" s="296">
        <v>0</v>
      </c>
      <c r="HM37" s="297">
        <v>0</v>
      </c>
      <c r="HN37" s="292">
        <v>0</v>
      </c>
      <c r="HO37" s="293">
        <v>0</v>
      </c>
      <c r="HP37" s="294">
        <v>0</v>
      </c>
      <c r="HQ37" s="295">
        <v>0</v>
      </c>
      <c r="HR37" s="293">
        <v>26790</v>
      </c>
      <c r="HS37" s="293">
        <v>98814</v>
      </c>
      <c r="HT37" s="293">
        <v>171377</v>
      </c>
      <c r="HU37" s="293">
        <v>550074</v>
      </c>
      <c r="HV37" s="293">
        <v>334581</v>
      </c>
      <c r="HW37" s="296">
        <v>1181636</v>
      </c>
      <c r="HX37" s="297">
        <v>1181636</v>
      </c>
    </row>
    <row r="38" spans="1:232" ht="21" customHeight="1" x14ac:dyDescent="0.2">
      <c r="A38" s="492" t="s">
        <v>35</v>
      </c>
      <c r="B38" s="292">
        <v>0</v>
      </c>
      <c r="C38" s="293">
        <v>0</v>
      </c>
      <c r="D38" s="294">
        <v>0</v>
      </c>
      <c r="E38" s="295">
        <v>0</v>
      </c>
      <c r="F38" s="293">
        <v>214760</v>
      </c>
      <c r="G38" s="293">
        <v>239335</v>
      </c>
      <c r="H38" s="293">
        <v>627270</v>
      </c>
      <c r="I38" s="293">
        <v>643767</v>
      </c>
      <c r="J38" s="293">
        <v>378810</v>
      </c>
      <c r="K38" s="296">
        <v>2103942</v>
      </c>
      <c r="L38" s="297">
        <v>2103942</v>
      </c>
      <c r="M38" s="292">
        <v>0</v>
      </c>
      <c r="N38" s="293">
        <v>0</v>
      </c>
      <c r="O38" s="294">
        <v>0</v>
      </c>
      <c r="P38" s="298"/>
      <c r="Q38" s="293">
        <v>2550</v>
      </c>
      <c r="R38" s="293">
        <v>55500</v>
      </c>
      <c r="S38" s="293">
        <v>322130</v>
      </c>
      <c r="T38" s="293">
        <v>298615</v>
      </c>
      <c r="U38" s="293">
        <v>302760</v>
      </c>
      <c r="V38" s="296">
        <v>981555</v>
      </c>
      <c r="W38" s="297">
        <v>981555</v>
      </c>
      <c r="X38" s="292">
        <v>0</v>
      </c>
      <c r="Y38" s="293">
        <v>0</v>
      </c>
      <c r="Z38" s="294">
        <v>0</v>
      </c>
      <c r="AA38" s="298"/>
      <c r="AB38" s="293">
        <v>164730</v>
      </c>
      <c r="AC38" s="293">
        <v>180065</v>
      </c>
      <c r="AD38" s="293">
        <v>234900</v>
      </c>
      <c r="AE38" s="293">
        <v>143420</v>
      </c>
      <c r="AF38" s="293">
        <v>2385</v>
      </c>
      <c r="AG38" s="296">
        <v>725500</v>
      </c>
      <c r="AH38" s="297">
        <v>725500</v>
      </c>
      <c r="AI38" s="292">
        <v>0</v>
      </c>
      <c r="AJ38" s="293">
        <v>0</v>
      </c>
      <c r="AK38" s="294">
        <v>0</v>
      </c>
      <c r="AL38" s="298"/>
      <c r="AM38" s="293">
        <v>0</v>
      </c>
      <c r="AN38" s="293">
        <v>0</v>
      </c>
      <c r="AO38" s="293">
        <v>0</v>
      </c>
      <c r="AP38" s="293">
        <v>0</v>
      </c>
      <c r="AQ38" s="293">
        <v>0</v>
      </c>
      <c r="AR38" s="296">
        <v>0</v>
      </c>
      <c r="AS38" s="297">
        <v>0</v>
      </c>
      <c r="AT38" s="292">
        <v>0</v>
      </c>
      <c r="AU38" s="293">
        <v>0</v>
      </c>
      <c r="AV38" s="294">
        <v>0</v>
      </c>
      <c r="AW38" s="298"/>
      <c r="AX38" s="293">
        <v>34200</v>
      </c>
      <c r="AY38" s="293">
        <v>0</v>
      </c>
      <c r="AZ38" s="293">
        <v>68700</v>
      </c>
      <c r="BA38" s="293">
        <v>159215</v>
      </c>
      <c r="BB38" s="293">
        <v>73665</v>
      </c>
      <c r="BC38" s="296">
        <v>335780</v>
      </c>
      <c r="BD38" s="297">
        <v>335780</v>
      </c>
      <c r="BE38" s="292">
        <v>0</v>
      </c>
      <c r="BF38" s="293">
        <v>0</v>
      </c>
      <c r="BG38" s="294">
        <v>0</v>
      </c>
      <c r="BH38" s="298"/>
      <c r="BI38" s="293">
        <v>0</v>
      </c>
      <c r="BJ38" s="293">
        <v>0</v>
      </c>
      <c r="BK38" s="293">
        <v>0</v>
      </c>
      <c r="BL38" s="293">
        <v>0</v>
      </c>
      <c r="BM38" s="293">
        <v>0</v>
      </c>
      <c r="BN38" s="296">
        <v>0</v>
      </c>
      <c r="BO38" s="297">
        <v>0</v>
      </c>
      <c r="BP38" s="292">
        <v>0</v>
      </c>
      <c r="BQ38" s="293">
        <v>0</v>
      </c>
      <c r="BR38" s="294">
        <v>0</v>
      </c>
      <c r="BS38" s="295">
        <v>0</v>
      </c>
      <c r="BT38" s="293">
        <v>13280</v>
      </c>
      <c r="BU38" s="293">
        <v>655</v>
      </c>
      <c r="BV38" s="293">
        <v>290</v>
      </c>
      <c r="BW38" s="293">
        <v>42272</v>
      </c>
      <c r="BX38" s="293">
        <v>0</v>
      </c>
      <c r="BY38" s="296">
        <v>56497</v>
      </c>
      <c r="BZ38" s="297">
        <v>56497</v>
      </c>
      <c r="CA38" s="292">
        <v>0</v>
      </c>
      <c r="CB38" s="293">
        <v>0</v>
      </c>
      <c r="CC38" s="294">
        <v>0</v>
      </c>
      <c r="CD38" s="295">
        <v>0</v>
      </c>
      <c r="CE38" s="293">
        <v>0</v>
      </c>
      <c r="CF38" s="293">
        <v>3115</v>
      </c>
      <c r="CG38" s="293">
        <v>1250</v>
      </c>
      <c r="CH38" s="293">
        <v>245</v>
      </c>
      <c r="CI38" s="293">
        <v>0</v>
      </c>
      <c r="CJ38" s="296">
        <v>4610</v>
      </c>
      <c r="CK38" s="297">
        <v>4610</v>
      </c>
      <c r="CL38" s="292">
        <v>0</v>
      </c>
      <c r="CM38" s="293">
        <v>0</v>
      </c>
      <c r="CN38" s="294">
        <v>0</v>
      </c>
      <c r="CO38" s="295">
        <v>0</v>
      </c>
      <c r="CP38" s="293">
        <v>0</v>
      </c>
      <c r="CQ38" s="293">
        <v>0</v>
      </c>
      <c r="CR38" s="293">
        <v>0</v>
      </c>
      <c r="CS38" s="293">
        <v>0</v>
      </c>
      <c r="CT38" s="293">
        <v>0</v>
      </c>
      <c r="CU38" s="296">
        <v>0</v>
      </c>
      <c r="CV38" s="297">
        <v>0</v>
      </c>
      <c r="CW38" s="292">
        <v>0</v>
      </c>
      <c r="CX38" s="293">
        <v>0</v>
      </c>
      <c r="CY38" s="294">
        <v>0</v>
      </c>
      <c r="CZ38" s="298"/>
      <c r="DA38" s="293">
        <v>0</v>
      </c>
      <c r="DB38" s="293">
        <v>0</v>
      </c>
      <c r="DC38" s="293">
        <v>0</v>
      </c>
      <c r="DD38" s="293">
        <v>0</v>
      </c>
      <c r="DE38" s="293">
        <v>0</v>
      </c>
      <c r="DF38" s="296">
        <v>0</v>
      </c>
      <c r="DG38" s="297">
        <v>0</v>
      </c>
      <c r="DH38" s="292">
        <v>0</v>
      </c>
      <c r="DI38" s="293">
        <v>0</v>
      </c>
      <c r="DJ38" s="294">
        <v>0</v>
      </c>
      <c r="DK38" s="295">
        <v>0</v>
      </c>
      <c r="DL38" s="293">
        <v>52733</v>
      </c>
      <c r="DM38" s="293">
        <v>51555</v>
      </c>
      <c r="DN38" s="293">
        <v>370716</v>
      </c>
      <c r="DO38" s="293">
        <v>466588</v>
      </c>
      <c r="DP38" s="293">
        <v>295841</v>
      </c>
      <c r="DQ38" s="296">
        <v>1237433</v>
      </c>
      <c r="DR38" s="299">
        <v>1237433</v>
      </c>
      <c r="DS38" s="292">
        <v>0</v>
      </c>
      <c r="DT38" s="293">
        <v>0</v>
      </c>
      <c r="DU38" s="294">
        <v>0</v>
      </c>
      <c r="DV38" s="298"/>
      <c r="DW38" s="293">
        <v>14550</v>
      </c>
      <c r="DX38" s="293">
        <v>35430</v>
      </c>
      <c r="DY38" s="293">
        <v>344238</v>
      </c>
      <c r="DZ38" s="293">
        <v>365592</v>
      </c>
      <c r="EA38" s="293">
        <v>272780</v>
      </c>
      <c r="EB38" s="296">
        <v>1032590</v>
      </c>
      <c r="EC38" s="297">
        <v>1032590</v>
      </c>
      <c r="ED38" s="292">
        <v>0</v>
      </c>
      <c r="EE38" s="293">
        <v>0</v>
      </c>
      <c r="EF38" s="294">
        <v>0</v>
      </c>
      <c r="EG38" s="298"/>
      <c r="EH38" s="293">
        <v>22243</v>
      </c>
      <c r="EI38" s="293">
        <v>9935</v>
      </c>
      <c r="EJ38" s="293">
        <v>1890</v>
      </c>
      <c r="EK38" s="293">
        <v>1666</v>
      </c>
      <c r="EL38" s="293">
        <v>21</v>
      </c>
      <c r="EM38" s="296">
        <v>35755</v>
      </c>
      <c r="EN38" s="297">
        <v>35755</v>
      </c>
      <c r="EO38" s="292">
        <v>0</v>
      </c>
      <c r="EP38" s="293">
        <v>0</v>
      </c>
      <c r="EQ38" s="294">
        <v>0</v>
      </c>
      <c r="ER38" s="298"/>
      <c r="ES38" s="293">
        <v>0</v>
      </c>
      <c r="ET38" s="293">
        <v>0</v>
      </c>
      <c r="EU38" s="293">
        <v>0</v>
      </c>
      <c r="EV38" s="293">
        <v>0</v>
      </c>
      <c r="EW38" s="293">
        <v>0</v>
      </c>
      <c r="EX38" s="296">
        <v>0</v>
      </c>
      <c r="EY38" s="297">
        <v>0</v>
      </c>
      <c r="EZ38" s="292">
        <v>0</v>
      </c>
      <c r="FA38" s="293">
        <v>0</v>
      </c>
      <c r="FB38" s="294">
        <v>0</v>
      </c>
      <c r="FC38" s="298"/>
      <c r="FD38" s="293">
        <v>420</v>
      </c>
      <c r="FE38" s="293">
        <v>0</v>
      </c>
      <c r="FF38" s="293">
        <v>22620</v>
      </c>
      <c r="FG38" s="293">
        <v>44717</v>
      </c>
      <c r="FH38" s="293">
        <v>23040</v>
      </c>
      <c r="FI38" s="296">
        <v>90797</v>
      </c>
      <c r="FJ38" s="297">
        <v>90797</v>
      </c>
      <c r="FK38" s="292">
        <v>0</v>
      </c>
      <c r="FL38" s="293">
        <v>0</v>
      </c>
      <c r="FM38" s="294">
        <v>0</v>
      </c>
      <c r="FN38" s="298"/>
      <c r="FO38" s="293">
        <v>0</v>
      </c>
      <c r="FP38" s="293">
        <v>0</v>
      </c>
      <c r="FQ38" s="293">
        <v>0</v>
      </c>
      <c r="FR38" s="293">
        <v>0</v>
      </c>
      <c r="FS38" s="293">
        <v>0</v>
      </c>
      <c r="FT38" s="296">
        <v>0</v>
      </c>
      <c r="FU38" s="297">
        <v>0</v>
      </c>
      <c r="FV38" s="292">
        <v>0</v>
      </c>
      <c r="FW38" s="293">
        <v>0</v>
      </c>
      <c r="FX38" s="294">
        <v>0</v>
      </c>
      <c r="FY38" s="295">
        <v>0</v>
      </c>
      <c r="FZ38" s="293">
        <v>15520</v>
      </c>
      <c r="GA38" s="293">
        <v>3880</v>
      </c>
      <c r="GB38" s="293">
        <v>1940</v>
      </c>
      <c r="GC38" s="293">
        <v>53623</v>
      </c>
      <c r="GD38" s="293">
        <v>0</v>
      </c>
      <c r="GE38" s="296">
        <v>74963</v>
      </c>
      <c r="GF38" s="297">
        <v>74963</v>
      </c>
      <c r="GG38" s="292">
        <v>0</v>
      </c>
      <c r="GH38" s="293">
        <v>0</v>
      </c>
      <c r="GI38" s="294">
        <v>0</v>
      </c>
      <c r="GJ38" s="295">
        <v>0</v>
      </c>
      <c r="GK38" s="293">
        <v>0</v>
      </c>
      <c r="GL38" s="293">
        <v>2310</v>
      </c>
      <c r="GM38" s="293">
        <v>28</v>
      </c>
      <c r="GN38" s="293">
        <v>990</v>
      </c>
      <c r="GO38" s="293">
        <v>0</v>
      </c>
      <c r="GP38" s="296">
        <v>3328</v>
      </c>
      <c r="GQ38" s="297">
        <v>3328</v>
      </c>
      <c r="GR38" s="292">
        <v>0</v>
      </c>
      <c r="GS38" s="293">
        <v>0</v>
      </c>
      <c r="GT38" s="294">
        <v>0</v>
      </c>
      <c r="GU38" s="295">
        <v>0</v>
      </c>
      <c r="GV38" s="293">
        <v>0</v>
      </c>
      <c r="GW38" s="293">
        <v>0</v>
      </c>
      <c r="GX38" s="293">
        <v>0</v>
      </c>
      <c r="GY38" s="293">
        <v>0</v>
      </c>
      <c r="GZ38" s="293">
        <v>0</v>
      </c>
      <c r="HA38" s="296">
        <v>0</v>
      </c>
      <c r="HB38" s="297">
        <v>0</v>
      </c>
      <c r="HC38" s="292">
        <v>0</v>
      </c>
      <c r="HD38" s="293">
        <v>0</v>
      </c>
      <c r="HE38" s="294">
        <v>0</v>
      </c>
      <c r="HF38" s="298"/>
      <c r="HG38" s="293">
        <v>0</v>
      </c>
      <c r="HH38" s="293">
        <v>0</v>
      </c>
      <c r="HI38" s="293">
        <v>0</v>
      </c>
      <c r="HJ38" s="293">
        <v>0</v>
      </c>
      <c r="HK38" s="293">
        <v>0</v>
      </c>
      <c r="HL38" s="296">
        <v>0</v>
      </c>
      <c r="HM38" s="297">
        <v>0</v>
      </c>
      <c r="HN38" s="292">
        <v>0</v>
      </c>
      <c r="HO38" s="293">
        <v>0</v>
      </c>
      <c r="HP38" s="294">
        <v>0</v>
      </c>
      <c r="HQ38" s="295">
        <v>0</v>
      </c>
      <c r="HR38" s="293">
        <v>267493</v>
      </c>
      <c r="HS38" s="293">
        <v>290890</v>
      </c>
      <c r="HT38" s="293">
        <v>997986</v>
      </c>
      <c r="HU38" s="293">
        <v>1110355</v>
      </c>
      <c r="HV38" s="293">
        <v>674651</v>
      </c>
      <c r="HW38" s="296">
        <v>3341375</v>
      </c>
      <c r="HX38" s="297">
        <v>3341375</v>
      </c>
    </row>
    <row r="39" spans="1:232" ht="21" customHeight="1" x14ac:dyDescent="0.2">
      <c r="A39" s="492" t="s">
        <v>36</v>
      </c>
      <c r="B39" s="292">
        <v>0</v>
      </c>
      <c r="C39" s="293">
        <v>0</v>
      </c>
      <c r="D39" s="294">
        <v>0</v>
      </c>
      <c r="E39" s="295">
        <v>0</v>
      </c>
      <c r="F39" s="293">
        <v>141645</v>
      </c>
      <c r="G39" s="293">
        <v>184775</v>
      </c>
      <c r="H39" s="293">
        <v>833910</v>
      </c>
      <c r="I39" s="293">
        <v>792830</v>
      </c>
      <c r="J39" s="293">
        <v>574753</v>
      </c>
      <c r="K39" s="296">
        <v>2527913</v>
      </c>
      <c r="L39" s="297">
        <v>2527913</v>
      </c>
      <c r="M39" s="292">
        <v>0</v>
      </c>
      <c r="N39" s="293">
        <v>0</v>
      </c>
      <c r="O39" s="294">
        <v>0</v>
      </c>
      <c r="P39" s="298"/>
      <c r="Q39" s="293">
        <v>0</v>
      </c>
      <c r="R39" s="293">
        <v>31650</v>
      </c>
      <c r="S39" s="293">
        <v>483755</v>
      </c>
      <c r="T39" s="293">
        <v>507035</v>
      </c>
      <c r="U39" s="293">
        <v>334691</v>
      </c>
      <c r="V39" s="296">
        <v>1357131</v>
      </c>
      <c r="W39" s="297">
        <v>1357131</v>
      </c>
      <c r="X39" s="292">
        <v>0</v>
      </c>
      <c r="Y39" s="293">
        <v>0</v>
      </c>
      <c r="Z39" s="294">
        <v>0</v>
      </c>
      <c r="AA39" s="298"/>
      <c r="AB39" s="293">
        <v>132600</v>
      </c>
      <c r="AC39" s="293">
        <v>111205</v>
      </c>
      <c r="AD39" s="293">
        <v>336265</v>
      </c>
      <c r="AE39" s="293">
        <v>196220</v>
      </c>
      <c r="AF39" s="293">
        <v>201862</v>
      </c>
      <c r="AG39" s="296">
        <v>978152</v>
      </c>
      <c r="AH39" s="297">
        <v>978152</v>
      </c>
      <c r="AI39" s="292">
        <v>0</v>
      </c>
      <c r="AJ39" s="293">
        <v>0</v>
      </c>
      <c r="AK39" s="294">
        <v>0</v>
      </c>
      <c r="AL39" s="298"/>
      <c r="AM39" s="293">
        <v>0</v>
      </c>
      <c r="AN39" s="293">
        <v>0</v>
      </c>
      <c r="AO39" s="293">
        <v>0</v>
      </c>
      <c r="AP39" s="293">
        <v>0</v>
      </c>
      <c r="AQ39" s="293">
        <v>0</v>
      </c>
      <c r="AR39" s="296">
        <v>0</v>
      </c>
      <c r="AS39" s="297">
        <v>0</v>
      </c>
      <c r="AT39" s="292">
        <v>0</v>
      </c>
      <c r="AU39" s="293">
        <v>0</v>
      </c>
      <c r="AV39" s="294">
        <v>0</v>
      </c>
      <c r="AW39" s="298"/>
      <c r="AX39" s="293">
        <v>0</v>
      </c>
      <c r="AY39" s="293">
        <v>0</v>
      </c>
      <c r="AZ39" s="293">
        <v>0</v>
      </c>
      <c r="BA39" s="293">
        <v>50165</v>
      </c>
      <c r="BB39" s="293">
        <v>0</v>
      </c>
      <c r="BC39" s="296">
        <v>50165</v>
      </c>
      <c r="BD39" s="297">
        <v>50165</v>
      </c>
      <c r="BE39" s="292">
        <v>0</v>
      </c>
      <c r="BF39" s="293">
        <v>0</v>
      </c>
      <c r="BG39" s="294">
        <v>0</v>
      </c>
      <c r="BH39" s="298"/>
      <c r="BI39" s="293">
        <v>0</v>
      </c>
      <c r="BJ39" s="293">
        <v>0</v>
      </c>
      <c r="BK39" s="293">
        <v>0</v>
      </c>
      <c r="BL39" s="293">
        <v>0</v>
      </c>
      <c r="BM39" s="293">
        <v>0</v>
      </c>
      <c r="BN39" s="296">
        <v>0</v>
      </c>
      <c r="BO39" s="297">
        <v>0</v>
      </c>
      <c r="BP39" s="292">
        <v>0</v>
      </c>
      <c r="BQ39" s="293">
        <v>0</v>
      </c>
      <c r="BR39" s="294">
        <v>0</v>
      </c>
      <c r="BS39" s="295">
        <v>0</v>
      </c>
      <c r="BT39" s="293">
        <v>9045</v>
      </c>
      <c r="BU39" s="293">
        <v>41920</v>
      </c>
      <c r="BV39" s="293">
        <v>13890</v>
      </c>
      <c r="BW39" s="293">
        <v>39410</v>
      </c>
      <c r="BX39" s="293">
        <v>38200</v>
      </c>
      <c r="BY39" s="296">
        <v>142465</v>
      </c>
      <c r="BZ39" s="297">
        <v>142465</v>
      </c>
      <c r="CA39" s="292">
        <v>0</v>
      </c>
      <c r="CB39" s="293">
        <v>0</v>
      </c>
      <c r="CC39" s="294">
        <v>0</v>
      </c>
      <c r="CD39" s="295">
        <v>0</v>
      </c>
      <c r="CE39" s="293">
        <v>0</v>
      </c>
      <c r="CF39" s="293">
        <v>0</v>
      </c>
      <c r="CG39" s="293">
        <v>0</v>
      </c>
      <c r="CH39" s="293">
        <v>0</v>
      </c>
      <c r="CI39" s="293">
        <v>0</v>
      </c>
      <c r="CJ39" s="296">
        <v>0</v>
      </c>
      <c r="CK39" s="297">
        <v>0</v>
      </c>
      <c r="CL39" s="292">
        <v>0</v>
      </c>
      <c r="CM39" s="293">
        <v>0</v>
      </c>
      <c r="CN39" s="294">
        <v>0</v>
      </c>
      <c r="CO39" s="295">
        <v>0</v>
      </c>
      <c r="CP39" s="293">
        <v>0</v>
      </c>
      <c r="CQ39" s="293">
        <v>0</v>
      </c>
      <c r="CR39" s="293">
        <v>0</v>
      </c>
      <c r="CS39" s="293">
        <v>0</v>
      </c>
      <c r="CT39" s="293">
        <v>0</v>
      </c>
      <c r="CU39" s="296">
        <v>0</v>
      </c>
      <c r="CV39" s="297">
        <v>0</v>
      </c>
      <c r="CW39" s="292">
        <v>0</v>
      </c>
      <c r="CX39" s="293">
        <v>0</v>
      </c>
      <c r="CY39" s="294">
        <v>0</v>
      </c>
      <c r="CZ39" s="298"/>
      <c r="DA39" s="293">
        <v>0</v>
      </c>
      <c r="DB39" s="293">
        <v>0</v>
      </c>
      <c r="DC39" s="293">
        <v>0</v>
      </c>
      <c r="DD39" s="293">
        <v>0</v>
      </c>
      <c r="DE39" s="293">
        <v>0</v>
      </c>
      <c r="DF39" s="296">
        <v>0</v>
      </c>
      <c r="DG39" s="297">
        <v>0</v>
      </c>
      <c r="DH39" s="292">
        <v>0</v>
      </c>
      <c r="DI39" s="293">
        <v>0</v>
      </c>
      <c r="DJ39" s="294">
        <v>0</v>
      </c>
      <c r="DK39" s="295">
        <v>0</v>
      </c>
      <c r="DL39" s="293">
        <v>23857</v>
      </c>
      <c r="DM39" s="293">
        <v>60809</v>
      </c>
      <c r="DN39" s="293">
        <v>651398</v>
      </c>
      <c r="DO39" s="293">
        <v>798760</v>
      </c>
      <c r="DP39" s="293">
        <v>462424</v>
      </c>
      <c r="DQ39" s="296">
        <v>1997248</v>
      </c>
      <c r="DR39" s="299">
        <v>1997248</v>
      </c>
      <c r="DS39" s="292">
        <v>0</v>
      </c>
      <c r="DT39" s="293">
        <v>0</v>
      </c>
      <c r="DU39" s="294">
        <v>0</v>
      </c>
      <c r="DV39" s="298"/>
      <c r="DW39" s="293">
        <v>0</v>
      </c>
      <c r="DX39" s="293">
        <v>14550</v>
      </c>
      <c r="DY39" s="293">
        <v>591972</v>
      </c>
      <c r="DZ39" s="293">
        <v>708564</v>
      </c>
      <c r="EA39" s="293">
        <v>397286</v>
      </c>
      <c r="EB39" s="296">
        <v>1712372</v>
      </c>
      <c r="EC39" s="297">
        <v>1712372</v>
      </c>
      <c r="ED39" s="292">
        <v>0</v>
      </c>
      <c r="EE39" s="293">
        <v>0</v>
      </c>
      <c r="EF39" s="294">
        <v>0</v>
      </c>
      <c r="EG39" s="298"/>
      <c r="EH39" s="293">
        <v>13165</v>
      </c>
      <c r="EI39" s="293">
        <v>1862</v>
      </c>
      <c r="EJ39" s="293">
        <v>17395</v>
      </c>
      <c r="EK39" s="293">
        <v>24058</v>
      </c>
      <c r="EL39" s="293">
        <v>2548</v>
      </c>
      <c r="EM39" s="296">
        <v>59028</v>
      </c>
      <c r="EN39" s="297">
        <v>59028</v>
      </c>
      <c r="EO39" s="292">
        <v>0</v>
      </c>
      <c r="EP39" s="293">
        <v>0</v>
      </c>
      <c r="EQ39" s="294">
        <v>0</v>
      </c>
      <c r="ER39" s="298"/>
      <c r="ES39" s="293">
        <v>0</v>
      </c>
      <c r="ET39" s="293">
        <v>0</v>
      </c>
      <c r="EU39" s="293">
        <v>0</v>
      </c>
      <c r="EV39" s="293">
        <v>0</v>
      </c>
      <c r="EW39" s="293">
        <v>0</v>
      </c>
      <c r="EX39" s="296">
        <v>0</v>
      </c>
      <c r="EY39" s="297">
        <v>0</v>
      </c>
      <c r="EZ39" s="292">
        <v>0</v>
      </c>
      <c r="FA39" s="293">
        <v>0</v>
      </c>
      <c r="FB39" s="294">
        <v>0</v>
      </c>
      <c r="FC39" s="298"/>
      <c r="FD39" s="293">
        <v>0</v>
      </c>
      <c r="FE39" s="293">
        <v>0</v>
      </c>
      <c r="FF39" s="293">
        <v>0</v>
      </c>
      <c r="FG39" s="293">
        <v>630</v>
      </c>
      <c r="FH39" s="293">
        <v>0</v>
      </c>
      <c r="FI39" s="296">
        <v>630</v>
      </c>
      <c r="FJ39" s="297">
        <v>630</v>
      </c>
      <c r="FK39" s="292">
        <v>0</v>
      </c>
      <c r="FL39" s="293">
        <v>0</v>
      </c>
      <c r="FM39" s="294">
        <v>0</v>
      </c>
      <c r="FN39" s="298"/>
      <c r="FO39" s="293">
        <v>0</v>
      </c>
      <c r="FP39" s="293">
        <v>0</v>
      </c>
      <c r="FQ39" s="293">
        <v>0</v>
      </c>
      <c r="FR39" s="293">
        <v>0</v>
      </c>
      <c r="FS39" s="293">
        <v>0</v>
      </c>
      <c r="FT39" s="296">
        <v>0</v>
      </c>
      <c r="FU39" s="297">
        <v>0</v>
      </c>
      <c r="FV39" s="292">
        <v>0</v>
      </c>
      <c r="FW39" s="293">
        <v>0</v>
      </c>
      <c r="FX39" s="294">
        <v>0</v>
      </c>
      <c r="FY39" s="295">
        <v>0</v>
      </c>
      <c r="FZ39" s="293">
        <v>10692</v>
      </c>
      <c r="GA39" s="293">
        <v>44397</v>
      </c>
      <c r="GB39" s="293">
        <v>42031</v>
      </c>
      <c r="GC39" s="293">
        <v>65508</v>
      </c>
      <c r="GD39" s="293">
        <v>62590</v>
      </c>
      <c r="GE39" s="296">
        <v>225218</v>
      </c>
      <c r="GF39" s="297">
        <v>225218</v>
      </c>
      <c r="GG39" s="292">
        <v>0</v>
      </c>
      <c r="GH39" s="293">
        <v>0</v>
      </c>
      <c r="GI39" s="294">
        <v>0</v>
      </c>
      <c r="GJ39" s="295">
        <v>0</v>
      </c>
      <c r="GK39" s="293">
        <v>0</v>
      </c>
      <c r="GL39" s="293">
        <v>0</v>
      </c>
      <c r="GM39" s="293">
        <v>0</v>
      </c>
      <c r="GN39" s="293">
        <v>0</v>
      </c>
      <c r="GO39" s="293">
        <v>0</v>
      </c>
      <c r="GP39" s="296">
        <v>0</v>
      </c>
      <c r="GQ39" s="297">
        <v>0</v>
      </c>
      <c r="GR39" s="292">
        <v>0</v>
      </c>
      <c r="GS39" s="293">
        <v>0</v>
      </c>
      <c r="GT39" s="294">
        <v>0</v>
      </c>
      <c r="GU39" s="295">
        <v>0</v>
      </c>
      <c r="GV39" s="293">
        <v>0</v>
      </c>
      <c r="GW39" s="293">
        <v>0</v>
      </c>
      <c r="GX39" s="293">
        <v>0</v>
      </c>
      <c r="GY39" s="293">
        <v>0</v>
      </c>
      <c r="GZ39" s="293">
        <v>0</v>
      </c>
      <c r="HA39" s="296">
        <v>0</v>
      </c>
      <c r="HB39" s="297">
        <v>0</v>
      </c>
      <c r="HC39" s="292">
        <v>0</v>
      </c>
      <c r="HD39" s="293">
        <v>0</v>
      </c>
      <c r="HE39" s="294">
        <v>0</v>
      </c>
      <c r="HF39" s="298"/>
      <c r="HG39" s="293">
        <v>0</v>
      </c>
      <c r="HH39" s="293">
        <v>0</v>
      </c>
      <c r="HI39" s="293">
        <v>0</v>
      </c>
      <c r="HJ39" s="293">
        <v>0</v>
      </c>
      <c r="HK39" s="293">
        <v>0</v>
      </c>
      <c r="HL39" s="296">
        <v>0</v>
      </c>
      <c r="HM39" s="297">
        <v>0</v>
      </c>
      <c r="HN39" s="292">
        <v>0</v>
      </c>
      <c r="HO39" s="293">
        <v>0</v>
      </c>
      <c r="HP39" s="294">
        <v>0</v>
      </c>
      <c r="HQ39" s="295">
        <v>0</v>
      </c>
      <c r="HR39" s="293">
        <v>165502</v>
      </c>
      <c r="HS39" s="293">
        <v>245584</v>
      </c>
      <c r="HT39" s="293">
        <v>1485308</v>
      </c>
      <c r="HU39" s="293">
        <v>1591590</v>
      </c>
      <c r="HV39" s="293">
        <v>1037177</v>
      </c>
      <c r="HW39" s="296">
        <v>4525161</v>
      </c>
      <c r="HX39" s="297">
        <v>4525161</v>
      </c>
    </row>
    <row r="40" spans="1:232" ht="21" customHeight="1" thickBot="1" x14ac:dyDescent="0.25">
      <c r="A40" s="493" t="s">
        <v>37</v>
      </c>
      <c r="B40" s="300">
        <v>0</v>
      </c>
      <c r="C40" s="301">
        <v>0</v>
      </c>
      <c r="D40" s="302">
        <v>0</v>
      </c>
      <c r="E40" s="303">
        <v>0</v>
      </c>
      <c r="F40" s="301">
        <v>0</v>
      </c>
      <c r="G40" s="301">
        <v>0</v>
      </c>
      <c r="H40" s="301">
        <v>101425</v>
      </c>
      <c r="I40" s="301">
        <v>55830</v>
      </c>
      <c r="J40" s="301">
        <v>34200</v>
      </c>
      <c r="K40" s="304">
        <v>191455</v>
      </c>
      <c r="L40" s="305">
        <v>191455</v>
      </c>
      <c r="M40" s="300">
        <v>0</v>
      </c>
      <c r="N40" s="301">
        <v>0</v>
      </c>
      <c r="O40" s="302">
        <v>0</v>
      </c>
      <c r="P40" s="306"/>
      <c r="Q40" s="301">
        <v>0</v>
      </c>
      <c r="R40" s="301">
        <v>0</v>
      </c>
      <c r="S40" s="301">
        <v>72565</v>
      </c>
      <c r="T40" s="301">
        <v>24180</v>
      </c>
      <c r="U40" s="301">
        <v>34200</v>
      </c>
      <c r="V40" s="304">
        <v>130945</v>
      </c>
      <c r="W40" s="305">
        <v>130945</v>
      </c>
      <c r="X40" s="300">
        <v>0</v>
      </c>
      <c r="Y40" s="301">
        <v>0</v>
      </c>
      <c r="Z40" s="302">
        <v>0</v>
      </c>
      <c r="AA40" s="306"/>
      <c r="AB40" s="301">
        <v>0</v>
      </c>
      <c r="AC40" s="301">
        <v>0</v>
      </c>
      <c r="AD40" s="301">
        <v>26400</v>
      </c>
      <c r="AE40" s="301">
        <v>31650</v>
      </c>
      <c r="AF40" s="301">
        <v>0</v>
      </c>
      <c r="AG40" s="304">
        <v>58050</v>
      </c>
      <c r="AH40" s="305">
        <v>58050</v>
      </c>
      <c r="AI40" s="300">
        <v>0</v>
      </c>
      <c r="AJ40" s="301">
        <v>0</v>
      </c>
      <c r="AK40" s="302">
        <v>0</v>
      </c>
      <c r="AL40" s="306"/>
      <c r="AM40" s="301">
        <v>0</v>
      </c>
      <c r="AN40" s="301">
        <v>0</v>
      </c>
      <c r="AO40" s="301">
        <v>0</v>
      </c>
      <c r="AP40" s="301">
        <v>0</v>
      </c>
      <c r="AQ40" s="301">
        <v>0</v>
      </c>
      <c r="AR40" s="304">
        <v>0</v>
      </c>
      <c r="AS40" s="305">
        <v>0</v>
      </c>
      <c r="AT40" s="300">
        <v>0</v>
      </c>
      <c r="AU40" s="301">
        <v>0</v>
      </c>
      <c r="AV40" s="302">
        <v>0</v>
      </c>
      <c r="AW40" s="306"/>
      <c r="AX40" s="301">
        <v>0</v>
      </c>
      <c r="AY40" s="301">
        <v>0</v>
      </c>
      <c r="AZ40" s="301">
        <v>0</v>
      </c>
      <c r="BA40" s="301">
        <v>0</v>
      </c>
      <c r="BB40" s="301">
        <v>0</v>
      </c>
      <c r="BC40" s="304">
        <v>0</v>
      </c>
      <c r="BD40" s="305">
        <v>0</v>
      </c>
      <c r="BE40" s="300">
        <v>0</v>
      </c>
      <c r="BF40" s="301">
        <v>0</v>
      </c>
      <c r="BG40" s="302">
        <v>0</v>
      </c>
      <c r="BH40" s="306"/>
      <c r="BI40" s="301">
        <v>0</v>
      </c>
      <c r="BJ40" s="301">
        <v>0</v>
      </c>
      <c r="BK40" s="301">
        <v>0</v>
      </c>
      <c r="BL40" s="301">
        <v>0</v>
      </c>
      <c r="BM40" s="301">
        <v>0</v>
      </c>
      <c r="BN40" s="304">
        <v>0</v>
      </c>
      <c r="BO40" s="305">
        <v>0</v>
      </c>
      <c r="BP40" s="300">
        <v>0</v>
      </c>
      <c r="BQ40" s="301">
        <v>0</v>
      </c>
      <c r="BR40" s="302">
        <v>0</v>
      </c>
      <c r="BS40" s="303">
        <v>0</v>
      </c>
      <c r="BT40" s="301">
        <v>0</v>
      </c>
      <c r="BU40" s="301">
        <v>0</v>
      </c>
      <c r="BV40" s="301">
        <v>2460</v>
      </c>
      <c r="BW40" s="301">
        <v>0</v>
      </c>
      <c r="BX40" s="301">
        <v>0</v>
      </c>
      <c r="BY40" s="304">
        <v>2460</v>
      </c>
      <c r="BZ40" s="305">
        <v>2460</v>
      </c>
      <c r="CA40" s="300">
        <v>0</v>
      </c>
      <c r="CB40" s="301">
        <v>0</v>
      </c>
      <c r="CC40" s="302">
        <v>0</v>
      </c>
      <c r="CD40" s="303">
        <v>0</v>
      </c>
      <c r="CE40" s="301">
        <v>0</v>
      </c>
      <c r="CF40" s="301">
        <v>0</v>
      </c>
      <c r="CG40" s="301">
        <v>0</v>
      </c>
      <c r="CH40" s="301">
        <v>0</v>
      </c>
      <c r="CI40" s="301">
        <v>0</v>
      </c>
      <c r="CJ40" s="304">
        <v>0</v>
      </c>
      <c r="CK40" s="305">
        <v>0</v>
      </c>
      <c r="CL40" s="300">
        <v>0</v>
      </c>
      <c r="CM40" s="301">
        <v>0</v>
      </c>
      <c r="CN40" s="302">
        <v>0</v>
      </c>
      <c r="CO40" s="303">
        <v>0</v>
      </c>
      <c r="CP40" s="301">
        <v>0</v>
      </c>
      <c r="CQ40" s="301">
        <v>0</v>
      </c>
      <c r="CR40" s="301">
        <v>0</v>
      </c>
      <c r="CS40" s="301">
        <v>0</v>
      </c>
      <c r="CT40" s="301">
        <v>0</v>
      </c>
      <c r="CU40" s="304">
        <v>0</v>
      </c>
      <c r="CV40" s="305">
        <v>0</v>
      </c>
      <c r="CW40" s="300">
        <v>0</v>
      </c>
      <c r="CX40" s="301">
        <v>0</v>
      </c>
      <c r="CY40" s="302">
        <v>0</v>
      </c>
      <c r="CZ40" s="306"/>
      <c r="DA40" s="301">
        <v>0</v>
      </c>
      <c r="DB40" s="301">
        <v>0</v>
      </c>
      <c r="DC40" s="301">
        <v>0</v>
      </c>
      <c r="DD40" s="301">
        <v>0</v>
      </c>
      <c r="DE40" s="301">
        <v>0</v>
      </c>
      <c r="DF40" s="304">
        <v>0</v>
      </c>
      <c r="DG40" s="305">
        <v>0</v>
      </c>
      <c r="DH40" s="300">
        <v>0</v>
      </c>
      <c r="DI40" s="301">
        <v>0</v>
      </c>
      <c r="DJ40" s="302">
        <v>0</v>
      </c>
      <c r="DK40" s="303">
        <v>0</v>
      </c>
      <c r="DL40" s="301">
        <v>0</v>
      </c>
      <c r="DM40" s="301">
        <v>0</v>
      </c>
      <c r="DN40" s="301">
        <v>129554</v>
      </c>
      <c r="DO40" s="301">
        <v>47280</v>
      </c>
      <c r="DP40" s="301">
        <v>29100</v>
      </c>
      <c r="DQ40" s="304">
        <v>205934</v>
      </c>
      <c r="DR40" s="307">
        <v>205934</v>
      </c>
      <c r="DS40" s="300">
        <v>0</v>
      </c>
      <c r="DT40" s="301">
        <v>0</v>
      </c>
      <c r="DU40" s="302">
        <v>0</v>
      </c>
      <c r="DV40" s="306"/>
      <c r="DW40" s="301">
        <v>0</v>
      </c>
      <c r="DX40" s="301">
        <v>0</v>
      </c>
      <c r="DY40" s="301">
        <v>124895</v>
      </c>
      <c r="DZ40" s="301">
        <v>47070</v>
      </c>
      <c r="EA40" s="301">
        <v>29100</v>
      </c>
      <c r="EB40" s="304">
        <v>201065</v>
      </c>
      <c r="EC40" s="305">
        <v>201065</v>
      </c>
      <c r="ED40" s="300">
        <v>0</v>
      </c>
      <c r="EE40" s="301">
        <v>0</v>
      </c>
      <c r="EF40" s="302">
        <v>0</v>
      </c>
      <c r="EG40" s="306"/>
      <c r="EH40" s="301">
        <v>0</v>
      </c>
      <c r="EI40" s="301">
        <v>0</v>
      </c>
      <c r="EJ40" s="301">
        <v>420</v>
      </c>
      <c r="EK40" s="301">
        <v>210</v>
      </c>
      <c r="EL40" s="301">
        <v>0</v>
      </c>
      <c r="EM40" s="304">
        <v>630</v>
      </c>
      <c r="EN40" s="305">
        <v>630</v>
      </c>
      <c r="EO40" s="300">
        <v>0</v>
      </c>
      <c r="EP40" s="301">
        <v>0</v>
      </c>
      <c r="EQ40" s="302">
        <v>0</v>
      </c>
      <c r="ER40" s="306"/>
      <c r="ES40" s="301">
        <v>0</v>
      </c>
      <c r="ET40" s="301">
        <v>0</v>
      </c>
      <c r="EU40" s="301">
        <v>0</v>
      </c>
      <c r="EV40" s="301">
        <v>0</v>
      </c>
      <c r="EW40" s="301">
        <v>0</v>
      </c>
      <c r="EX40" s="304">
        <v>0</v>
      </c>
      <c r="EY40" s="305">
        <v>0</v>
      </c>
      <c r="EZ40" s="300">
        <v>0</v>
      </c>
      <c r="FA40" s="301">
        <v>0</v>
      </c>
      <c r="FB40" s="302">
        <v>0</v>
      </c>
      <c r="FC40" s="306"/>
      <c r="FD40" s="301">
        <v>0</v>
      </c>
      <c r="FE40" s="301">
        <v>0</v>
      </c>
      <c r="FF40" s="301">
        <v>0</v>
      </c>
      <c r="FG40" s="301">
        <v>0</v>
      </c>
      <c r="FH40" s="301">
        <v>0</v>
      </c>
      <c r="FI40" s="304">
        <v>0</v>
      </c>
      <c r="FJ40" s="305">
        <v>0</v>
      </c>
      <c r="FK40" s="300">
        <v>0</v>
      </c>
      <c r="FL40" s="301">
        <v>0</v>
      </c>
      <c r="FM40" s="302">
        <v>0</v>
      </c>
      <c r="FN40" s="306"/>
      <c r="FO40" s="301">
        <v>0</v>
      </c>
      <c r="FP40" s="301">
        <v>0</v>
      </c>
      <c r="FQ40" s="301">
        <v>0</v>
      </c>
      <c r="FR40" s="301">
        <v>0</v>
      </c>
      <c r="FS40" s="301">
        <v>0</v>
      </c>
      <c r="FT40" s="304">
        <v>0</v>
      </c>
      <c r="FU40" s="305">
        <v>0</v>
      </c>
      <c r="FV40" s="300">
        <v>0</v>
      </c>
      <c r="FW40" s="301">
        <v>0</v>
      </c>
      <c r="FX40" s="302">
        <v>0</v>
      </c>
      <c r="FY40" s="303">
        <v>0</v>
      </c>
      <c r="FZ40" s="301">
        <v>0</v>
      </c>
      <c r="GA40" s="301">
        <v>0</v>
      </c>
      <c r="GB40" s="301">
        <v>4239</v>
      </c>
      <c r="GC40" s="301">
        <v>0</v>
      </c>
      <c r="GD40" s="301">
        <v>0</v>
      </c>
      <c r="GE40" s="304">
        <v>4239</v>
      </c>
      <c r="GF40" s="305">
        <v>4239</v>
      </c>
      <c r="GG40" s="300">
        <v>0</v>
      </c>
      <c r="GH40" s="301">
        <v>0</v>
      </c>
      <c r="GI40" s="302">
        <v>0</v>
      </c>
      <c r="GJ40" s="303">
        <v>0</v>
      </c>
      <c r="GK40" s="301">
        <v>0</v>
      </c>
      <c r="GL40" s="301">
        <v>0</v>
      </c>
      <c r="GM40" s="301">
        <v>0</v>
      </c>
      <c r="GN40" s="301">
        <v>0</v>
      </c>
      <c r="GO40" s="301">
        <v>0</v>
      </c>
      <c r="GP40" s="304">
        <v>0</v>
      </c>
      <c r="GQ40" s="305">
        <v>0</v>
      </c>
      <c r="GR40" s="300">
        <v>0</v>
      </c>
      <c r="GS40" s="301">
        <v>0</v>
      </c>
      <c r="GT40" s="302">
        <v>0</v>
      </c>
      <c r="GU40" s="303">
        <v>0</v>
      </c>
      <c r="GV40" s="301">
        <v>0</v>
      </c>
      <c r="GW40" s="301">
        <v>0</v>
      </c>
      <c r="GX40" s="301">
        <v>0</v>
      </c>
      <c r="GY40" s="301">
        <v>0</v>
      </c>
      <c r="GZ40" s="301">
        <v>0</v>
      </c>
      <c r="HA40" s="304">
        <v>0</v>
      </c>
      <c r="HB40" s="305">
        <v>0</v>
      </c>
      <c r="HC40" s="300">
        <v>0</v>
      </c>
      <c r="HD40" s="301">
        <v>0</v>
      </c>
      <c r="HE40" s="302">
        <v>0</v>
      </c>
      <c r="HF40" s="306"/>
      <c r="HG40" s="301">
        <v>0</v>
      </c>
      <c r="HH40" s="301">
        <v>0</v>
      </c>
      <c r="HI40" s="301">
        <v>0</v>
      </c>
      <c r="HJ40" s="301">
        <v>0</v>
      </c>
      <c r="HK40" s="301">
        <v>0</v>
      </c>
      <c r="HL40" s="304">
        <v>0</v>
      </c>
      <c r="HM40" s="305">
        <v>0</v>
      </c>
      <c r="HN40" s="300">
        <v>0</v>
      </c>
      <c r="HO40" s="301">
        <v>0</v>
      </c>
      <c r="HP40" s="302">
        <v>0</v>
      </c>
      <c r="HQ40" s="303">
        <v>0</v>
      </c>
      <c r="HR40" s="301">
        <v>0</v>
      </c>
      <c r="HS40" s="301">
        <v>0</v>
      </c>
      <c r="HT40" s="301">
        <v>230979</v>
      </c>
      <c r="HU40" s="301">
        <v>103110</v>
      </c>
      <c r="HV40" s="301">
        <v>63300</v>
      </c>
      <c r="HW40" s="304">
        <v>397389</v>
      </c>
      <c r="HX40" s="305">
        <v>397389</v>
      </c>
    </row>
    <row r="41" spans="1:232" x14ac:dyDescent="0.2">
      <c r="A41" s="1" t="s">
        <v>84</v>
      </c>
    </row>
  </sheetData>
  <mergeCells count="88">
    <mergeCell ref="FJ5:FJ6"/>
    <mergeCell ref="HB5:HB6"/>
    <mergeCell ref="HN5:HP5"/>
    <mergeCell ref="HQ5:HW5"/>
    <mergeCell ref="HX5:HX6"/>
    <mergeCell ref="GF5:GF6"/>
    <mergeCell ref="GG5:GI5"/>
    <mergeCell ref="GJ5:GP5"/>
    <mergeCell ref="GQ5:GQ6"/>
    <mergeCell ref="GR5:GT5"/>
    <mergeCell ref="GU5:HA5"/>
    <mergeCell ref="HC5:HE5"/>
    <mergeCell ref="HF5:HL5"/>
    <mergeCell ref="HM5:HM6"/>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FC5:FI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CW5:CY5"/>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P5:BR5"/>
    <mergeCell ref="B5:D5"/>
    <mergeCell ref="E5:K5"/>
    <mergeCell ref="L5:L6"/>
    <mergeCell ref="M5:O5"/>
    <mergeCell ref="P5:V5"/>
    <mergeCell ref="HN3:HX4"/>
    <mergeCell ref="ED4:EN4"/>
    <mergeCell ref="FV4:GF4"/>
    <mergeCell ref="GG4:GQ4"/>
    <mergeCell ref="GR4:HB4"/>
    <mergeCell ref="EZ4:FJ4"/>
    <mergeCell ref="F1:G1"/>
    <mergeCell ref="HC4:HM4"/>
    <mergeCell ref="DH3:HM3"/>
    <mergeCell ref="EO4:EY4"/>
    <mergeCell ref="FK4:FU4"/>
    <mergeCell ref="CW4:DG4"/>
    <mergeCell ref="B3:DG3"/>
    <mergeCell ref="DH4:DR4"/>
    <mergeCell ref="DS4:EC4"/>
    <mergeCell ref="B4:L4"/>
    <mergeCell ref="M4:W4"/>
    <mergeCell ref="X4:AH4"/>
    <mergeCell ref="AI4:AS4"/>
    <mergeCell ref="BE4:BO4"/>
    <mergeCell ref="AT4:BD4"/>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4" max="1048575" man="1"/>
    <brk id="67" max="1048575" man="1"/>
    <brk id="101" max="1048575" man="1"/>
    <brk id="133" max="1048575" man="1"/>
    <brk id="166" max="1048575" man="1"/>
    <brk id="199"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88671875" style="44" customWidth="1"/>
    <col min="2" max="2" width="10.7773437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2">
        <f>第１表!F2</f>
        <v>5</v>
      </c>
      <c r="G1" s="522"/>
      <c r="H1" s="248">
        <f>第１表!G2</f>
        <v>6</v>
      </c>
      <c r="I1" s="504">
        <f>H1</f>
        <v>6</v>
      </c>
      <c r="J1" s="504"/>
    </row>
    <row r="2" spans="2:299" ht="24" customHeight="1" thickBot="1" x14ac:dyDescent="0.25">
      <c r="B2" s="20" t="s">
        <v>131</v>
      </c>
    </row>
    <row r="3" spans="2:299" ht="21" customHeight="1" thickBot="1" x14ac:dyDescent="0.25">
      <c r="B3" s="505" t="s">
        <v>38</v>
      </c>
      <c r="C3" s="517" t="s">
        <v>96</v>
      </c>
      <c r="D3" s="517"/>
      <c r="E3" s="517"/>
      <c r="F3" s="517"/>
      <c r="G3" s="517"/>
      <c r="H3" s="517"/>
      <c r="I3" s="517"/>
      <c r="J3" s="517"/>
      <c r="K3" s="517"/>
      <c r="L3" s="517"/>
      <c r="M3" s="517"/>
      <c r="N3" s="517"/>
      <c r="O3" s="517"/>
      <c r="P3" s="517"/>
      <c r="Q3" s="517"/>
      <c r="R3" s="517"/>
      <c r="S3" s="517"/>
      <c r="T3" s="517"/>
      <c r="U3" s="517"/>
      <c r="V3" s="517"/>
      <c r="W3" s="517"/>
      <c r="X3" s="517"/>
      <c r="Y3" s="517"/>
      <c r="Z3" s="517"/>
      <c r="AA3" s="517"/>
      <c r="AB3" s="517"/>
      <c r="AC3" s="517"/>
      <c r="AD3" s="517"/>
      <c r="AE3" s="517"/>
      <c r="AF3" s="517"/>
      <c r="AG3" s="517"/>
      <c r="AH3" s="517"/>
      <c r="AI3" s="517"/>
      <c r="AJ3" s="517"/>
      <c r="AK3" s="517"/>
      <c r="AL3" s="517"/>
      <c r="AM3" s="517"/>
      <c r="AN3" s="517"/>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7"/>
      <c r="CN3" s="517"/>
      <c r="CO3" s="517"/>
      <c r="CP3" s="517"/>
      <c r="CQ3" s="517"/>
      <c r="CR3" s="517"/>
      <c r="CS3" s="517"/>
      <c r="CT3" s="517"/>
      <c r="CU3" s="517"/>
      <c r="CV3" s="517"/>
      <c r="CW3" s="518"/>
      <c r="CX3" s="517" t="s">
        <v>103</v>
      </c>
      <c r="CY3" s="517"/>
      <c r="CZ3" s="517"/>
      <c r="DA3" s="517"/>
      <c r="DB3" s="517"/>
      <c r="DC3" s="517"/>
      <c r="DD3" s="517"/>
      <c r="DE3" s="517"/>
      <c r="DF3" s="517"/>
      <c r="DG3" s="517"/>
      <c r="DH3" s="517"/>
      <c r="DI3" s="517"/>
      <c r="DJ3" s="517"/>
      <c r="DK3" s="517"/>
      <c r="DL3" s="517"/>
      <c r="DM3" s="517"/>
      <c r="DN3" s="517"/>
      <c r="DO3" s="517"/>
      <c r="DP3" s="517"/>
      <c r="DQ3" s="517"/>
      <c r="DR3" s="517"/>
      <c r="DS3" s="517"/>
      <c r="DT3" s="517"/>
      <c r="DU3" s="517"/>
      <c r="DV3" s="517"/>
      <c r="DW3" s="517"/>
      <c r="DX3" s="517"/>
      <c r="DY3" s="517"/>
      <c r="DZ3" s="517"/>
      <c r="EA3" s="517"/>
      <c r="EB3" s="517"/>
      <c r="EC3" s="517"/>
      <c r="ED3" s="517"/>
      <c r="EE3" s="517"/>
      <c r="EF3" s="517"/>
      <c r="EG3" s="517"/>
      <c r="EH3" s="517"/>
      <c r="EI3" s="517"/>
      <c r="EJ3" s="517"/>
      <c r="EK3" s="517"/>
      <c r="EL3" s="517"/>
      <c r="EM3" s="517"/>
      <c r="EN3" s="517"/>
      <c r="EO3" s="517"/>
      <c r="EP3" s="517"/>
      <c r="EQ3" s="517"/>
      <c r="ER3" s="517"/>
      <c r="ES3" s="517"/>
      <c r="ET3" s="517"/>
      <c r="EU3" s="517"/>
      <c r="EV3" s="517"/>
      <c r="EW3" s="517"/>
      <c r="EX3" s="517"/>
      <c r="EY3" s="517"/>
      <c r="EZ3" s="517"/>
      <c r="FA3" s="517"/>
      <c r="FB3" s="517"/>
      <c r="FC3" s="517"/>
      <c r="FD3" s="517"/>
      <c r="FE3" s="517"/>
      <c r="FF3" s="517"/>
      <c r="FG3" s="517"/>
      <c r="FH3" s="517"/>
      <c r="FI3" s="517"/>
      <c r="FJ3" s="517"/>
      <c r="FK3" s="517"/>
      <c r="FL3" s="517"/>
      <c r="FM3" s="517"/>
      <c r="FN3" s="517"/>
      <c r="FO3" s="517"/>
      <c r="FP3" s="517"/>
      <c r="FQ3" s="517"/>
      <c r="FR3" s="517"/>
      <c r="FS3" s="517"/>
      <c r="FT3" s="517"/>
      <c r="FU3" s="517"/>
      <c r="FV3" s="517"/>
      <c r="FW3" s="517"/>
      <c r="FX3" s="517"/>
      <c r="FY3" s="517"/>
      <c r="FZ3" s="517"/>
      <c r="GA3" s="517"/>
      <c r="GB3" s="517"/>
      <c r="GC3" s="517"/>
      <c r="GD3" s="517"/>
      <c r="GE3" s="517"/>
      <c r="GF3" s="517"/>
      <c r="GG3" s="517"/>
      <c r="GH3" s="517"/>
      <c r="GI3" s="517"/>
      <c r="GJ3" s="517"/>
      <c r="GK3" s="517"/>
      <c r="GL3" s="517"/>
      <c r="GM3" s="517"/>
      <c r="GN3" s="517"/>
      <c r="GO3" s="517"/>
      <c r="GP3" s="517"/>
      <c r="GQ3" s="517"/>
      <c r="GR3" s="518"/>
      <c r="GS3" s="517" t="s">
        <v>104</v>
      </c>
      <c r="GT3" s="517"/>
      <c r="GU3" s="517"/>
      <c r="GV3" s="517"/>
      <c r="GW3" s="517"/>
      <c r="GX3" s="517"/>
      <c r="GY3" s="517"/>
      <c r="GZ3" s="517"/>
      <c r="HA3" s="517"/>
      <c r="HB3" s="517"/>
      <c r="HC3" s="517"/>
      <c r="HD3" s="517"/>
      <c r="HE3" s="517"/>
      <c r="HF3" s="517"/>
      <c r="HG3" s="517"/>
      <c r="HH3" s="517"/>
      <c r="HI3" s="517"/>
      <c r="HJ3" s="517"/>
      <c r="HK3" s="517"/>
      <c r="HL3" s="517"/>
      <c r="HM3" s="517"/>
      <c r="HN3" s="517"/>
      <c r="HO3" s="517"/>
      <c r="HP3" s="517"/>
      <c r="HQ3" s="517"/>
      <c r="HR3" s="517"/>
      <c r="HS3" s="517"/>
      <c r="HT3" s="517"/>
      <c r="HU3" s="517"/>
      <c r="HV3" s="517"/>
      <c r="HW3" s="517"/>
      <c r="HX3" s="517"/>
      <c r="HY3" s="517"/>
      <c r="HZ3" s="517"/>
      <c r="IA3" s="517"/>
      <c r="IB3" s="517"/>
      <c r="IC3" s="517"/>
      <c r="ID3" s="517"/>
      <c r="IE3" s="517"/>
      <c r="IF3" s="517"/>
      <c r="IG3" s="517"/>
      <c r="IH3" s="517"/>
      <c r="II3" s="517"/>
      <c r="IJ3" s="517"/>
      <c r="IK3" s="517"/>
      <c r="IL3" s="517"/>
      <c r="IM3" s="517"/>
      <c r="IN3" s="517"/>
      <c r="IO3" s="517"/>
      <c r="IP3" s="517"/>
      <c r="IQ3" s="517"/>
      <c r="IR3" s="517"/>
      <c r="IS3" s="517"/>
      <c r="IT3" s="517"/>
      <c r="IU3" s="517"/>
      <c r="IV3" s="517"/>
      <c r="IW3" s="517"/>
      <c r="IX3" s="517"/>
      <c r="IY3" s="517"/>
      <c r="IZ3" s="517"/>
      <c r="JA3" s="517"/>
      <c r="JB3" s="517"/>
      <c r="JC3" s="517"/>
      <c r="JD3" s="517"/>
      <c r="JE3" s="517"/>
      <c r="JF3" s="517"/>
      <c r="JG3" s="517"/>
      <c r="JH3" s="517"/>
      <c r="JI3" s="517"/>
      <c r="JJ3" s="517"/>
      <c r="JK3" s="517"/>
      <c r="JL3" s="517"/>
      <c r="JM3" s="517"/>
      <c r="JN3" s="517"/>
      <c r="JO3" s="517"/>
      <c r="JP3" s="517"/>
      <c r="JQ3" s="517"/>
      <c r="JR3" s="517"/>
      <c r="JS3" s="517"/>
      <c r="JT3" s="517"/>
      <c r="JU3" s="517"/>
      <c r="JV3" s="517"/>
      <c r="JW3" s="517"/>
      <c r="JX3" s="517"/>
      <c r="JY3" s="517"/>
      <c r="JZ3" s="517"/>
      <c r="KA3" s="517"/>
      <c r="KB3" s="517"/>
      <c r="KC3" s="517"/>
      <c r="KD3" s="517"/>
      <c r="KE3" s="517"/>
      <c r="KF3" s="517"/>
      <c r="KG3" s="517"/>
      <c r="KH3" s="517"/>
      <c r="KI3" s="517"/>
      <c r="KJ3" s="517"/>
      <c r="KK3" s="517"/>
      <c r="KL3" s="517"/>
      <c r="KM3" s="518"/>
    </row>
    <row r="4" spans="2:299" ht="21" customHeight="1" thickBot="1" x14ac:dyDescent="0.25">
      <c r="B4" s="523"/>
      <c r="C4" s="519" t="s">
        <v>39</v>
      </c>
      <c r="D4" s="520"/>
      <c r="E4" s="520"/>
      <c r="F4" s="520"/>
      <c r="G4" s="520"/>
      <c r="H4" s="520"/>
      <c r="I4" s="520"/>
      <c r="J4" s="520"/>
      <c r="K4" s="520"/>
      <c r="L4" s="520"/>
      <c r="M4" s="520"/>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1"/>
      <c r="CB4" s="505" t="s">
        <v>40</v>
      </c>
      <c r="CC4" s="506"/>
      <c r="CD4" s="506"/>
      <c r="CE4" s="506"/>
      <c r="CF4" s="506"/>
      <c r="CG4" s="506"/>
      <c r="CH4" s="506"/>
      <c r="CI4" s="506"/>
      <c r="CJ4" s="506"/>
      <c r="CK4" s="506"/>
      <c r="CL4" s="507"/>
      <c r="CM4" s="505" t="s">
        <v>41</v>
      </c>
      <c r="CN4" s="506"/>
      <c r="CO4" s="506"/>
      <c r="CP4" s="506"/>
      <c r="CQ4" s="506"/>
      <c r="CR4" s="506"/>
      <c r="CS4" s="506"/>
      <c r="CT4" s="506"/>
      <c r="CU4" s="506"/>
      <c r="CV4" s="506"/>
      <c r="CW4" s="507"/>
      <c r="CX4" s="519" t="s">
        <v>39</v>
      </c>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1"/>
      <c r="FW4" s="505" t="s">
        <v>40</v>
      </c>
      <c r="FX4" s="506"/>
      <c r="FY4" s="506"/>
      <c r="FZ4" s="506"/>
      <c r="GA4" s="506"/>
      <c r="GB4" s="506"/>
      <c r="GC4" s="506"/>
      <c r="GD4" s="506"/>
      <c r="GE4" s="506"/>
      <c r="GF4" s="506"/>
      <c r="GG4" s="507"/>
      <c r="GH4" s="505" t="s">
        <v>41</v>
      </c>
      <c r="GI4" s="506"/>
      <c r="GJ4" s="506"/>
      <c r="GK4" s="506"/>
      <c r="GL4" s="506"/>
      <c r="GM4" s="506"/>
      <c r="GN4" s="506"/>
      <c r="GO4" s="506"/>
      <c r="GP4" s="506"/>
      <c r="GQ4" s="506"/>
      <c r="GR4" s="507"/>
      <c r="GS4" s="519" t="s">
        <v>39</v>
      </c>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0"/>
      <c r="HZ4" s="520"/>
      <c r="IA4" s="520"/>
      <c r="IB4" s="520"/>
      <c r="IC4" s="520"/>
      <c r="ID4" s="520"/>
      <c r="IE4" s="520"/>
      <c r="IF4" s="520"/>
      <c r="IG4" s="520"/>
      <c r="IH4" s="520"/>
      <c r="II4" s="520"/>
      <c r="IJ4" s="520"/>
      <c r="IK4" s="520"/>
      <c r="IL4" s="520"/>
      <c r="IM4" s="520"/>
      <c r="IN4" s="520"/>
      <c r="IO4" s="520"/>
      <c r="IP4" s="520"/>
      <c r="IQ4" s="520"/>
      <c r="IR4" s="520"/>
      <c r="IS4" s="520"/>
      <c r="IT4" s="520"/>
      <c r="IU4" s="520"/>
      <c r="IV4" s="520"/>
      <c r="IW4" s="520"/>
      <c r="IX4" s="520"/>
      <c r="IY4" s="520"/>
      <c r="IZ4" s="520"/>
      <c r="JA4" s="520"/>
      <c r="JB4" s="520"/>
      <c r="JC4" s="520"/>
      <c r="JD4" s="520"/>
      <c r="JE4" s="520"/>
      <c r="JF4" s="520"/>
      <c r="JG4" s="520"/>
      <c r="JH4" s="520"/>
      <c r="JI4" s="520"/>
      <c r="JJ4" s="520"/>
      <c r="JK4" s="520"/>
      <c r="JL4" s="520"/>
      <c r="JM4" s="520"/>
      <c r="JN4" s="520"/>
      <c r="JO4" s="520"/>
      <c r="JP4" s="520"/>
      <c r="JQ4" s="521"/>
      <c r="JR4" s="505" t="s">
        <v>40</v>
      </c>
      <c r="JS4" s="506"/>
      <c r="JT4" s="506"/>
      <c r="JU4" s="506"/>
      <c r="JV4" s="506"/>
      <c r="JW4" s="506"/>
      <c r="JX4" s="506"/>
      <c r="JY4" s="506"/>
      <c r="JZ4" s="506"/>
      <c r="KA4" s="506"/>
      <c r="KB4" s="507"/>
      <c r="KC4" s="505" t="s">
        <v>41</v>
      </c>
      <c r="KD4" s="506"/>
      <c r="KE4" s="506"/>
      <c r="KF4" s="506"/>
      <c r="KG4" s="506"/>
      <c r="KH4" s="506"/>
      <c r="KI4" s="506"/>
      <c r="KJ4" s="506"/>
      <c r="KK4" s="506"/>
      <c r="KL4" s="506"/>
      <c r="KM4" s="507"/>
    </row>
    <row r="5" spans="2:299" ht="21" customHeight="1" thickBot="1" x14ac:dyDescent="0.25">
      <c r="B5" s="511"/>
      <c r="C5" s="511"/>
      <c r="D5" s="512"/>
      <c r="E5" s="512"/>
      <c r="F5" s="512"/>
      <c r="G5" s="512"/>
      <c r="H5" s="512"/>
      <c r="I5" s="512"/>
      <c r="J5" s="512"/>
      <c r="K5" s="512"/>
      <c r="L5" s="512"/>
      <c r="M5" s="513"/>
      <c r="N5" s="514" t="s">
        <v>97</v>
      </c>
      <c r="O5" s="515"/>
      <c r="P5" s="515"/>
      <c r="Q5" s="515"/>
      <c r="R5" s="515"/>
      <c r="S5" s="515"/>
      <c r="T5" s="515"/>
      <c r="U5" s="515"/>
      <c r="V5" s="515"/>
      <c r="W5" s="515"/>
      <c r="X5" s="516"/>
      <c r="Y5" s="514" t="s">
        <v>98</v>
      </c>
      <c r="Z5" s="515"/>
      <c r="AA5" s="515"/>
      <c r="AB5" s="515"/>
      <c r="AC5" s="515"/>
      <c r="AD5" s="515"/>
      <c r="AE5" s="515"/>
      <c r="AF5" s="515"/>
      <c r="AG5" s="515"/>
      <c r="AH5" s="515"/>
      <c r="AI5" s="516"/>
      <c r="AJ5" s="514" t="s">
        <v>99</v>
      </c>
      <c r="AK5" s="515"/>
      <c r="AL5" s="515"/>
      <c r="AM5" s="515"/>
      <c r="AN5" s="515"/>
      <c r="AO5" s="515"/>
      <c r="AP5" s="515"/>
      <c r="AQ5" s="515"/>
      <c r="AR5" s="515"/>
      <c r="AS5" s="515"/>
      <c r="AT5" s="516"/>
      <c r="AU5" s="514" t="s">
        <v>100</v>
      </c>
      <c r="AV5" s="515"/>
      <c r="AW5" s="515"/>
      <c r="AX5" s="515"/>
      <c r="AY5" s="515"/>
      <c r="AZ5" s="515"/>
      <c r="BA5" s="515"/>
      <c r="BB5" s="515"/>
      <c r="BC5" s="515"/>
      <c r="BD5" s="515"/>
      <c r="BE5" s="516"/>
      <c r="BF5" s="514" t="s">
        <v>101</v>
      </c>
      <c r="BG5" s="515"/>
      <c r="BH5" s="515"/>
      <c r="BI5" s="515"/>
      <c r="BJ5" s="515"/>
      <c r="BK5" s="515"/>
      <c r="BL5" s="515"/>
      <c r="BM5" s="515"/>
      <c r="BN5" s="515"/>
      <c r="BO5" s="515"/>
      <c r="BP5" s="516"/>
      <c r="BQ5" s="514" t="s">
        <v>102</v>
      </c>
      <c r="BR5" s="515"/>
      <c r="BS5" s="515"/>
      <c r="BT5" s="515"/>
      <c r="BU5" s="515"/>
      <c r="BV5" s="515"/>
      <c r="BW5" s="515"/>
      <c r="BX5" s="515"/>
      <c r="BY5" s="515"/>
      <c r="BZ5" s="515"/>
      <c r="CA5" s="516"/>
      <c r="CB5" s="508"/>
      <c r="CC5" s="509"/>
      <c r="CD5" s="509"/>
      <c r="CE5" s="509"/>
      <c r="CF5" s="509"/>
      <c r="CG5" s="509"/>
      <c r="CH5" s="509"/>
      <c r="CI5" s="509"/>
      <c r="CJ5" s="509"/>
      <c r="CK5" s="509"/>
      <c r="CL5" s="510"/>
      <c r="CM5" s="508"/>
      <c r="CN5" s="509"/>
      <c r="CO5" s="509"/>
      <c r="CP5" s="509"/>
      <c r="CQ5" s="509"/>
      <c r="CR5" s="509"/>
      <c r="CS5" s="509"/>
      <c r="CT5" s="509"/>
      <c r="CU5" s="509"/>
      <c r="CV5" s="509"/>
      <c r="CW5" s="510"/>
      <c r="CX5" s="511"/>
      <c r="CY5" s="512"/>
      <c r="CZ5" s="512"/>
      <c r="DA5" s="512"/>
      <c r="DB5" s="512"/>
      <c r="DC5" s="512"/>
      <c r="DD5" s="512"/>
      <c r="DE5" s="512"/>
      <c r="DF5" s="512"/>
      <c r="DG5" s="512"/>
      <c r="DH5" s="513"/>
      <c r="DI5" s="514" t="s">
        <v>97</v>
      </c>
      <c r="DJ5" s="515"/>
      <c r="DK5" s="515"/>
      <c r="DL5" s="515"/>
      <c r="DM5" s="515"/>
      <c r="DN5" s="515"/>
      <c r="DO5" s="515"/>
      <c r="DP5" s="515"/>
      <c r="DQ5" s="515"/>
      <c r="DR5" s="515"/>
      <c r="DS5" s="516"/>
      <c r="DT5" s="514" t="s">
        <v>98</v>
      </c>
      <c r="DU5" s="515"/>
      <c r="DV5" s="515"/>
      <c r="DW5" s="515"/>
      <c r="DX5" s="515"/>
      <c r="DY5" s="515"/>
      <c r="DZ5" s="515"/>
      <c r="EA5" s="515"/>
      <c r="EB5" s="515"/>
      <c r="EC5" s="515"/>
      <c r="ED5" s="516"/>
      <c r="EE5" s="514" t="s">
        <v>99</v>
      </c>
      <c r="EF5" s="515"/>
      <c r="EG5" s="515"/>
      <c r="EH5" s="515"/>
      <c r="EI5" s="515"/>
      <c r="EJ5" s="515"/>
      <c r="EK5" s="515"/>
      <c r="EL5" s="515"/>
      <c r="EM5" s="515"/>
      <c r="EN5" s="515"/>
      <c r="EO5" s="516"/>
      <c r="EP5" s="514" t="s">
        <v>100</v>
      </c>
      <c r="EQ5" s="515"/>
      <c r="ER5" s="515"/>
      <c r="ES5" s="515"/>
      <c r="ET5" s="515"/>
      <c r="EU5" s="515"/>
      <c r="EV5" s="515"/>
      <c r="EW5" s="515"/>
      <c r="EX5" s="515"/>
      <c r="EY5" s="515"/>
      <c r="EZ5" s="516"/>
      <c r="FA5" s="514" t="s">
        <v>101</v>
      </c>
      <c r="FB5" s="515"/>
      <c r="FC5" s="515"/>
      <c r="FD5" s="515"/>
      <c r="FE5" s="515"/>
      <c r="FF5" s="515"/>
      <c r="FG5" s="515"/>
      <c r="FH5" s="515"/>
      <c r="FI5" s="515"/>
      <c r="FJ5" s="515"/>
      <c r="FK5" s="516"/>
      <c r="FL5" s="514" t="s">
        <v>102</v>
      </c>
      <c r="FM5" s="515"/>
      <c r="FN5" s="515"/>
      <c r="FO5" s="515"/>
      <c r="FP5" s="515"/>
      <c r="FQ5" s="515"/>
      <c r="FR5" s="515"/>
      <c r="FS5" s="515"/>
      <c r="FT5" s="515"/>
      <c r="FU5" s="515"/>
      <c r="FV5" s="516"/>
      <c r="FW5" s="508"/>
      <c r="FX5" s="509"/>
      <c r="FY5" s="509"/>
      <c r="FZ5" s="509"/>
      <c r="GA5" s="509"/>
      <c r="GB5" s="509"/>
      <c r="GC5" s="509"/>
      <c r="GD5" s="509"/>
      <c r="GE5" s="509"/>
      <c r="GF5" s="509"/>
      <c r="GG5" s="510"/>
      <c r="GH5" s="508"/>
      <c r="GI5" s="509"/>
      <c r="GJ5" s="509"/>
      <c r="GK5" s="509"/>
      <c r="GL5" s="509"/>
      <c r="GM5" s="509"/>
      <c r="GN5" s="509"/>
      <c r="GO5" s="509"/>
      <c r="GP5" s="509"/>
      <c r="GQ5" s="509"/>
      <c r="GR5" s="510"/>
      <c r="GS5" s="511"/>
      <c r="GT5" s="512"/>
      <c r="GU5" s="512"/>
      <c r="GV5" s="512"/>
      <c r="GW5" s="512"/>
      <c r="GX5" s="512"/>
      <c r="GY5" s="512"/>
      <c r="GZ5" s="512"/>
      <c r="HA5" s="512"/>
      <c r="HB5" s="512"/>
      <c r="HC5" s="513"/>
      <c r="HD5" s="514" t="s">
        <v>97</v>
      </c>
      <c r="HE5" s="515"/>
      <c r="HF5" s="515"/>
      <c r="HG5" s="515"/>
      <c r="HH5" s="515"/>
      <c r="HI5" s="515"/>
      <c r="HJ5" s="515"/>
      <c r="HK5" s="515"/>
      <c r="HL5" s="515"/>
      <c r="HM5" s="515"/>
      <c r="HN5" s="516"/>
      <c r="HO5" s="514" t="s">
        <v>98</v>
      </c>
      <c r="HP5" s="515"/>
      <c r="HQ5" s="515"/>
      <c r="HR5" s="515"/>
      <c r="HS5" s="515"/>
      <c r="HT5" s="515"/>
      <c r="HU5" s="515"/>
      <c r="HV5" s="515"/>
      <c r="HW5" s="515"/>
      <c r="HX5" s="515"/>
      <c r="HY5" s="516"/>
      <c r="HZ5" s="514" t="s">
        <v>99</v>
      </c>
      <c r="IA5" s="515"/>
      <c r="IB5" s="515"/>
      <c r="IC5" s="515"/>
      <c r="ID5" s="515"/>
      <c r="IE5" s="515"/>
      <c r="IF5" s="515"/>
      <c r="IG5" s="515"/>
      <c r="IH5" s="515"/>
      <c r="II5" s="515"/>
      <c r="IJ5" s="516"/>
      <c r="IK5" s="514" t="s">
        <v>100</v>
      </c>
      <c r="IL5" s="515"/>
      <c r="IM5" s="515"/>
      <c r="IN5" s="515"/>
      <c r="IO5" s="515"/>
      <c r="IP5" s="515"/>
      <c r="IQ5" s="515"/>
      <c r="IR5" s="515"/>
      <c r="IS5" s="515"/>
      <c r="IT5" s="515"/>
      <c r="IU5" s="516"/>
      <c r="IV5" s="514" t="s">
        <v>101</v>
      </c>
      <c r="IW5" s="515"/>
      <c r="IX5" s="515"/>
      <c r="IY5" s="515"/>
      <c r="IZ5" s="515"/>
      <c r="JA5" s="515"/>
      <c r="JB5" s="515"/>
      <c r="JC5" s="515"/>
      <c r="JD5" s="515"/>
      <c r="JE5" s="515"/>
      <c r="JF5" s="516"/>
      <c r="JG5" s="514" t="s">
        <v>102</v>
      </c>
      <c r="JH5" s="515"/>
      <c r="JI5" s="515"/>
      <c r="JJ5" s="515"/>
      <c r="JK5" s="515"/>
      <c r="JL5" s="515"/>
      <c r="JM5" s="515"/>
      <c r="JN5" s="515"/>
      <c r="JO5" s="515"/>
      <c r="JP5" s="515"/>
      <c r="JQ5" s="516"/>
      <c r="JR5" s="508"/>
      <c r="JS5" s="509"/>
      <c r="JT5" s="509"/>
      <c r="JU5" s="509"/>
      <c r="JV5" s="509"/>
      <c r="JW5" s="509"/>
      <c r="JX5" s="509"/>
      <c r="JY5" s="509"/>
      <c r="JZ5" s="509"/>
      <c r="KA5" s="509"/>
      <c r="KB5" s="510"/>
      <c r="KC5" s="508"/>
      <c r="KD5" s="509"/>
      <c r="KE5" s="509"/>
      <c r="KF5" s="509"/>
      <c r="KG5" s="509"/>
      <c r="KH5" s="509"/>
      <c r="KI5" s="509"/>
      <c r="KJ5" s="509"/>
      <c r="KK5" s="509"/>
      <c r="KL5" s="509"/>
      <c r="KM5" s="510"/>
    </row>
    <row r="6" spans="2:299" ht="30" customHeight="1" thickBot="1" x14ac:dyDescent="0.25">
      <c r="B6" s="315" t="s">
        <v>42</v>
      </c>
      <c r="C6" s="51" t="s">
        <v>43</v>
      </c>
      <c r="D6" s="47" t="s">
        <v>44</v>
      </c>
      <c r="E6" s="48" t="s">
        <v>45</v>
      </c>
      <c r="F6" s="52" t="s">
        <v>46</v>
      </c>
      <c r="G6" s="47" t="s">
        <v>47</v>
      </c>
      <c r="H6" s="47" t="s">
        <v>48</v>
      </c>
      <c r="I6" s="47" t="s">
        <v>49</v>
      </c>
      <c r="J6" s="47" t="s">
        <v>50</v>
      </c>
      <c r="K6" s="47" t="s">
        <v>51</v>
      </c>
      <c r="L6" s="48" t="s">
        <v>45</v>
      </c>
      <c r="M6" s="53" t="s">
        <v>52</v>
      </c>
      <c r="N6" s="354" t="s">
        <v>43</v>
      </c>
      <c r="O6" s="355" t="s">
        <v>44</v>
      </c>
      <c r="P6" s="356" t="s">
        <v>45</v>
      </c>
      <c r="Q6" s="357" t="s">
        <v>46</v>
      </c>
      <c r="R6" s="355" t="s">
        <v>47</v>
      </c>
      <c r="S6" s="355" t="s">
        <v>48</v>
      </c>
      <c r="T6" s="355" t="s">
        <v>49</v>
      </c>
      <c r="U6" s="355" t="s">
        <v>50</v>
      </c>
      <c r="V6" s="355" t="s">
        <v>51</v>
      </c>
      <c r="W6" s="356" t="s">
        <v>45</v>
      </c>
      <c r="X6" s="353" t="s">
        <v>52</v>
      </c>
      <c r="Y6" s="354" t="s">
        <v>43</v>
      </c>
      <c r="Z6" s="355" t="s">
        <v>44</v>
      </c>
      <c r="AA6" s="356" t="s">
        <v>45</v>
      </c>
      <c r="AB6" s="357" t="s">
        <v>46</v>
      </c>
      <c r="AC6" s="355" t="s">
        <v>47</v>
      </c>
      <c r="AD6" s="355" t="s">
        <v>48</v>
      </c>
      <c r="AE6" s="355" t="s">
        <v>49</v>
      </c>
      <c r="AF6" s="355" t="s">
        <v>50</v>
      </c>
      <c r="AG6" s="355" t="s">
        <v>51</v>
      </c>
      <c r="AH6" s="356" t="s">
        <v>45</v>
      </c>
      <c r="AI6" s="358" t="s">
        <v>52</v>
      </c>
      <c r="AJ6" s="354" t="s">
        <v>43</v>
      </c>
      <c r="AK6" s="355" t="s">
        <v>44</v>
      </c>
      <c r="AL6" s="356" t="s">
        <v>45</v>
      </c>
      <c r="AM6" s="357" t="s">
        <v>46</v>
      </c>
      <c r="AN6" s="355" t="s">
        <v>47</v>
      </c>
      <c r="AO6" s="355" t="s">
        <v>48</v>
      </c>
      <c r="AP6" s="355" t="s">
        <v>49</v>
      </c>
      <c r="AQ6" s="355" t="s">
        <v>50</v>
      </c>
      <c r="AR6" s="355" t="s">
        <v>51</v>
      </c>
      <c r="AS6" s="356" t="s">
        <v>45</v>
      </c>
      <c r="AT6" s="358" t="s">
        <v>52</v>
      </c>
      <c r="AU6" s="354" t="s">
        <v>43</v>
      </c>
      <c r="AV6" s="355" t="s">
        <v>44</v>
      </c>
      <c r="AW6" s="356" t="s">
        <v>45</v>
      </c>
      <c r="AX6" s="357" t="s">
        <v>46</v>
      </c>
      <c r="AY6" s="355" t="s">
        <v>47</v>
      </c>
      <c r="AZ6" s="355" t="s">
        <v>48</v>
      </c>
      <c r="BA6" s="355" t="s">
        <v>49</v>
      </c>
      <c r="BB6" s="355" t="s">
        <v>50</v>
      </c>
      <c r="BC6" s="355" t="s">
        <v>51</v>
      </c>
      <c r="BD6" s="356" t="s">
        <v>45</v>
      </c>
      <c r="BE6" s="358" t="s">
        <v>52</v>
      </c>
      <c r="BF6" s="354" t="s">
        <v>43</v>
      </c>
      <c r="BG6" s="355" t="s">
        <v>44</v>
      </c>
      <c r="BH6" s="356" t="s">
        <v>45</v>
      </c>
      <c r="BI6" s="357" t="s">
        <v>46</v>
      </c>
      <c r="BJ6" s="355" t="s">
        <v>47</v>
      </c>
      <c r="BK6" s="355" t="s">
        <v>48</v>
      </c>
      <c r="BL6" s="355" t="s">
        <v>49</v>
      </c>
      <c r="BM6" s="355" t="s">
        <v>50</v>
      </c>
      <c r="BN6" s="355" t="s">
        <v>51</v>
      </c>
      <c r="BO6" s="356" t="s">
        <v>45</v>
      </c>
      <c r="BP6" s="358" t="s">
        <v>52</v>
      </c>
      <c r="BQ6" s="354" t="s">
        <v>43</v>
      </c>
      <c r="BR6" s="355" t="s">
        <v>44</v>
      </c>
      <c r="BS6" s="356" t="s">
        <v>45</v>
      </c>
      <c r="BT6" s="357" t="s">
        <v>46</v>
      </c>
      <c r="BU6" s="355" t="s">
        <v>47</v>
      </c>
      <c r="BV6" s="355" t="s">
        <v>48</v>
      </c>
      <c r="BW6" s="355" t="s">
        <v>49</v>
      </c>
      <c r="BX6" s="355" t="s">
        <v>50</v>
      </c>
      <c r="BY6" s="355" t="s">
        <v>51</v>
      </c>
      <c r="BZ6" s="356" t="s">
        <v>45</v>
      </c>
      <c r="CA6" s="358" t="s">
        <v>52</v>
      </c>
      <c r="CB6" s="354" t="s">
        <v>43</v>
      </c>
      <c r="CC6" s="355" t="s">
        <v>44</v>
      </c>
      <c r="CD6" s="356" t="s">
        <v>45</v>
      </c>
      <c r="CE6" s="357" t="s">
        <v>46</v>
      </c>
      <c r="CF6" s="355" t="s">
        <v>47</v>
      </c>
      <c r="CG6" s="355" t="s">
        <v>48</v>
      </c>
      <c r="CH6" s="355" t="s">
        <v>49</v>
      </c>
      <c r="CI6" s="355" t="s">
        <v>50</v>
      </c>
      <c r="CJ6" s="355" t="s">
        <v>51</v>
      </c>
      <c r="CK6" s="356" t="s">
        <v>45</v>
      </c>
      <c r="CL6" s="358" t="s">
        <v>52</v>
      </c>
      <c r="CM6" s="354" t="s">
        <v>43</v>
      </c>
      <c r="CN6" s="355" t="s">
        <v>44</v>
      </c>
      <c r="CO6" s="356" t="s">
        <v>45</v>
      </c>
      <c r="CP6" s="357" t="s">
        <v>46</v>
      </c>
      <c r="CQ6" s="355" t="s">
        <v>47</v>
      </c>
      <c r="CR6" s="355" t="s">
        <v>48</v>
      </c>
      <c r="CS6" s="355" t="s">
        <v>49</v>
      </c>
      <c r="CT6" s="355" t="s">
        <v>50</v>
      </c>
      <c r="CU6" s="355" t="s">
        <v>51</v>
      </c>
      <c r="CV6" s="356" t="s">
        <v>45</v>
      </c>
      <c r="CW6" s="358" t="s">
        <v>52</v>
      </c>
      <c r="CX6" s="51" t="s">
        <v>43</v>
      </c>
      <c r="CY6" s="47" t="s">
        <v>44</v>
      </c>
      <c r="CZ6" s="48" t="s">
        <v>45</v>
      </c>
      <c r="DA6" s="52" t="s">
        <v>46</v>
      </c>
      <c r="DB6" s="47" t="s">
        <v>47</v>
      </c>
      <c r="DC6" s="47" t="s">
        <v>48</v>
      </c>
      <c r="DD6" s="47" t="s">
        <v>49</v>
      </c>
      <c r="DE6" s="47" t="s">
        <v>50</v>
      </c>
      <c r="DF6" s="47" t="s">
        <v>51</v>
      </c>
      <c r="DG6" s="48" t="s">
        <v>45</v>
      </c>
      <c r="DH6" s="53" t="s">
        <v>52</v>
      </c>
      <c r="DI6" s="354" t="s">
        <v>43</v>
      </c>
      <c r="DJ6" s="355" t="s">
        <v>44</v>
      </c>
      <c r="DK6" s="356" t="s">
        <v>45</v>
      </c>
      <c r="DL6" s="357" t="s">
        <v>46</v>
      </c>
      <c r="DM6" s="355" t="s">
        <v>47</v>
      </c>
      <c r="DN6" s="355" t="s">
        <v>48</v>
      </c>
      <c r="DO6" s="355" t="s">
        <v>49</v>
      </c>
      <c r="DP6" s="355" t="s">
        <v>50</v>
      </c>
      <c r="DQ6" s="355" t="s">
        <v>51</v>
      </c>
      <c r="DR6" s="356" t="s">
        <v>45</v>
      </c>
      <c r="DS6" s="358" t="s">
        <v>52</v>
      </c>
      <c r="DT6" s="354" t="s">
        <v>43</v>
      </c>
      <c r="DU6" s="355" t="s">
        <v>44</v>
      </c>
      <c r="DV6" s="356" t="s">
        <v>45</v>
      </c>
      <c r="DW6" s="357" t="s">
        <v>46</v>
      </c>
      <c r="DX6" s="355" t="s">
        <v>47</v>
      </c>
      <c r="DY6" s="355" t="s">
        <v>48</v>
      </c>
      <c r="DZ6" s="355" t="s">
        <v>49</v>
      </c>
      <c r="EA6" s="355" t="s">
        <v>50</v>
      </c>
      <c r="EB6" s="355" t="s">
        <v>51</v>
      </c>
      <c r="EC6" s="356" t="s">
        <v>45</v>
      </c>
      <c r="ED6" s="358" t="s">
        <v>52</v>
      </c>
      <c r="EE6" s="354" t="s">
        <v>43</v>
      </c>
      <c r="EF6" s="355" t="s">
        <v>44</v>
      </c>
      <c r="EG6" s="356" t="s">
        <v>45</v>
      </c>
      <c r="EH6" s="357" t="s">
        <v>46</v>
      </c>
      <c r="EI6" s="355" t="s">
        <v>47</v>
      </c>
      <c r="EJ6" s="355" t="s">
        <v>48</v>
      </c>
      <c r="EK6" s="355" t="s">
        <v>49</v>
      </c>
      <c r="EL6" s="355" t="s">
        <v>50</v>
      </c>
      <c r="EM6" s="355" t="s">
        <v>51</v>
      </c>
      <c r="EN6" s="356" t="s">
        <v>45</v>
      </c>
      <c r="EO6" s="358" t="s">
        <v>52</v>
      </c>
      <c r="EP6" s="354" t="s">
        <v>43</v>
      </c>
      <c r="EQ6" s="355" t="s">
        <v>44</v>
      </c>
      <c r="ER6" s="356" t="s">
        <v>45</v>
      </c>
      <c r="ES6" s="357" t="s">
        <v>46</v>
      </c>
      <c r="ET6" s="355" t="s">
        <v>47</v>
      </c>
      <c r="EU6" s="355" t="s">
        <v>48</v>
      </c>
      <c r="EV6" s="355" t="s">
        <v>49</v>
      </c>
      <c r="EW6" s="355" t="s">
        <v>50</v>
      </c>
      <c r="EX6" s="355" t="s">
        <v>51</v>
      </c>
      <c r="EY6" s="356" t="s">
        <v>45</v>
      </c>
      <c r="EZ6" s="358" t="s">
        <v>52</v>
      </c>
      <c r="FA6" s="354" t="s">
        <v>43</v>
      </c>
      <c r="FB6" s="355" t="s">
        <v>44</v>
      </c>
      <c r="FC6" s="356" t="s">
        <v>45</v>
      </c>
      <c r="FD6" s="357" t="s">
        <v>46</v>
      </c>
      <c r="FE6" s="355" t="s">
        <v>47</v>
      </c>
      <c r="FF6" s="355" t="s">
        <v>48</v>
      </c>
      <c r="FG6" s="355" t="s">
        <v>49</v>
      </c>
      <c r="FH6" s="355" t="s">
        <v>50</v>
      </c>
      <c r="FI6" s="355" t="s">
        <v>51</v>
      </c>
      <c r="FJ6" s="356" t="s">
        <v>45</v>
      </c>
      <c r="FK6" s="358" t="s">
        <v>52</v>
      </c>
      <c r="FL6" s="354" t="s">
        <v>43</v>
      </c>
      <c r="FM6" s="355" t="s">
        <v>44</v>
      </c>
      <c r="FN6" s="356" t="s">
        <v>45</v>
      </c>
      <c r="FO6" s="357" t="s">
        <v>46</v>
      </c>
      <c r="FP6" s="355" t="s">
        <v>47</v>
      </c>
      <c r="FQ6" s="355" t="s">
        <v>48</v>
      </c>
      <c r="FR6" s="355" t="s">
        <v>49</v>
      </c>
      <c r="FS6" s="355" t="s">
        <v>50</v>
      </c>
      <c r="FT6" s="355" t="s">
        <v>51</v>
      </c>
      <c r="FU6" s="356" t="s">
        <v>45</v>
      </c>
      <c r="FV6" s="358" t="s">
        <v>52</v>
      </c>
      <c r="FW6" s="354" t="s">
        <v>43</v>
      </c>
      <c r="FX6" s="355" t="s">
        <v>44</v>
      </c>
      <c r="FY6" s="356" t="s">
        <v>45</v>
      </c>
      <c r="FZ6" s="357" t="s">
        <v>46</v>
      </c>
      <c r="GA6" s="355" t="s">
        <v>47</v>
      </c>
      <c r="GB6" s="355" t="s">
        <v>48</v>
      </c>
      <c r="GC6" s="355" t="s">
        <v>49</v>
      </c>
      <c r="GD6" s="355" t="s">
        <v>50</v>
      </c>
      <c r="GE6" s="355" t="s">
        <v>51</v>
      </c>
      <c r="GF6" s="356" t="s">
        <v>45</v>
      </c>
      <c r="GG6" s="358" t="s">
        <v>52</v>
      </c>
      <c r="GH6" s="354" t="s">
        <v>43</v>
      </c>
      <c r="GI6" s="355" t="s">
        <v>44</v>
      </c>
      <c r="GJ6" s="356" t="s">
        <v>45</v>
      </c>
      <c r="GK6" s="357" t="s">
        <v>46</v>
      </c>
      <c r="GL6" s="355" t="s">
        <v>47</v>
      </c>
      <c r="GM6" s="355" t="s">
        <v>48</v>
      </c>
      <c r="GN6" s="355" t="s">
        <v>49</v>
      </c>
      <c r="GO6" s="355" t="s">
        <v>50</v>
      </c>
      <c r="GP6" s="355" t="s">
        <v>51</v>
      </c>
      <c r="GQ6" s="356" t="s">
        <v>45</v>
      </c>
      <c r="GR6" s="358" t="s">
        <v>52</v>
      </c>
      <c r="GS6" s="51" t="s">
        <v>43</v>
      </c>
      <c r="GT6" s="47" t="s">
        <v>44</v>
      </c>
      <c r="GU6" s="48" t="s">
        <v>45</v>
      </c>
      <c r="GV6" s="52" t="s">
        <v>46</v>
      </c>
      <c r="GW6" s="47" t="s">
        <v>47</v>
      </c>
      <c r="GX6" s="47" t="s">
        <v>48</v>
      </c>
      <c r="GY6" s="47" t="s">
        <v>49</v>
      </c>
      <c r="GZ6" s="47" t="s">
        <v>50</v>
      </c>
      <c r="HA6" s="47" t="s">
        <v>51</v>
      </c>
      <c r="HB6" s="48" t="s">
        <v>45</v>
      </c>
      <c r="HC6" s="53" t="s">
        <v>52</v>
      </c>
      <c r="HD6" s="354" t="s">
        <v>43</v>
      </c>
      <c r="HE6" s="355" t="s">
        <v>44</v>
      </c>
      <c r="HF6" s="356" t="s">
        <v>45</v>
      </c>
      <c r="HG6" s="357" t="s">
        <v>46</v>
      </c>
      <c r="HH6" s="355" t="s">
        <v>47</v>
      </c>
      <c r="HI6" s="355" t="s">
        <v>48</v>
      </c>
      <c r="HJ6" s="355" t="s">
        <v>49</v>
      </c>
      <c r="HK6" s="355" t="s">
        <v>50</v>
      </c>
      <c r="HL6" s="355" t="s">
        <v>51</v>
      </c>
      <c r="HM6" s="356" t="s">
        <v>45</v>
      </c>
      <c r="HN6" s="358" t="s">
        <v>52</v>
      </c>
      <c r="HO6" s="354" t="s">
        <v>43</v>
      </c>
      <c r="HP6" s="355" t="s">
        <v>44</v>
      </c>
      <c r="HQ6" s="356" t="s">
        <v>45</v>
      </c>
      <c r="HR6" s="357" t="s">
        <v>46</v>
      </c>
      <c r="HS6" s="355" t="s">
        <v>47</v>
      </c>
      <c r="HT6" s="355" t="s">
        <v>48</v>
      </c>
      <c r="HU6" s="355" t="s">
        <v>49</v>
      </c>
      <c r="HV6" s="355" t="s">
        <v>50</v>
      </c>
      <c r="HW6" s="355" t="s">
        <v>51</v>
      </c>
      <c r="HX6" s="356" t="s">
        <v>45</v>
      </c>
      <c r="HY6" s="358" t="s">
        <v>52</v>
      </c>
      <c r="HZ6" s="354" t="s">
        <v>43</v>
      </c>
      <c r="IA6" s="355" t="s">
        <v>44</v>
      </c>
      <c r="IB6" s="356" t="s">
        <v>45</v>
      </c>
      <c r="IC6" s="357" t="s">
        <v>46</v>
      </c>
      <c r="ID6" s="355" t="s">
        <v>47</v>
      </c>
      <c r="IE6" s="355" t="s">
        <v>48</v>
      </c>
      <c r="IF6" s="355" t="s">
        <v>49</v>
      </c>
      <c r="IG6" s="355" t="s">
        <v>50</v>
      </c>
      <c r="IH6" s="355" t="s">
        <v>51</v>
      </c>
      <c r="II6" s="356" t="s">
        <v>45</v>
      </c>
      <c r="IJ6" s="358" t="s">
        <v>52</v>
      </c>
      <c r="IK6" s="354" t="s">
        <v>43</v>
      </c>
      <c r="IL6" s="355" t="s">
        <v>44</v>
      </c>
      <c r="IM6" s="356" t="s">
        <v>45</v>
      </c>
      <c r="IN6" s="357" t="s">
        <v>46</v>
      </c>
      <c r="IO6" s="355" t="s">
        <v>47</v>
      </c>
      <c r="IP6" s="355" t="s">
        <v>48</v>
      </c>
      <c r="IQ6" s="355" t="s">
        <v>49</v>
      </c>
      <c r="IR6" s="355" t="s">
        <v>50</v>
      </c>
      <c r="IS6" s="355" t="s">
        <v>51</v>
      </c>
      <c r="IT6" s="356" t="s">
        <v>45</v>
      </c>
      <c r="IU6" s="358" t="s">
        <v>52</v>
      </c>
      <c r="IV6" s="354" t="s">
        <v>43</v>
      </c>
      <c r="IW6" s="355" t="s">
        <v>44</v>
      </c>
      <c r="IX6" s="356" t="s">
        <v>45</v>
      </c>
      <c r="IY6" s="357" t="s">
        <v>46</v>
      </c>
      <c r="IZ6" s="355" t="s">
        <v>47</v>
      </c>
      <c r="JA6" s="355" t="s">
        <v>48</v>
      </c>
      <c r="JB6" s="355" t="s">
        <v>49</v>
      </c>
      <c r="JC6" s="355" t="s">
        <v>50</v>
      </c>
      <c r="JD6" s="355" t="s">
        <v>51</v>
      </c>
      <c r="JE6" s="356" t="s">
        <v>45</v>
      </c>
      <c r="JF6" s="358" t="s">
        <v>52</v>
      </c>
      <c r="JG6" s="354" t="s">
        <v>43</v>
      </c>
      <c r="JH6" s="355" t="s">
        <v>44</v>
      </c>
      <c r="JI6" s="356" t="s">
        <v>45</v>
      </c>
      <c r="JJ6" s="357" t="s">
        <v>46</v>
      </c>
      <c r="JK6" s="355" t="s">
        <v>47</v>
      </c>
      <c r="JL6" s="355" t="s">
        <v>48</v>
      </c>
      <c r="JM6" s="355" t="s">
        <v>49</v>
      </c>
      <c r="JN6" s="355" t="s">
        <v>50</v>
      </c>
      <c r="JO6" s="355" t="s">
        <v>51</v>
      </c>
      <c r="JP6" s="356" t="s">
        <v>45</v>
      </c>
      <c r="JQ6" s="358" t="s">
        <v>52</v>
      </c>
      <c r="JR6" s="354" t="s">
        <v>43</v>
      </c>
      <c r="JS6" s="355" t="s">
        <v>44</v>
      </c>
      <c r="JT6" s="356" t="s">
        <v>45</v>
      </c>
      <c r="JU6" s="357" t="s">
        <v>46</v>
      </c>
      <c r="JV6" s="355" t="s">
        <v>47</v>
      </c>
      <c r="JW6" s="355" t="s">
        <v>48</v>
      </c>
      <c r="JX6" s="355" t="s">
        <v>49</v>
      </c>
      <c r="JY6" s="355" t="s">
        <v>50</v>
      </c>
      <c r="JZ6" s="355" t="s">
        <v>51</v>
      </c>
      <c r="KA6" s="356" t="s">
        <v>45</v>
      </c>
      <c r="KB6" s="358" t="s">
        <v>52</v>
      </c>
      <c r="KC6" s="354" t="s">
        <v>43</v>
      </c>
      <c r="KD6" s="355" t="s">
        <v>44</v>
      </c>
      <c r="KE6" s="356" t="s">
        <v>45</v>
      </c>
      <c r="KF6" s="357" t="s">
        <v>46</v>
      </c>
      <c r="KG6" s="355" t="s">
        <v>47</v>
      </c>
      <c r="KH6" s="355" t="s">
        <v>48</v>
      </c>
      <c r="KI6" s="355" t="s">
        <v>49</v>
      </c>
      <c r="KJ6" s="355" t="s">
        <v>50</v>
      </c>
      <c r="KK6" s="355" t="s">
        <v>51</v>
      </c>
      <c r="KL6" s="356" t="s">
        <v>45</v>
      </c>
      <c r="KM6" s="358" t="s">
        <v>52</v>
      </c>
    </row>
    <row r="7" spans="2:299" ht="21" customHeight="1" x14ac:dyDescent="0.2">
      <c r="B7" s="125" t="s">
        <v>4</v>
      </c>
      <c r="C7" s="312">
        <v>4282</v>
      </c>
      <c r="D7" s="78">
        <v>4072</v>
      </c>
      <c r="E7" s="79">
        <v>8354</v>
      </c>
      <c r="F7" s="240"/>
      <c r="G7" s="78">
        <v>5881</v>
      </c>
      <c r="H7" s="78">
        <v>5204</v>
      </c>
      <c r="I7" s="78">
        <v>3512</v>
      </c>
      <c r="J7" s="78">
        <v>2900</v>
      </c>
      <c r="K7" s="78">
        <v>1660</v>
      </c>
      <c r="L7" s="80">
        <v>19157</v>
      </c>
      <c r="M7" s="81">
        <v>27511</v>
      </c>
      <c r="N7" s="66">
        <v>49</v>
      </c>
      <c r="O7" s="67">
        <v>68</v>
      </c>
      <c r="P7" s="68">
        <v>117</v>
      </c>
      <c r="Q7" s="243"/>
      <c r="R7" s="67">
        <v>86</v>
      </c>
      <c r="S7" s="67">
        <v>110</v>
      </c>
      <c r="T7" s="67">
        <v>59</v>
      </c>
      <c r="U7" s="67">
        <v>44</v>
      </c>
      <c r="V7" s="67">
        <v>35</v>
      </c>
      <c r="W7" s="68">
        <v>334</v>
      </c>
      <c r="X7" s="69">
        <v>451</v>
      </c>
      <c r="Y7" s="66">
        <v>173</v>
      </c>
      <c r="Z7" s="67">
        <v>187</v>
      </c>
      <c r="AA7" s="68">
        <v>360</v>
      </c>
      <c r="AB7" s="243"/>
      <c r="AC7" s="67">
        <v>252</v>
      </c>
      <c r="AD7" s="67">
        <v>247</v>
      </c>
      <c r="AE7" s="67">
        <v>155</v>
      </c>
      <c r="AF7" s="67">
        <v>135</v>
      </c>
      <c r="AG7" s="67">
        <v>100</v>
      </c>
      <c r="AH7" s="68">
        <v>889</v>
      </c>
      <c r="AI7" s="69">
        <v>1249</v>
      </c>
      <c r="AJ7" s="66">
        <v>367</v>
      </c>
      <c r="AK7" s="67">
        <v>364</v>
      </c>
      <c r="AL7" s="68">
        <v>731</v>
      </c>
      <c r="AM7" s="243"/>
      <c r="AN7" s="67">
        <v>428</v>
      </c>
      <c r="AO7" s="67">
        <v>392</v>
      </c>
      <c r="AP7" s="67">
        <v>285</v>
      </c>
      <c r="AQ7" s="67">
        <v>233</v>
      </c>
      <c r="AR7" s="67">
        <v>154</v>
      </c>
      <c r="AS7" s="68">
        <v>1492</v>
      </c>
      <c r="AT7" s="69">
        <v>2223</v>
      </c>
      <c r="AU7" s="66">
        <v>817</v>
      </c>
      <c r="AV7" s="67">
        <v>759</v>
      </c>
      <c r="AW7" s="68">
        <v>1576</v>
      </c>
      <c r="AX7" s="243"/>
      <c r="AY7" s="67">
        <v>1144</v>
      </c>
      <c r="AZ7" s="67">
        <v>934</v>
      </c>
      <c r="BA7" s="67">
        <v>550</v>
      </c>
      <c r="BB7" s="67">
        <v>451</v>
      </c>
      <c r="BC7" s="67">
        <v>294</v>
      </c>
      <c r="BD7" s="68">
        <v>3373</v>
      </c>
      <c r="BE7" s="69">
        <v>4949</v>
      </c>
      <c r="BF7" s="66">
        <v>1549</v>
      </c>
      <c r="BG7" s="67">
        <v>1365</v>
      </c>
      <c r="BH7" s="68">
        <v>2914</v>
      </c>
      <c r="BI7" s="243"/>
      <c r="BJ7" s="67">
        <v>1974</v>
      </c>
      <c r="BK7" s="67">
        <v>1571</v>
      </c>
      <c r="BL7" s="67">
        <v>1050</v>
      </c>
      <c r="BM7" s="67">
        <v>857</v>
      </c>
      <c r="BN7" s="67">
        <v>490</v>
      </c>
      <c r="BO7" s="68">
        <v>5942</v>
      </c>
      <c r="BP7" s="69">
        <v>8856</v>
      </c>
      <c r="BQ7" s="66">
        <v>1327</v>
      </c>
      <c r="BR7" s="67">
        <v>1329</v>
      </c>
      <c r="BS7" s="68">
        <v>2656</v>
      </c>
      <c r="BT7" s="243"/>
      <c r="BU7" s="67">
        <v>1997</v>
      </c>
      <c r="BV7" s="67">
        <v>1950</v>
      </c>
      <c r="BW7" s="67">
        <v>1413</v>
      </c>
      <c r="BX7" s="67">
        <v>1180</v>
      </c>
      <c r="BY7" s="67">
        <v>587</v>
      </c>
      <c r="BZ7" s="68">
        <v>7127</v>
      </c>
      <c r="CA7" s="69">
        <v>9783</v>
      </c>
      <c r="CB7" s="66">
        <v>0</v>
      </c>
      <c r="CC7" s="67">
        <v>0</v>
      </c>
      <c r="CD7" s="68">
        <v>0</v>
      </c>
      <c r="CE7" s="243"/>
      <c r="CF7" s="67">
        <v>0</v>
      </c>
      <c r="CG7" s="67">
        <v>0</v>
      </c>
      <c r="CH7" s="67">
        <v>0</v>
      </c>
      <c r="CI7" s="67">
        <v>0</v>
      </c>
      <c r="CJ7" s="67">
        <v>0</v>
      </c>
      <c r="CK7" s="68">
        <v>0</v>
      </c>
      <c r="CL7" s="69">
        <v>0</v>
      </c>
      <c r="CM7" s="66">
        <v>4282</v>
      </c>
      <c r="CN7" s="67">
        <v>4072</v>
      </c>
      <c r="CO7" s="68">
        <v>8354</v>
      </c>
      <c r="CP7" s="243"/>
      <c r="CQ7" s="67">
        <v>5881</v>
      </c>
      <c r="CR7" s="67">
        <v>5204</v>
      </c>
      <c r="CS7" s="67">
        <v>3512</v>
      </c>
      <c r="CT7" s="67">
        <v>2900</v>
      </c>
      <c r="CU7" s="67">
        <v>1660</v>
      </c>
      <c r="CV7" s="68">
        <v>19157</v>
      </c>
      <c r="CW7" s="69">
        <v>27511</v>
      </c>
      <c r="CX7" s="122">
        <v>626</v>
      </c>
      <c r="CY7" s="78">
        <v>654</v>
      </c>
      <c r="CZ7" s="79">
        <v>1280</v>
      </c>
      <c r="DA7" s="240"/>
      <c r="DB7" s="78">
        <v>820</v>
      </c>
      <c r="DC7" s="78">
        <v>755</v>
      </c>
      <c r="DD7" s="78">
        <v>526</v>
      </c>
      <c r="DE7" s="78">
        <v>553</v>
      </c>
      <c r="DF7" s="78">
        <v>359</v>
      </c>
      <c r="DG7" s="80">
        <v>3013</v>
      </c>
      <c r="DH7" s="81">
        <v>4293</v>
      </c>
      <c r="DI7" s="66">
        <v>15</v>
      </c>
      <c r="DJ7" s="67">
        <v>14</v>
      </c>
      <c r="DK7" s="68">
        <v>29</v>
      </c>
      <c r="DL7" s="243"/>
      <c r="DM7" s="67">
        <v>16</v>
      </c>
      <c r="DN7" s="67">
        <v>13</v>
      </c>
      <c r="DO7" s="67">
        <v>5</v>
      </c>
      <c r="DP7" s="67">
        <v>11</v>
      </c>
      <c r="DQ7" s="67">
        <v>6</v>
      </c>
      <c r="DR7" s="68">
        <v>51</v>
      </c>
      <c r="DS7" s="69">
        <v>80</v>
      </c>
      <c r="DT7" s="66">
        <v>42</v>
      </c>
      <c r="DU7" s="67">
        <v>50</v>
      </c>
      <c r="DV7" s="68">
        <v>92</v>
      </c>
      <c r="DW7" s="243"/>
      <c r="DX7" s="67">
        <v>30</v>
      </c>
      <c r="DY7" s="67">
        <v>26</v>
      </c>
      <c r="DZ7" s="67">
        <v>19</v>
      </c>
      <c r="EA7" s="67">
        <v>22</v>
      </c>
      <c r="EB7" s="67">
        <v>9</v>
      </c>
      <c r="EC7" s="68">
        <v>106</v>
      </c>
      <c r="ED7" s="69">
        <v>198</v>
      </c>
      <c r="EE7" s="66">
        <v>83</v>
      </c>
      <c r="EF7" s="67">
        <v>77</v>
      </c>
      <c r="EG7" s="68">
        <v>160</v>
      </c>
      <c r="EH7" s="243"/>
      <c r="EI7" s="67">
        <v>72</v>
      </c>
      <c r="EJ7" s="67">
        <v>66</v>
      </c>
      <c r="EK7" s="67">
        <v>45</v>
      </c>
      <c r="EL7" s="67">
        <v>17</v>
      </c>
      <c r="EM7" s="67">
        <v>22</v>
      </c>
      <c r="EN7" s="68">
        <v>222</v>
      </c>
      <c r="EO7" s="69">
        <v>382</v>
      </c>
      <c r="EP7" s="66">
        <v>166</v>
      </c>
      <c r="EQ7" s="67">
        <v>144</v>
      </c>
      <c r="ER7" s="68">
        <v>310</v>
      </c>
      <c r="ES7" s="243"/>
      <c r="ET7" s="67">
        <v>163</v>
      </c>
      <c r="EU7" s="67">
        <v>103</v>
      </c>
      <c r="EV7" s="67">
        <v>71</v>
      </c>
      <c r="EW7" s="67">
        <v>59</v>
      </c>
      <c r="EX7" s="67">
        <v>40</v>
      </c>
      <c r="EY7" s="68">
        <v>436</v>
      </c>
      <c r="EZ7" s="69">
        <v>746</v>
      </c>
      <c r="FA7" s="66">
        <v>179</v>
      </c>
      <c r="FB7" s="67">
        <v>206</v>
      </c>
      <c r="FC7" s="68">
        <v>385</v>
      </c>
      <c r="FD7" s="243"/>
      <c r="FE7" s="67">
        <v>256</v>
      </c>
      <c r="FF7" s="67">
        <v>221</v>
      </c>
      <c r="FG7" s="67">
        <v>129</v>
      </c>
      <c r="FH7" s="67">
        <v>127</v>
      </c>
      <c r="FI7" s="67">
        <v>99</v>
      </c>
      <c r="FJ7" s="68">
        <v>832</v>
      </c>
      <c r="FK7" s="69">
        <v>1217</v>
      </c>
      <c r="FL7" s="66">
        <v>141</v>
      </c>
      <c r="FM7" s="67">
        <v>163</v>
      </c>
      <c r="FN7" s="68">
        <v>304</v>
      </c>
      <c r="FO7" s="243"/>
      <c r="FP7" s="67">
        <v>283</v>
      </c>
      <c r="FQ7" s="67">
        <v>326</v>
      </c>
      <c r="FR7" s="67">
        <v>257</v>
      </c>
      <c r="FS7" s="67">
        <v>317</v>
      </c>
      <c r="FT7" s="67">
        <v>183</v>
      </c>
      <c r="FU7" s="68">
        <v>1366</v>
      </c>
      <c r="FV7" s="69">
        <v>1670</v>
      </c>
      <c r="FW7" s="66">
        <v>0</v>
      </c>
      <c r="FX7" s="67">
        <v>0</v>
      </c>
      <c r="FY7" s="68">
        <v>0</v>
      </c>
      <c r="FZ7" s="243"/>
      <c r="GA7" s="67">
        <v>0</v>
      </c>
      <c r="GB7" s="67">
        <v>0</v>
      </c>
      <c r="GC7" s="67">
        <v>0</v>
      </c>
      <c r="GD7" s="67">
        <v>0</v>
      </c>
      <c r="GE7" s="67">
        <v>0</v>
      </c>
      <c r="GF7" s="68">
        <v>0</v>
      </c>
      <c r="GG7" s="69">
        <v>0</v>
      </c>
      <c r="GH7" s="66">
        <v>626</v>
      </c>
      <c r="GI7" s="67">
        <v>654</v>
      </c>
      <c r="GJ7" s="68">
        <v>1280</v>
      </c>
      <c r="GK7" s="243"/>
      <c r="GL7" s="67">
        <v>820</v>
      </c>
      <c r="GM7" s="67">
        <v>755</v>
      </c>
      <c r="GN7" s="67">
        <v>526</v>
      </c>
      <c r="GO7" s="67">
        <v>553</v>
      </c>
      <c r="GP7" s="67">
        <v>359</v>
      </c>
      <c r="GQ7" s="68">
        <v>3013</v>
      </c>
      <c r="GR7" s="69">
        <v>4293</v>
      </c>
      <c r="GS7" s="122">
        <v>4908</v>
      </c>
      <c r="GT7" s="78">
        <v>4726</v>
      </c>
      <c r="GU7" s="79">
        <v>9634</v>
      </c>
      <c r="GV7" s="240"/>
      <c r="GW7" s="78">
        <v>6701</v>
      </c>
      <c r="GX7" s="78">
        <v>5959</v>
      </c>
      <c r="GY7" s="78">
        <v>4038</v>
      </c>
      <c r="GZ7" s="78">
        <v>3453</v>
      </c>
      <c r="HA7" s="78">
        <v>2019</v>
      </c>
      <c r="HB7" s="80">
        <v>22170</v>
      </c>
      <c r="HC7" s="81">
        <v>31804</v>
      </c>
      <c r="HD7" s="66">
        <v>64</v>
      </c>
      <c r="HE7" s="67">
        <v>82</v>
      </c>
      <c r="HF7" s="68">
        <v>146</v>
      </c>
      <c r="HG7" s="243"/>
      <c r="HH7" s="67">
        <v>102</v>
      </c>
      <c r="HI7" s="67">
        <v>123</v>
      </c>
      <c r="HJ7" s="67">
        <v>64</v>
      </c>
      <c r="HK7" s="67">
        <v>55</v>
      </c>
      <c r="HL7" s="67">
        <v>41</v>
      </c>
      <c r="HM7" s="68">
        <v>385</v>
      </c>
      <c r="HN7" s="69">
        <v>531</v>
      </c>
      <c r="HO7" s="66">
        <v>215</v>
      </c>
      <c r="HP7" s="67">
        <v>237</v>
      </c>
      <c r="HQ7" s="68">
        <v>452</v>
      </c>
      <c r="HR7" s="243"/>
      <c r="HS7" s="67">
        <v>282</v>
      </c>
      <c r="HT7" s="67">
        <v>273</v>
      </c>
      <c r="HU7" s="67">
        <v>174</v>
      </c>
      <c r="HV7" s="67">
        <v>157</v>
      </c>
      <c r="HW7" s="67">
        <v>109</v>
      </c>
      <c r="HX7" s="68">
        <v>995</v>
      </c>
      <c r="HY7" s="69">
        <v>1447</v>
      </c>
      <c r="HZ7" s="66">
        <v>450</v>
      </c>
      <c r="IA7" s="67">
        <v>441</v>
      </c>
      <c r="IB7" s="68">
        <v>891</v>
      </c>
      <c r="IC7" s="243"/>
      <c r="ID7" s="67">
        <v>500</v>
      </c>
      <c r="IE7" s="67">
        <v>458</v>
      </c>
      <c r="IF7" s="67">
        <v>330</v>
      </c>
      <c r="IG7" s="67">
        <v>250</v>
      </c>
      <c r="IH7" s="67">
        <v>176</v>
      </c>
      <c r="II7" s="68">
        <v>1714</v>
      </c>
      <c r="IJ7" s="69">
        <v>2605</v>
      </c>
      <c r="IK7" s="66">
        <v>983</v>
      </c>
      <c r="IL7" s="67">
        <v>903</v>
      </c>
      <c r="IM7" s="68">
        <v>1886</v>
      </c>
      <c r="IN7" s="243"/>
      <c r="IO7" s="67">
        <v>1307</v>
      </c>
      <c r="IP7" s="67">
        <v>1037</v>
      </c>
      <c r="IQ7" s="67">
        <v>621</v>
      </c>
      <c r="IR7" s="67">
        <v>510</v>
      </c>
      <c r="IS7" s="67">
        <v>334</v>
      </c>
      <c r="IT7" s="68">
        <v>3809</v>
      </c>
      <c r="IU7" s="69">
        <v>5695</v>
      </c>
      <c r="IV7" s="66">
        <v>1728</v>
      </c>
      <c r="IW7" s="67">
        <v>1571</v>
      </c>
      <c r="IX7" s="68">
        <v>3299</v>
      </c>
      <c r="IY7" s="243"/>
      <c r="IZ7" s="67">
        <v>2230</v>
      </c>
      <c r="JA7" s="67">
        <v>1792</v>
      </c>
      <c r="JB7" s="67">
        <v>1179</v>
      </c>
      <c r="JC7" s="67">
        <v>984</v>
      </c>
      <c r="JD7" s="67">
        <v>589</v>
      </c>
      <c r="JE7" s="68">
        <v>6774</v>
      </c>
      <c r="JF7" s="69">
        <v>10073</v>
      </c>
      <c r="JG7" s="66">
        <v>1468</v>
      </c>
      <c r="JH7" s="67">
        <v>1492</v>
      </c>
      <c r="JI7" s="68">
        <v>2960</v>
      </c>
      <c r="JJ7" s="243"/>
      <c r="JK7" s="67">
        <v>2280</v>
      </c>
      <c r="JL7" s="67">
        <v>2276</v>
      </c>
      <c r="JM7" s="67">
        <v>1670</v>
      </c>
      <c r="JN7" s="67">
        <v>1497</v>
      </c>
      <c r="JO7" s="67">
        <v>770</v>
      </c>
      <c r="JP7" s="68">
        <v>8493</v>
      </c>
      <c r="JQ7" s="69">
        <v>11453</v>
      </c>
      <c r="JR7" s="66">
        <v>0</v>
      </c>
      <c r="JS7" s="67">
        <v>0</v>
      </c>
      <c r="JT7" s="68">
        <v>0</v>
      </c>
      <c r="JU7" s="243"/>
      <c r="JV7" s="67">
        <v>0</v>
      </c>
      <c r="JW7" s="67">
        <v>0</v>
      </c>
      <c r="JX7" s="67">
        <v>0</v>
      </c>
      <c r="JY7" s="67">
        <v>0</v>
      </c>
      <c r="JZ7" s="67">
        <v>0</v>
      </c>
      <c r="KA7" s="68">
        <v>0</v>
      </c>
      <c r="KB7" s="69">
        <v>0</v>
      </c>
      <c r="KC7" s="66">
        <v>4908</v>
      </c>
      <c r="KD7" s="67">
        <v>4726</v>
      </c>
      <c r="KE7" s="68">
        <v>9634</v>
      </c>
      <c r="KF7" s="243"/>
      <c r="KG7" s="67">
        <v>6701</v>
      </c>
      <c r="KH7" s="67">
        <v>5959</v>
      </c>
      <c r="KI7" s="67">
        <v>4038</v>
      </c>
      <c r="KJ7" s="67">
        <v>3453</v>
      </c>
      <c r="KK7" s="67">
        <v>2019</v>
      </c>
      <c r="KL7" s="68">
        <v>22170</v>
      </c>
      <c r="KM7" s="69">
        <v>31804</v>
      </c>
    </row>
    <row r="8" spans="2:299" ht="21" customHeight="1" x14ac:dyDescent="0.2">
      <c r="B8" s="126" t="s">
        <v>5</v>
      </c>
      <c r="C8" s="313">
        <v>1828</v>
      </c>
      <c r="D8" s="82">
        <v>2046</v>
      </c>
      <c r="E8" s="83">
        <v>3874</v>
      </c>
      <c r="F8" s="241"/>
      <c r="G8" s="82">
        <v>2193</v>
      </c>
      <c r="H8" s="82">
        <v>2399</v>
      </c>
      <c r="I8" s="82">
        <v>1603</v>
      </c>
      <c r="J8" s="82">
        <v>1247</v>
      </c>
      <c r="K8" s="82">
        <v>748</v>
      </c>
      <c r="L8" s="84">
        <v>8190</v>
      </c>
      <c r="M8" s="85">
        <v>12064</v>
      </c>
      <c r="N8" s="70">
        <v>16</v>
      </c>
      <c r="O8" s="71">
        <v>33</v>
      </c>
      <c r="P8" s="72">
        <v>49</v>
      </c>
      <c r="Q8" s="244"/>
      <c r="R8" s="71">
        <v>32</v>
      </c>
      <c r="S8" s="71">
        <v>48</v>
      </c>
      <c r="T8" s="71">
        <v>24</v>
      </c>
      <c r="U8" s="71">
        <v>25</v>
      </c>
      <c r="V8" s="71">
        <v>19</v>
      </c>
      <c r="W8" s="72">
        <v>148</v>
      </c>
      <c r="X8" s="73">
        <v>197</v>
      </c>
      <c r="Y8" s="70">
        <v>68</v>
      </c>
      <c r="Z8" s="71">
        <v>91</v>
      </c>
      <c r="AA8" s="72">
        <v>159</v>
      </c>
      <c r="AB8" s="244"/>
      <c r="AC8" s="71">
        <v>82</v>
      </c>
      <c r="AD8" s="71">
        <v>119</v>
      </c>
      <c r="AE8" s="71">
        <v>72</v>
      </c>
      <c r="AF8" s="71">
        <v>53</v>
      </c>
      <c r="AG8" s="71">
        <v>49</v>
      </c>
      <c r="AH8" s="72">
        <v>375</v>
      </c>
      <c r="AI8" s="73">
        <v>534</v>
      </c>
      <c r="AJ8" s="70">
        <v>149</v>
      </c>
      <c r="AK8" s="71">
        <v>178</v>
      </c>
      <c r="AL8" s="72">
        <v>327</v>
      </c>
      <c r="AM8" s="244"/>
      <c r="AN8" s="71">
        <v>152</v>
      </c>
      <c r="AO8" s="71">
        <v>161</v>
      </c>
      <c r="AP8" s="71">
        <v>119</v>
      </c>
      <c r="AQ8" s="71">
        <v>80</v>
      </c>
      <c r="AR8" s="71">
        <v>66</v>
      </c>
      <c r="AS8" s="72">
        <v>578</v>
      </c>
      <c r="AT8" s="73">
        <v>905</v>
      </c>
      <c r="AU8" s="70">
        <v>333</v>
      </c>
      <c r="AV8" s="71">
        <v>364</v>
      </c>
      <c r="AW8" s="72">
        <v>697</v>
      </c>
      <c r="AX8" s="244"/>
      <c r="AY8" s="71">
        <v>397</v>
      </c>
      <c r="AZ8" s="71">
        <v>390</v>
      </c>
      <c r="BA8" s="71">
        <v>237</v>
      </c>
      <c r="BB8" s="71">
        <v>201</v>
      </c>
      <c r="BC8" s="71">
        <v>116</v>
      </c>
      <c r="BD8" s="72">
        <v>1341</v>
      </c>
      <c r="BE8" s="73">
        <v>2038</v>
      </c>
      <c r="BF8" s="70">
        <v>674</v>
      </c>
      <c r="BG8" s="71">
        <v>684</v>
      </c>
      <c r="BH8" s="72">
        <v>1358</v>
      </c>
      <c r="BI8" s="244"/>
      <c r="BJ8" s="71">
        <v>800</v>
      </c>
      <c r="BK8" s="71">
        <v>739</v>
      </c>
      <c r="BL8" s="71">
        <v>486</v>
      </c>
      <c r="BM8" s="71">
        <v>371</v>
      </c>
      <c r="BN8" s="71">
        <v>212</v>
      </c>
      <c r="BO8" s="72">
        <v>2608</v>
      </c>
      <c r="BP8" s="73">
        <v>3966</v>
      </c>
      <c r="BQ8" s="70">
        <v>588</v>
      </c>
      <c r="BR8" s="71">
        <v>696</v>
      </c>
      <c r="BS8" s="72">
        <v>1284</v>
      </c>
      <c r="BT8" s="244"/>
      <c r="BU8" s="71">
        <v>730</v>
      </c>
      <c r="BV8" s="71">
        <v>942</v>
      </c>
      <c r="BW8" s="71">
        <v>665</v>
      </c>
      <c r="BX8" s="71">
        <v>517</v>
      </c>
      <c r="BY8" s="71">
        <v>286</v>
      </c>
      <c r="BZ8" s="72">
        <v>3140</v>
      </c>
      <c r="CA8" s="73">
        <v>4424</v>
      </c>
      <c r="CB8" s="70">
        <v>0</v>
      </c>
      <c r="CC8" s="71">
        <v>0</v>
      </c>
      <c r="CD8" s="72">
        <v>0</v>
      </c>
      <c r="CE8" s="244"/>
      <c r="CF8" s="71">
        <v>0</v>
      </c>
      <c r="CG8" s="71">
        <v>0</v>
      </c>
      <c r="CH8" s="71">
        <v>0</v>
      </c>
      <c r="CI8" s="71">
        <v>0</v>
      </c>
      <c r="CJ8" s="71">
        <v>0</v>
      </c>
      <c r="CK8" s="72">
        <v>0</v>
      </c>
      <c r="CL8" s="73">
        <v>0</v>
      </c>
      <c r="CM8" s="70">
        <v>1828</v>
      </c>
      <c r="CN8" s="71">
        <v>2046</v>
      </c>
      <c r="CO8" s="72">
        <v>3874</v>
      </c>
      <c r="CP8" s="244"/>
      <c r="CQ8" s="71">
        <v>2193</v>
      </c>
      <c r="CR8" s="71">
        <v>2399</v>
      </c>
      <c r="CS8" s="71">
        <v>1603</v>
      </c>
      <c r="CT8" s="71">
        <v>1247</v>
      </c>
      <c r="CU8" s="71">
        <v>748</v>
      </c>
      <c r="CV8" s="72">
        <v>8190</v>
      </c>
      <c r="CW8" s="73">
        <v>12064</v>
      </c>
      <c r="CX8" s="123">
        <v>253</v>
      </c>
      <c r="CY8" s="82">
        <v>322</v>
      </c>
      <c r="CZ8" s="83">
        <v>575</v>
      </c>
      <c r="DA8" s="241"/>
      <c r="DB8" s="82">
        <v>302</v>
      </c>
      <c r="DC8" s="82">
        <v>360</v>
      </c>
      <c r="DD8" s="82">
        <v>224</v>
      </c>
      <c r="DE8" s="82">
        <v>242</v>
      </c>
      <c r="DF8" s="82">
        <v>168</v>
      </c>
      <c r="DG8" s="84">
        <v>1296</v>
      </c>
      <c r="DH8" s="85">
        <v>1871</v>
      </c>
      <c r="DI8" s="70">
        <v>8</v>
      </c>
      <c r="DJ8" s="71">
        <v>7</v>
      </c>
      <c r="DK8" s="72">
        <v>15</v>
      </c>
      <c r="DL8" s="244"/>
      <c r="DM8" s="71">
        <v>6</v>
      </c>
      <c r="DN8" s="71">
        <v>7</v>
      </c>
      <c r="DO8" s="71">
        <v>3</v>
      </c>
      <c r="DP8" s="71">
        <v>4</v>
      </c>
      <c r="DQ8" s="71">
        <v>2</v>
      </c>
      <c r="DR8" s="72">
        <v>22</v>
      </c>
      <c r="DS8" s="73">
        <v>37</v>
      </c>
      <c r="DT8" s="70">
        <v>16</v>
      </c>
      <c r="DU8" s="71">
        <v>26</v>
      </c>
      <c r="DV8" s="72">
        <v>42</v>
      </c>
      <c r="DW8" s="244"/>
      <c r="DX8" s="71">
        <v>10</v>
      </c>
      <c r="DY8" s="71">
        <v>11</v>
      </c>
      <c r="DZ8" s="71">
        <v>9</v>
      </c>
      <c r="EA8" s="71">
        <v>8</v>
      </c>
      <c r="EB8" s="71">
        <v>6</v>
      </c>
      <c r="EC8" s="72">
        <v>44</v>
      </c>
      <c r="ED8" s="73">
        <v>86</v>
      </c>
      <c r="EE8" s="70">
        <v>31</v>
      </c>
      <c r="EF8" s="71">
        <v>46</v>
      </c>
      <c r="EG8" s="72">
        <v>77</v>
      </c>
      <c r="EH8" s="244"/>
      <c r="EI8" s="71">
        <v>27</v>
      </c>
      <c r="EJ8" s="71">
        <v>32</v>
      </c>
      <c r="EK8" s="71">
        <v>17</v>
      </c>
      <c r="EL8" s="71">
        <v>7</v>
      </c>
      <c r="EM8" s="71">
        <v>11</v>
      </c>
      <c r="EN8" s="72">
        <v>94</v>
      </c>
      <c r="EO8" s="73">
        <v>171</v>
      </c>
      <c r="EP8" s="70">
        <v>66</v>
      </c>
      <c r="EQ8" s="71">
        <v>62</v>
      </c>
      <c r="ER8" s="72">
        <v>128</v>
      </c>
      <c r="ES8" s="244"/>
      <c r="ET8" s="71">
        <v>63</v>
      </c>
      <c r="EU8" s="71">
        <v>48</v>
      </c>
      <c r="EV8" s="71">
        <v>27</v>
      </c>
      <c r="EW8" s="71">
        <v>31</v>
      </c>
      <c r="EX8" s="71">
        <v>24</v>
      </c>
      <c r="EY8" s="72">
        <v>193</v>
      </c>
      <c r="EZ8" s="73">
        <v>321</v>
      </c>
      <c r="FA8" s="70">
        <v>80</v>
      </c>
      <c r="FB8" s="71">
        <v>97</v>
      </c>
      <c r="FC8" s="72">
        <v>177</v>
      </c>
      <c r="FD8" s="244"/>
      <c r="FE8" s="71">
        <v>98</v>
      </c>
      <c r="FF8" s="71">
        <v>97</v>
      </c>
      <c r="FG8" s="71">
        <v>56</v>
      </c>
      <c r="FH8" s="71">
        <v>55</v>
      </c>
      <c r="FI8" s="71">
        <v>40</v>
      </c>
      <c r="FJ8" s="72">
        <v>346</v>
      </c>
      <c r="FK8" s="73">
        <v>523</v>
      </c>
      <c r="FL8" s="70">
        <v>52</v>
      </c>
      <c r="FM8" s="71">
        <v>84</v>
      </c>
      <c r="FN8" s="72">
        <v>136</v>
      </c>
      <c r="FO8" s="244"/>
      <c r="FP8" s="71">
        <v>98</v>
      </c>
      <c r="FQ8" s="71">
        <v>165</v>
      </c>
      <c r="FR8" s="71">
        <v>112</v>
      </c>
      <c r="FS8" s="71">
        <v>137</v>
      </c>
      <c r="FT8" s="71">
        <v>85</v>
      </c>
      <c r="FU8" s="72">
        <v>597</v>
      </c>
      <c r="FV8" s="73">
        <v>733</v>
      </c>
      <c r="FW8" s="70">
        <v>0</v>
      </c>
      <c r="FX8" s="71">
        <v>0</v>
      </c>
      <c r="FY8" s="72">
        <v>0</v>
      </c>
      <c r="FZ8" s="244"/>
      <c r="GA8" s="71">
        <v>0</v>
      </c>
      <c r="GB8" s="71">
        <v>0</v>
      </c>
      <c r="GC8" s="71">
        <v>0</v>
      </c>
      <c r="GD8" s="71">
        <v>0</v>
      </c>
      <c r="GE8" s="71">
        <v>0</v>
      </c>
      <c r="GF8" s="72">
        <v>0</v>
      </c>
      <c r="GG8" s="73">
        <v>0</v>
      </c>
      <c r="GH8" s="70">
        <v>253</v>
      </c>
      <c r="GI8" s="71">
        <v>322</v>
      </c>
      <c r="GJ8" s="72">
        <v>575</v>
      </c>
      <c r="GK8" s="244"/>
      <c r="GL8" s="71">
        <v>302</v>
      </c>
      <c r="GM8" s="71">
        <v>360</v>
      </c>
      <c r="GN8" s="71">
        <v>224</v>
      </c>
      <c r="GO8" s="71">
        <v>242</v>
      </c>
      <c r="GP8" s="71">
        <v>168</v>
      </c>
      <c r="GQ8" s="72">
        <v>1296</v>
      </c>
      <c r="GR8" s="73">
        <v>1871</v>
      </c>
      <c r="GS8" s="123">
        <v>2081</v>
      </c>
      <c r="GT8" s="82">
        <v>2368</v>
      </c>
      <c r="GU8" s="83">
        <v>4449</v>
      </c>
      <c r="GV8" s="241"/>
      <c r="GW8" s="82">
        <v>2495</v>
      </c>
      <c r="GX8" s="82">
        <v>2759</v>
      </c>
      <c r="GY8" s="82">
        <v>1827</v>
      </c>
      <c r="GZ8" s="82">
        <v>1489</v>
      </c>
      <c r="HA8" s="82">
        <v>916</v>
      </c>
      <c r="HB8" s="84">
        <v>9486</v>
      </c>
      <c r="HC8" s="85">
        <v>13935</v>
      </c>
      <c r="HD8" s="70">
        <v>24</v>
      </c>
      <c r="HE8" s="71">
        <v>40</v>
      </c>
      <c r="HF8" s="72">
        <v>64</v>
      </c>
      <c r="HG8" s="244"/>
      <c r="HH8" s="71">
        <v>38</v>
      </c>
      <c r="HI8" s="71">
        <v>55</v>
      </c>
      <c r="HJ8" s="71">
        <v>27</v>
      </c>
      <c r="HK8" s="71">
        <v>29</v>
      </c>
      <c r="HL8" s="71">
        <v>21</v>
      </c>
      <c r="HM8" s="72">
        <v>170</v>
      </c>
      <c r="HN8" s="73">
        <v>234</v>
      </c>
      <c r="HO8" s="70">
        <v>84</v>
      </c>
      <c r="HP8" s="71">
        <v>117</v>
      </c>
      <c r="HQ8" s="72">
        <v>201</v>
      </c>
      <c r="HR8" s="244"/>
      <c r="HS8" s="71">
        <v>92</v>
      </c>
      <c r="HT8" s="71">
        <v>130</v>
      </c>
      <c r="HU8" s="71">
        <v>81</v>
      </c>
      <c r="HV8" s="71">
        <v>61</v>
      </c>
      <c r="HW8" s="71">
        <v>55</v>
      </c>
      <c r="HX8" s="72">
        <v>419</v>
      </c>
      <c r="HY8" s="73">
        <v>620</v>
      </c>
      <c r="HZ8" s="70">
        <v>180</v>
      </c>
      <c r="IA8" s="71">
        <v>224</v>
      </c>
      <c r="IB8" s="72">
        <v>404</v>
      </c>
      <c r="IC8" s="244"/>
      <c r="ID8" s="71">
        <v>179</v>
      </c>
      <c r="IE8" s="71">
        <v>193</v>
      </c>
      <c r="IF8" s="71">
        <v>136</v>
      </c>
      <c r="IG8" s="71">
        <v>87</v>
      </c>
      <c r="IH8" s="71">
        <v>77</v>
      </c>
      <c r="II8" s="72">
        <v>672</v>
      </c>
      <c r="IJ8" s="73">
        <v>1076</v>
      </c>
      <c r="IK8" s="70">
        <v>399</v>
      </c>
      <c r="IL8" s="71">
        <v>426</v>
      </c>
      <c r="IM8" s="72">
        <v>825</v>
      </c>
      <c r="IN8" s="244"/>
      <c r="IO8" s="71">
        <v>460</v>
      </c>
      <c r="IP8" s="71">
        <v>438</v>
      </c>
      <c r="IQ8" s="71">
        <v>264</v>
      </c>
      <c r="IR8" s="71">
        <v>232</v>
      </c>
      <c r="IS8" s="71">
        <v>140</v>
      </c>
      <c r="IT8" s="72">
        <v>1534</v>
      </c>
      <c r="IU8" s="73">
        <v>2359</v>
      </c>
      <c r="IV8" s="70">
        <v>754</v>
      </c>
      <c r="IW8" s="71">
        <v>781</v>
      </c>
      <c r="IX8" s="72">
        <v>1535</v>
      </c>
      <c r="IY8" s="244"/>
      <c r="IZ8" s="71">
        <v>898</v>
      </c>
      <c r="JA8" s="71">
        <v>836</v>
      </c>
      <c r="JB8" s="71">
        <v>542</v>
      </c>
      <c r="JC8" s="71">
        <v>426</v>
      </c>
      <c r="JD8" s="71">
        <v>252</v>
      </c>
      <c r="JE8" s="72">
        <v>2954</v>
      </c>
      <c r="JF8" s="73">
        <v>4489</v>
      </c>
      <c r="JG8" s="70">
        <v>640</v>
      </c>
      <c r="JH8" s="71">
        <v>780</v>
      </c>
      <c r="JI8" s="72">
        <v>1420</v>
      </c>
      <c r="JJ8" s="244"/>
      <c r="JK8" s="71">
        <v>828</v>
      </c>
      <c r="JL8" s="71">
        <v>1107</v>
      </c>
      <c r="JM8" s="71">
        <v>777</v>
      </c>
      <c r="JN8" s="71">
        <v>654</v>
      </c>
      <c r="JO8" s="71">
        <v>371</v>
      </c>
      <c r="JP8" s="72">
        <v>3737</v>
      </c>
      <c r="JQ8" s="73">
        <v>5157</v>
      </c>
      <c r="JR8" s="70">
        <v>0</v>
      </c>
      <c r="JS8" s="71">
        <v>0</v>
      </c>
      <c r="JT8" s="72">
        <v>0</v>
      </c>
      <c r="JU8" s="244"/>
      <c r="JV8" s="71">
        <v>0</v>
      </c>
      <c r="JW8" s="71">
        <v>0</v>
      </c>
      <c r="JX8" s="71">
        <v>0</v>
      </c>
      <c r="JY8" s="71">
        <v>0</v>
      </c>
      <c r="JZ8" s="71">
        <v>0</v>
      </c>
      <c r="KA8" s="72">
        <v>0</v>
      </c>
      <c r="KB8" s="73">
        <v>0</v>
      </c>
      <c r="KC8" s="70">
        <v>2081</v>
      </c>
      <c r="KD8" s="71">
        <v>2368</v>
      </c>
      <c r="KE8" s="72">
        <v>4449</v>
      </c>
      <c r="KF8" s="244"/>
      <c r="KG8" s="71">
        <v>2495</v>
      </c>
      <c r="KH8" s="71">
        <v>2759</v>
      </c>
      <c r="KI8" s="71">
        <v>1827</v>
      </c>
      <c r="KJ8" s="71">
        <v>1489</v>
      </c>
      <c r="KK8" s="71">
        <v>916</v>
      </c>
      <c r="KL8" s="72">
        <v>9486</v>
      </c>
      <c r="KM8" s="73">
        <v>13935</v>
      </c>
    </row>
    <row r="9" spans="2:299" ht="21" customHeight="1" x14ac:dyDescent="0.2">
      <c r="B9" s="126" t="s">
        <v>6</v>
      </c>
      <c r="C9" s="313">
        <v>486</v>
      </c>
      <c r="D9" s="82">
        <v>367</v>
      </c>
      <c r="E9" s="83">
        <v>853</v>
      </c>
      <c r="F9" s="241"/>
      <c r="G9" s="82">
        <v>795</v>
      </c>
      <c r="H9" s="82">
        <v>562</v>
      </c>
      <c r="I9" s="82">
        <v>385</v>
      </c>
      <c r="J9" s="82">
        <v>361</v>
      </c>
      <c r="K9" s="82">
        <v>226</v>
      </c>
      <c r="L9" s="84">
        <v>2329</v>
      </c>
      <c r="M9" s="85">
        <v>3182</v>
      </c>
      <c r="N9" s="70">
        <v>8</v>
      </c>
      <c r="O9" s="71">
        <v>9</v>
      </c>
      <c r="P9" s="72">
        <v>17</v>
      </c>
      <c r="Q9" s="244"/>
      <c r="R9" s="71">
        <v>15</v>
      </c>
      <c r="S9" s="71">
        <v>13</v>
      </c>
      <c r="T9" s="71">
        <v>8</v>
      </c>
      <c r="U9" s="71">
        <v>2</v>
      </c>
      <c r="V9" s="71">
        <v>2</v>
      </c>
      <c r="W9" s="72">
        <v>40</v>
      </c>
      <c r="X9" s="73">
        <v>57</v>
      </c>
      <c r="Y9" s="70">
        <v>21</v>
      </c>
      <c r="Z9" s="71">
        <v>16</v>
      </c>
      <c r="AA9" s="72">
        <v>37</v>
      </c>
      <c r="AB9" s="244"/>
      <c r="AC9" s="71">
        <v>39</v>
      </c>
      <c r="AD9" s="71">
        <v>27</v>
      </c>
      <c r="AE9" s="71">
        <v>18</v>
      </c>
      <c r="AF9" s="71">
        <v>21</v>
      </c>
      <c r="AG9" s="71">
        <v>18</v>
      </c>
      <c r="AH9" s="72">
        <v>123</v>
      </c>
      <c r="AI9" s="73">
        <v>160</v>
      </c>
      <c r="AJ9" s="70">
        <v>40</v>
      </c>
      <c r="AK9" s="71">
        <v>42</v>
      </c>
      <c r="AL9" s="72">
        <v>82</v>
      </c>
      <c r="AM9" s="244"/>
      <c r="AN9" s="71">
        <v>64</v>
      </c>
      <c r="AO9" s="71">
        <v>36</v>
      </c>
      <c r="AP9" s="71">
        <v>32</v>
      </c>
      <c r="AQ9" s="71">
        <v>31</v>
      </c>
      <c r="AR9" s="71">
        <v>20</v>
      </c>
      <c r="AS9" s="72">
        <v>183</v>
      </c>
      <c r="AT9" s="73">
        <v>265</v>
      </c>
      <c r="AU9" s="70">
        <v>91</v>
      </c>
      <c r="AV9" s="71">
        <v>56</v>
      </c>
      <c r="AW9" s="72">
        <v>147</v>
      </c>
      <c r="AX9" s="244"/>
      <c r="AY9" s="71">
        <v>151</v>
      </c>
      <c r="AZ9" s="71">
        <v>106</v>
      </c>
      <c r="BA9" s="71">
        <v>64</v>
      </c>
      <c r="BB9" s="71">
        <v>35</v>
      </c>
      <c r="BC9" s="71">
        <v>41</v>
      </c>
      <c r="BD9" s="72">
        <v>397</v>
      </c>
      <c r="BE9" s="73">
        <v>544</v>
      </c>
      <c r="BF9" s="70">
        <v>173</v>
      </c>
      <c r="BG9" s="71">
        <v>112</v>
      </c>
      <c r="BH9" s="72">
        <v>285</v>
      </c>
      <c r="BI9" s="244"/>
      <c r="BJ9" s="71">
        <v>243</v>
      </c>
      <c r="BK9" s="71">
        <v>173</v>
      </c>
      <c r="BL9" s="71">
        <v>102</v>
      </c>
      <c r="BM9" s="71">
        <v>102</v>
      </c>
      <c r="BN9" s="71">
        <v>68</v>
      </c>
      <c r="BO9" s="72">
        <v>688</v>
      </c>
      <c r="BP9" s="73">
        <v>973</v>
      </c>
      <c r="BQ9" s="70">
        <v>153</v>
      </c>
      <c r="BR9" s="71">
        <v>132</v>
      </c>
      <c r="BS9" s="72">
        <v>285</v>
      </c>
      <c r="BT9" s="244"/>
      <c r="BU9" s="71">
        <v>283</v>
      </c>
      <c r="BV9" s="71">
        <v>207</v>
      </c>
      <c r="BW9" s="71">
        <v>161</v>
      </c>
      <c r="BX9" s="71">
        <v>170</v>
      </c>
      <c r="BY9" s="71">
        <v>77</v>
      </c>
      <c r="BZ9" s="72">
        <v>898</v>
      </c>
      <c r="CA9" s="73">
        <v>1183</v>
      </c>
      <c r="CB9" s="70">
        <v>0</v>
      </c>
      <c r="CC9" s="71">
        <v>0</v>
      </c>
      <c r="CD9" s="72">
        <v>0</v>
      </c>
      <c r="CE9" s="244"/>
      <c r="CF9" s="71">
        <v>0</v>
      </c>
      <c r="CG9" s="71">
        <v>0</v>
      </c>
      <c r="CH9" s="71">
        <v>0</v>
      </c>
      <c r="CI9" s="71">
        <v>0</v>
      </c>
      <c r="CJ9" s="71">
        <v>0</v>
      </c>
      <c r="CK9" s="72">
        <v>0</v>
      </c>
      <c r="CL9" s="73">
        <v>0</v>
      </c>
      <c r="CM9" s="70">
        <v>486</v>
      </c>
      <c r="CN9" s="71">
        <v>367</v>
      </c>
      <c r="CO9" s="72">
        <v>853</v>
      </c>
      <c r="CP9" s="244"/>
      <c r="CQ9" s="71">
        <v>795</v>
      </c>
      <c r="CR9" s="71">
        <v>562</v>
      </c>
      <c r="CS9" s="71">
        <v>385</v>
      </c>
      <c r="CT9" s="71">
        <v>361</v>
      </c>
      <c r="CU9" s="71">
        <v>226</v>
      </c>
      <c r="CV9" s="72">
        <v>2329</v>
      </c>
      <c r="CW9" s="73">
        <v>3182</v>
      </c>
      <c r="CX9" s="123">
        <v>100</v>
      </c>
      <c r="CY9" s="82">
        <v>91</v>
      </c>
      <c r="CZ9" s="83">
        <v>191</v>
      </c>
      <c r="DA9" s="241"/>
      <c r="DB9" s="82">
        <v>128</v>
      </c>
      <c r="DC9" s="82">
        <v>109</v>
      </c>
      <c r="DD9" s="82">
        <v>85</v>
      </c>
      <c r="DE9" s="82">
        <v>85</v>
      </c>
      <c r="DF9" s="82">
        <v>51</v>
      </c>
      <c r="DG9" s="84">
        <v>458</v>
      </c>
      <c r="DH9" s="85">
        <v>649</v>
      </c>
      <c r="DI9" s="70">
        <v>2</v>
      </c>
      <c r="DJ9" s="71">
        <v>1</v>
      </c>
      <c r="DK9" s="72">
        <v>3</v>
      </c>
      <c r="DL9" s="244"/>
      <c r="DM9" s="71">
        <v>1</v>
      </c>
      <c r="DN9" s="71">
        <v>1</v>
      </c>
      <c r="DO9" s="71">
        <v>0</v>
      </c>
      <c r="DP9" s="71">
        <v>4</v>
      </c>
      <c r="DQ9" s="71">
        <v>1</v>
      </c>
      <c r="DR9" s="72">
        <v>7</v>
      </c>
      <c r="DS9" s="73">
        <v>10</v>
      </c>
      <c r="DT9" s="70">
        <v>6</v>
      </c>
      <c r="DU9" s="71">
        <v>9</v>
      </c>
      <c r="DV9" s="72">
        <v>15</v>
      </c>
      <c r="DW9" s="244"/>
      <c r="DX9" s="71">
        <v>6</v>
      </c>
      <c r="DY9" s="71">
        <v>3</v>
      </c>
      <c r="DZ9" s="71">
        <v>1</v>
      </c>
      <c r="EA9" s="71">
        <v>7</v>
      </c>
      <c r="EB9" s="71">
        <v>0</v>
      </c>
      <c r="EC9" s="72">
        <v>17</v>
      </c>
      <c r="ED9" s="73">
        <v>32</v>
      </c>
      <c r="EE9" s="70">
        <v>16</v>
      </c>
      <c r="EF9" s="71">
        <v>6</v>
      </c>
      <c r="EG9" s="72">
        <v>22</v>
      </c>
      <c r="EH9" s="244"/>
      <c r="EI9" s="71">
        <v>13</v>
      </c>
      <c r="EJ9" s="71">
        <v>4</v>
      </c>
      <c r="EK9" s="71">
        <v>9</v>
      </c>
      <c r="EL9" s="71">
        <v>3</v>
      </c>
      <c r="EM9" s="71">
        <v>1</v>
      </c>
      <c r="EN9" s="72">
        <v>30</v>
      </c>
      <c r="EO9" s="73">
        <v>52</v>
      </c>
      <c r="EP9" s="70">
        <v>32</v>
      </c>
      <c r="EQ9" s="71">
        <v>24</v>
      </c>
      <c r="ER9" s="72">
        <v>56</v>
      </c>
      <c r="ES9" s="244"/>
      <c r="ET9" s="71">
        <v>29</v>
      </c>
      <c r="EU9" s="71">
        <v>14</v>
      </c>
      <c r="EV9" s="71">
        <v>12</v>
      </c>
      <c r="EW9" s="71">
        <v>7</v>
      </c>
      <c r="EX9" s="71">
        <v>8</v>
      </c>
      <c r="EY9" s="72">
        <v>70</v>
      </c>
      <c r="EZ9" s="73">
        <v>126</v>
      </c>
      <c r="FA9" s="70">
        <v>24</v>
      </c>
      <c r="FB9" s="71">
        <v>31</v>
      </c>
      <c r="FC9" s="72">
        <v>55</v>
      </c>
      <c r="FD9" s="244"/>
      <c r="FE9" s="71">
        <v>41</v>
      </c>
      <c r="FF9" s="71">
        <v>37</v>
      </c>
      <c r="FG9" s="71">
        <v>27</v>
      </c>
      <c r="FH9" s="71">
        <v>19</v>
      </c>
      <c r="FI9" s="71">
        <v>18</v>
      </c>
      <c r="FJ9" s="72">
        <v>142</v>
      </c>
      <c r="FK9" s="73">
        <v>197</v>
      </c>
      <c r="FL9" s="70">
        <v>20</v>
      </c>
      <c r="FM9" s="71">
        <v>20</v>
      </c>
      <c r="FN9" s="72">
        <v>40</v>
      </c>
      <c r="FO9" s="244"/>
      <c r="FP9" s="71">
        <v>38</v>
      </c>
      <c r="FQ9" s="71">
        <v>50</v>
      </c>
      <c r="FR9" s="71">
        <v>36</v>
      </c>
      <c r="FS9" s="71">
        <v>45</v>
      </c>
      <c r="FT9" s="71">
        <v>23</v>
      </c>
      <c r="FU9" s="72">
        <v>192</v>
      </c>
      <c r="FV9" s="73">
        <v>232</v>
      </c>
      <c r="FW9" s="70">
        <v>0</v>
      </c>
      <c r="FX9" s="71">
        <v>0</v>
      </c>
      <c r="FY9" s="72">
        <v>0</v>
      </c>
      <c r="FZ9" s="244"/>
      <c r="GA9" s="71">
        <v>0</v>
      </c>
      <c r="GB9" s="71">
        <v>0</v>
      </c>
      <c r="GC9" s="71">
        <v>0</v>
      </c>
      <c r="GD9" s="71">
        <v>0</v>
      </c>
      <c r="GE9" s="71">
        <v>0</v>
      </c>
      <c r="GF9" s="72">
        <v>0</v>
      </c>
      <c r="GG9" s="73">
        <v>0</v>
      </c>
      <c r="GH9" s="70">
        <v>100</v>
      </c>
      <c r="GI9" s="71">
        <v>91</v>
      </c>
      <c r="GJ9" s="72">
        <v>191</v>
      </c>
      <c r="GK9" s="244"/>
      <c r="GL9" s="71">
        <v>128</v>
      </c>
      <c r="GM9" s="71">
        <v>109</v>
      </c>
      <c r="GN9" s="71">
        <v>85</v>
      </c>
      <c r="GO9" s="71">
        <v>85</v>
      </c>
      <c r="GP9" s="71">
        <v>51</v>
      </c>
      <c r="GQ9" s="72">
        <v>458</v>
      </c>
      <c r="GR9" s="73">
        <v>649</v>
      </c>
      <c r="GS9" s="123">
        <v>586</v>
      </c>
      <c r="GT9" s="82">
        <v>458</v>
      </c>
      <c r="GU9" s="83">
        <v>1044</v>
      </c>
      <c r="GV9" s="241"/>
      <c r="GW9" s="82">
        <v>923</v>
      </c>
      <c r="GX9" s="82">
        <v>671</v>
      </c>
      <c r="GY9" s="82">
        <v>470</v>
      </c>
      <c r="GZ9" s="82">
        <v>446</v>
      </c>
      <c r="HA9" s="82">
        <v>277</v>
      </c>
      <c r="HB9" s="84">
        <v>2787</v>
      </c>
      <c r="HC9" s="85">
        <v>3831</v>
      </c>
      <c r="HD9" s="70">
        <v>10</v>
      </c>
      <c r="HE9" s="71">
        <v>10</v>
      </c>
      <c r="HF9" s="72">
        <v>20</v>
      </c>
      <c r="HG9" s="244"/>
      <c r="HH9" s="71">
        <v>16</v>
      </c>
      <c r="HI9" s="71">
        <v>14</v>
      </c>
      <c r="HJ9" s="71">
        <v>8</v>
      </c>
      <c r="HK9" s="71">
        <v>6</v>
      </c>
      <c r="HL9" s="71">
        <v>3</v>
      </c>
      <c r="HM9" s="72">
        <v>47</v>
      </c>
      <c r="HN9" s="73">
        <v>67</v>
      </c>
      <c r="HO9" s="70">
        <v>27</v>
      </c>
      <c r="HP9" s="71">
        <v>25</v>
      </c>
      <c r="HQ9" s="72">
        <v>52</v>
      </c>
      <c r="HR9" s="244"/>
      <c r="HS9" s="71">
        <v>45</v>
      </c>
      <c r="HT9" s="71">
        <v>30</v>
      </c>
      <c r="HU9" s="71">
        <v>19</v>
      </c>
      <c r="HV9" s="71">
        <v>28</v>
      </c>
      <c r="HW9" s="71">
        <v>18</v>
      </c>
      <c r="HX9" s="72">
        <v>140</v>
      </c>
      <c r="HY9" s="73">
        <v>192</v>
      </c>
      <c r="HZ9" s="70">
        <v>56</v>
      </c>
      <c r="IA9" s="71">
        <v>48</v>
      </c>
      <c r="IB9" s="72">
        <v>104</v>
      </c>
      <c r="IC9" s="244"/>
      <c r="ID9" s="71">
        <v>77</v>
      </c>
      <c r="IE9" s="71">
        <v>40</v>
      </c>
      <c r="IF9" s="71">
        <v>41</v>
      </c>
      <c r="IG9" s="71">
        <v>34</v>
      </c>
      <c r="IH9" s="71">
        <v>21</v>
      </c>
      <c r="II9" s="72">
        <v>213</v>
      </c>
      <c r="IJ9" s="73">
        <v>317</v>
      </c>
      <c r="IK9" s="70">
        <v>123</v>
      </c>
      <c r="IL9" s="71">
        <v>80</v>
      </c>
      <c r="IM9" s="72">
        <v>203</v>
      </c>
      <c r="IN9" s="244"/>
      <c r="IO9" s="71">
        <v>180</v>
      </c>
      <c r="IP9" s="71">
        <v>120</v>
      </c>
      <c r="IQ9" s="71">
        <v>76</v>
      </c>
      <c r="IR9" s="71">
        <v>42</v>
      </c>
      <c r="IS9" s="71">
        <v>49</v>
      </c>
      <c r="IT9" s="72">
        <v>467</v>
      </c>
      <c r="IU9" s="73">
        <v>670</v>
      </c>
      <c r="IV9" s="70">
        <v>197</v>
      </c>
      <c r="IW9" s="71">
        <v>143</v>
      </c>
      <c r="IX9" s="72">
        <v>340</v>
      </c>
      <c r="IY9" s="244"/>
      <c r="IZ9" s="71">
        <v>284</v>
      </c>
      <c r="JA9" s="71">
        <v>210</v>
      </c>
      <c r="JB9" s="71">
        <v>129</v>
      </c>
      <c r="JC9" s="71">
        <v>121</v>
      </c>
      <c r="JD9" s="71">
        <v>86</v>
      </c>
      <c r="JE9" s="72">
        <v>830</v>
      </c>
      <c r="JF9" s="73">
        <v>1170</v>
      </c>
      <c r="JG9" s="70">
        <v>173</v>
      </c>
      <c r="JH9" s="71">
        <v>152</v>
      </c>
      <c r="JI9" s="72">
        <v>325</v>
      </c>
      <c r="JJ9" s="244"/>
      <c r="JK9" s="71">
        <v>321</v>
      </c>
      <c r="JL9" s="71">
        <v>257</v>
      </c>
      <c r="JM9" s="71">
        <v>197</v>
      </c>
      <c r="JN9" s="71">
        <v>215</v>
      </c>
      <c r="JO9" s="71">
        <v>100</v>
      </c>
      <c r="JP9" s="72">
        <v>1090</v>
      </c>
      <c r="JQ9" s="73">
        <v>1415</v>
      </c>
      <c r="JR9" s="70">
        <v>0</v>
      </c>
      <c r="JS9" s="71">
        <v>0</v>
      </c>
      <c r="JT9" s="72">
        <v>0</v>
      </c>
      <c r="JU9" s="244"/>
      <c r="JV9" s="71">
        <v>0</v>
      </c>
      <c r="JW9" s="71">
        <v>0</v>
      </c>
      <c r="JX9" s="71">
        <v>0</v>
      </c>
      <c r="JY9" s="71">
        <v>0</v>
      </c>
      <c r="JZ9" s="71">
        <v>0</v>
      </c>
      <c r="KA9" s="72">
        <v>0</v>
      </c>
      <c r="KB9" s="73">
        <v>0</v>
      </c>
      <c r="KC9" s="70">
        <v>586</v>
      </c>
      <c r="KD9" s="71">
        <v>458</v>
      </c>
      <c r="KE9" s="72">
        <v>1044</v>
      </c>
      <c r="KF9" s="244"/>
      <c r="KG9" s="71">
        <v>923</v>
      </c>
      <c r="KH9" s="71">
        <v>671</v>
      </c>
      <c r="KI9" s="71">
        <v>470</v>
      </c>
      <c r="KJ9" s="71">
        <v>446</v>
      </c>
      <c r="KK9" s="71">
        <v>277</v>
      </c>
      <c r="KL9" s="72">
        <v>2787</v>
      </c>
      <c r="KM9" s="73">
        <v>3831</v>
      </c>
    </row>
    <row r="10" spans="2:299" ht="21" customHeight="1" x14ac:dyDescent="0.2">
      <c r="B10" s="126" t="s">
        <v>14</v>
      </c>
      <c r="C10" s="313">
        <v>246</v>
      </c>
      <c r="D10" s="82">
        <v>326</v>
      </c>
      <c r="E10" s="83">
        <v>572</v>
      </c>
      <c r="F10" s="241"/>
      <c r="G10" s="82">
        <v>383</v>
      </c>
      <c r="H10" s="82">
        <v>431</v>
      </c>
      <c r="I10" s="82">
        <v>285</v>
      </c>
      <c r="J10" s="82">
        <v>213</v>
      </c>
      <c r="K10" s="82">
        <v>127</v>
      </c>
      <c r="L10" s="84">
        <v>1439</v>
      </c>
      <c r="M10" s="85">
        <v>2011</v>
      </c>
      <c r="N10" s="70">
        <v>2</v>
      </c>
      <c r="O10" s="71">
        <v>10</v>
      </c>
      <c r="P10" s="72">
        <v>12</v>
      </c>
      <c r="Q10" s="244"/>
      <c r="R10" s="71">
        <v>1</v>
      </c>
      <c r="S10" s="71">
        <v>11</v>
      </c>
      <c r="T10" s="71">
        <v>5</v>
      </c>
      <c r="U10" s="71">
        <v>4</v>
      </c>
      <c r="V10" s="71">
        <v>2</v>
      </c>
      <c r="W10" s="72">
        <v>23</v>
      </c>
      <c r="X10" s="73">
        <v>35</v>
      </c>
      <c r="Y10" s="70">
        <v>14</v>
      </c>
      <c r="Z10" s="71">
        <v>18</v>
      </c>
      <c r="AA10" s="72">
        <v>32</v>
      </c>
      <c r="AB10" s="244"/>
      <c r="AC10" s="71">
        <v>9</v>
      </c>
      <c r="AD10" s="71">
        <v>19</v>
      </c>
      <c r="AE10" s="71">
        <v>14</v>
      </c>
      <c r="AF10" s="71">
        <v>11</v>
      </c>
      <c r="AG10" s="71">
        <v>8</v>
      </c>
      <c r="AH10" s="72">
        <v>61</v>
      </c>
      <c r="AI10" s="73">
        <v>93</v>
      </c>
      <c r="AJ10" s="70">
        <v>24</v>
      </c>
      <c r="AK10" s="71">
        <v>32</v>
      </c>
      <c r="AL10" s="72">
        <v>56</v>
      </c>
      <c r="AM10" s="244"/>
      <c r="AN10" s="71">
        <v>29</v>
      </c>
      <c r="AO10" s="71">
        <v>43</v>
      </c>
      <c r="AP10" s="71">
        <v>24</v>
      </c>
      <c r="AQ10" s="71">
        <v>24</v>
      </c>
      <c r="AR10" s="71">
        <v>12</v>
      </c>
      <c r="AS10" s="72">
        <v>132</v>
      </c>
      <c r="AT10" s="73">
        <v>188</v>
      </c>
      <c r="AU10" s="70">
        <v>56</v>
      </c>
      <c r="AV10" s="71">
        <v>80</v>
      </c>
      <c r="AW10" s="72">
        <v>136</v>
      </c>
      <c r="AX10" s="244"/>
      <c r="AY10" s="71">
        <v>83</v>
      </c>
      <c r="AZ10" s="71">
        <v>92</v>
      </c>
      <c r="BA10" s="71">
        <v>49</v>
      </c>
      <c r="BB10" s="71">
        <v>41</v>
      </c>
      <c r="BC10" s="71">
        <v>21</v>
      </c>
      <c r="BD10" s="72">
        <v>286</v>
      </c>
      <c r="BE10" s="73">
        <v>422</v>
      </c>
      <c r="BF10" s="70">
        <v>85</v>
      </c>
      <c r="BG10" s="71">
        <v>97</v>
      </c>
      <c r="BH10" s="72">
        <v>182</v>
      </c>
      <c r="BI10" s="244"/>
      <c r="BJ10" s="71">
        <v>119</v>
      </c>
      <c r="BK10" s="71">
        <v>135</v>
      </c>
      <c r="BL10" s="71">
        <v>82</v>
      </c>
      <c r="BM10" s="71">
        <v>59</v>
      </c>
      <c r="BN10" s="71">
        <v>40</v>
      </c>
      <c r="BO10" s="72">
        <v>435</v>
      </c>
      <c r="BP10" s="73">
        <v>617</v>
      </c>
      <c r="BQ10" s="70">
        <v>65</v>
      </c>
      <c r="BR10" s="71">
        <v>89</v>
      </c>
      <c r="BS10" s="72">
        <v>154</v>
      </c>
      <c r="BT10" s="244"/>
      <c r="BU10" s="71">
        <v>142</v>
      </c>
      <c r="BV10" s="71">
        <v>131</v>
      </c>
      <c r="BW10" s="71">
        <v>111</v>
      </c>
      <c r="BX10" s="71">
        <v>74</v>
      </c>
      <c r="BY10" s="71">
        <v>44</v>
      </c>
      <c r="BZ10" s="72">
        <v>502</v>
      </c>
      <c r="CA10" s="73">
        <v>656</v>
      </c>
      <c r="CB10" s="70">
        <v>0</v>
      </c>
      <c r="CC10" s="71">
        <v>0</v>
      </c>
      <c r="CD10" s="72">
        <v>0</v>
      </c>
      <c r="CE10" s="244"/>
      <c r="CF10" s="71">
        <v>0</v>
      </c>
      <c r="CG10" s="71">
        <v>0</v>
      </c>
      <c r="CH10" s="71">
        <v>0</v>
      </c>
      <c r="CI10" s="71">
        <v>0</v>
      </c>
      <c r="CJ10" s="71">
        <v>0</v>
      </c>
      <c r="CK10" s="72">
        <v>0</v>
      </c>
      <c r="CL10" s="73">
        <v>0</v>
      </c>
      <c r="CM10" s="70">
        <v>246</v>
      </c>
      <c r="CN10" s="71">
        <v>326</v>
      </c>
      <c r="CO10" s="72">
        <v>572</v>
      </c>
      <c r="CP10" s="244"/>
      <c r="CQ10" s="71">
        <v>383</v>
      </c>
      <c r="CR10" s="71">
        <v>431</v>
      </c>
      <c r="CS10" s="71">
        <v>285</v>
      </c>
      <c r="CT10" s="71">
        <v>213</v>
      </c>
      <c r="CU10" s="71">
        <v>127</v>
      </c>
      <c r="CV10" s="72">
        <v>1439</v>
      </c>
      <c r="CW10" s="73">
        <v>2011</v>
      </c>
      <c r="CX10" s="123">
        <v>35</v>
      </c>
      <c r="CY10" s="82">
        <v>44</v>
      </c>
      <c r="CZ10" s="83">
        <v>79</v>
      </c>
      <c r="DA10" s="241"/>
      <c r="DB10" s="82">
        <v>43</v>
      </c>
      <c r="DC10" s="82">
        <v>50</v>
      </c>
      <c r="DD10" s="82">
        <v>31</v>
      </c>
      <c r="DE10" s="82">
        <v>31</v>
      </c>
      <c r="DF10" s="82">
        <v>16</v>
      </c>
      <c r="DG10" s="84">
        <v>171</v>
      </c>
      <c r="DH10" s="85">
        <v>250</v>
      </c>
      <c r="DI10" s="70">
        <v>0</v>
      </c>
      <c r="DJ10" s="71">
        <v>2</v>
      </c>
      <c r="DK10" s="72">
        <v>2</v>
      </c>
      <c r="DL10" s="244"/>
      <c r="DM10" s="71">
        <v>2</v>
      </c>
      <c r="DN10" s="71">
        <v>0</v>
      </c>
      <c r="DO10" s="71">
        <v>0</v>
      </c>
      <c r="DP10" s="71">
        <v>1</v>
      </c>
      <c r="DQ10" s="71">
        <v>0</v>
      </c>
      <c r="DR10" s="72">
        <v>3</v>
      </c>
      <c r="DS10" s="73">
        <v>5</v>
      </c>
      <c r="DT10" s="70">
        <v>3</v>
      </c>
      <c r="DU10" s="71">
        <v>2</v>
      </c>
      <c r="DV10" s="72">
        <v>5</v>
      </c>
      <c r="DW10" s="244"/>
      <c r="DX10" s="71">
        <v>4</v>
      </c>
      <c r="DY10" s="71">
        <v>2</v>
      </c>
      <c r="DZ10" s="71">
        <v>0</v>
      </c>
      <c r="EA10" s="71">
        <v>1</v>
      </c>
      <c r="EB10" s="71">
        <v>1</v>
      </c>
      <c r="EC10" s="72">
        <v>8</v>
      </c>
      <c r="ED10" s="73">
        <v>13</v>
      </c>
      <c r="EE10" s="70">
        <v>8</v>
      </c>
      <c r="EF10" s="71">
        <v>5</v>
      </c>
      <c r="EG10" s="72">
        <v>13</v>
      </c>
      <c r="EH10" s="244"/>
      <c r="EI10" s="71">
        <v>6</v>
      </c>
      <c r="EJ10" s="71">
        <v>7</v>
      </c>
      <c r="EK10" s="71">
        <v>3</v>
      </c>
      <c r="EL10" s="71">
        <v>1</v>
      </c>
      <c r="EM10" s="71">
        <v>0</v>
      </c>
      <c r="EN10" s="72">
        <v>17</v>
      </c>
      <c r="EO10" s="73">
        <v>30</v>
      </c>
      <c r="EP10" s="70">
        <v>7</v>
      </c>
      <c r="EQ10" s="71">
        <v>13</v>
      </c>
      <c r="ER10" s="72">
        <v>20</v>
      </c>
      <c r="ES10" s="244"/>
      <c r="ET10" s="71">
        <v>8</v>
      </c>
      <c r="EU10" s="71">
        <v>7</v>
      </c>
      <c r="EV10" s="71">
        <v>5</v>
      </c>
      <c r="EW10" s="71">
        <v>4</v>
      </c>
      <c r="EX10" s="71">
        <v>1</v>
      </c>
      <c r="EY10" s="72">
        <v>25</v>
      </c>
      <c r="EZ10" s="73">
        <v>45</v>
      </c>
      <c r="FA10" s="70">
        <v>11</v>
      </c>
      <c r="FB10" s="71">
        <v>11</v>
      </c>
      <c r="FC10" s="72">
        <v>22</v>
      </c>
      <c r="FD10" s="244"/>
      <c r="FE10" s="71">
        <v>12</v>
      </c>
      <c r="FF10" s="71">
        <v>15</v>
      </c>
      <c r="FG10" s="71">
        <v>6</v>
      </c>
      <c r="FH10" s="71">
        <v>9</v>
      </c>
      <c r="FI10" s="71">
        <v>5</v>
      </c>
      <c r="FJ10" s="72">
        <v>47</v>
      </c>
      <c r="FK10" s="73">
        <v>69</v>
      </c>
      <c r="FL10" s="70">
        <v>6</v>
      </c>
      <c r="FM10" s="71">
        <v>11</v>
      </c>
      <c r="FN10" s="72">
        <v>17</v>
      </c>
      <c r="FO10" s="244"/>
      <c r="FP10" s="71">
        <v>11</v>
      </c>
      <c r="FQ10" s="71">
        <v>19</v>
      </c>
      <c r="FR10" s="71">
        <v>17</v>
      </c>
      <c r="FS10" s="71">
        <v>15</v>
      </c>
      <c r="FT10" s="71">
        <v>9</v>
      </c>
      <c r="FU10" s="72">
        <v>71</v>
      </c>
      <c r="FV10" s="73">
        <v>88</v>
      </c>
      <c r="FW10" s="70">
        <v>0</v>
      </c>
      <c r="FX10" s="71">
        <v>0</v>
      </c>
      <c r="FY10" s="72">
        <v>0</v>
      </c>
      <c r="FZ10" s="244"/>
      <c r="GA10" s="71">
        <v>0</v>
      </c>
      <c r="GB10" s="71">
        <v>0</v>
      </c>
      <c r="GC10" s="71">
        <v>0</v>
      </c>
      <c r="GD10" s="71">
        <v>0</v>
      </c>
      <c r="GE10" s="71">
        <v>0</v>
      </c>
      <c r="GF10" s="72">
        <v>0</v>
      </c>
      <c r="GG10" s="73">
        <v>0</v>
      </c>
      <c r="GH10" s="70">
        <v>35</v>
      </c>
      <c r="GI10" s="71">
        <v>44</v>
      </c>
      <c r="GJ10" s="72">
        <v>79</v>
      </c>
      <c r="GK10" s="244"/>
      <c r="GL10" s="71">
        <v>43</v>
      </c>
      <c r="GM10" s="71">
        <v>50</v>
      </c>
      <c r="GN10" s="71">
        <v>31</v>
      </c>
      <c r="GO10" s="71">
        <v>31</v>
      </c>
      <c r="GP10" s="71">
        <v>16</v>
      </c>
      <c r="GQ10" s="72">
        <v>171</v>
      </c>
      <c r="GR10" s="73">
        <v>250</v>
      </c>
      <c r="GS10" s="123">
        <v>281</v>
      </c>
      <c r="GT10" s="82">
        <v>370</v>
      </c>
      <c r="GU10" s="83">
        <v>651</v>
      </c>
      <c r="GV10" s="241"/>
      <c r="GW10" s="82">
        <v>426</v>
      </c>
      <c r="GX10" s="82">
        <v>481</v>
      </c>
      <c r="GY10" s="82">
        <v>316</v>
      </c>
      <c r="GZ10" s="82">
        <v>244</v>
      </c>
      <c r="HA10" s="82">
        <v>143</v>
      </c>
      <c r="HB10" s="84">
        <v>1610</v>
      </c>
      <c r="HC10" s="85">
        <v>2261</v>
      </c>
      <c r="HD10" s="70">
        <v>2</v>
      </c>
      <c r="HE10" s="71">
        <v>12</v>
      </c>
      <c r="HF10" s="72">
        <v>14</v>
      </c>
      <c r="HG10" s="244"/>
      <c r="HH10" s="71">
        <v>3</v>
      </c>
      <c r="HI10" s="71">
        <v>11</v>
      </c>
      <c r="HJ10" s="71">
        <v>5</v>
      </c>
      <c r="HK10" s="71">
        <v>5</v>
      </c>
      <c r="HL10" s="71">
        <v>2</v>
      </c>
      <c r="HM10" s="72">
        <v>26</v>
      </c>
      <c r="HN10" s="73">
        <v>40</v>
      </c>
      <c r="HO10" s="70">
        <v>17</v>
      </c>
      <c r="HP10" s="71">
        <v>20</v>
      </c>
      <c r="HQ10" s="72">
        <v>37</v>
      </c>
      <c r="HR10" s="244"/>
      <c r="HS10" s="71">
        <v>13</v>
      </c>
      <c r="HT10" s="71">
        <v>21</v>
      </c>
      <c r="HU10" s="71">
        <v>14</v>
      </c>
      <c r="HV10" s="71">
        <v>12</v>
      </c>
      <c r="HW10" s="71">
        <v>9</v>
      </c>
      <c r="HX10" s="72">
        <v>69</v>
      </c>
      <c r="HY10" s="73">
        <v>106</v>
      </c>
      <c r="HZ10" s="70">
        <v>32</v>
      </c>
      <c r="IA10" s="71">
        <v>37</v>
      </c>
      <c r="IB10" s="72">
        <v>69</v>
      </c>
      <c r="IC10" s="244"/>
      <c r="ID10" s="71">
        <v>35</v>
      </c>
      <c r="IE10" s="71">
        <v>50</v>
      </c>
      <c r="IF10" s="71">
        <v>27</v>
      </c>
      <c r="IG10" s="71">
        <v>25</v>
      </c>
      <c r="IH10" s="71">
        <v>12</v>
      </c>
      <c r="II10" s="72">
        <v>149</v>
      </c>
      <c r="IJ10" s="73">
        <v>218</v>
      </c>
      <c r="IK10" s="70">
        <v>63</v>
      </c>
      <c r="IL10" s="71">
        <v>93</v>
      </c>
      <c r="IM10" s="72">
        <v>156</v>
      </c>
      <c r="IN10" s="244"/>
      <c r="IO10" s="71">
        <v>91</v>
      </c>
      <c r="IP10" s="71">
        <v>99</v>
      </c>
      <c r="IQ10" s="71">
        <v>54</v>
      </c>
      <c r="IR10" s="71">
        <v>45</v>
      </c>
      <c r="IS10" s="71">
        <v>22</v>
      </c>
      <c r="IT10" s="72">
        <v>311</v>
      </c>
      <c r="IU10" s="73">
        <v>467</v>
      </c>
      <c r="IV10" s="70">
        <v>96</v>
      </c>
      <c r="IW10" s="71">
        <v>108</v>
      </c>
      <c r="IX10" s="72">
        <v>204</v>
      </c>
      <c r="IY10" s="244"/>
      <c r="IZ10" s="71">
        <v>131</v>
      </c>
      <c r="JA10" s="71">
        <v>150</v>
      </c>
      <c r="JB10" s="71">
        <v>88</v>
      </c>
      <c r="JC10" s="71">
        <v>68</v>
      </c>
      <c r="JD10" s="71">
        <v>45</v>
      </c>
      <c r="JE10" s="72">
        <v>482</v>
      </c>
      <c r="JF10" s="73">
        <v>686</v>
      </c>
      <c r="JG10" s="70">
        <v>71</v>
      </c>
      <c r="JH10" s="71">
        <v>100</v>
      </c>
      <c r="JI10" s="72">
        <v>171</v>
      </c>
      <c r="JJ10" s="244"/>
      <c r="JK10" s="71">
        <v>153</v>
      </c>
      <c r="JL10" s="71">
        <v>150</v>
      </c>
      <c r="JM10" s="71">
        <v>128</v>
      </c>
      <c r="JN10" s="71">
        <v>89</v>
      </c>
      <c r="JO10" s="71">
        <v>53</v>
      </c>
      <c r="JP10" s="72">
        <v>573</v>
      </c>
      <c r="JQ10" s="73">
        <v>744</v>
      </c>
      <c r="JR10" s="70">
        <v>0</v>
      </c>
      <c r="JS10" s="71">
        <v>0</v>
      </c>
      <c r="JT10" s="72">
        <v>0</v>
      </c>
      <c r="JU10" s="244"/>
      <c r="JV10" s="71">
        <v>0</v>
      </c>
      <c r="JW10" s="71">
        <v>0</v>
      </c>
      <c r="JX10" s="71">
        <v>0</v>
      </c>
      <c r="JY10" s="71">
        <v>0</v>
      </c>
      <c r="JZ10" s="71">
        <v>0</v>
      </c>
      <c r="KA10" s="72">
        <v>0</v>
      </c>
      <c r="KB10" s="73">
        <v>0</v>
      </c>
      <c r="KC10" s="70">
        <v>281</v>
      </c>
      <c r="KD10" s="71">
        <v>370</v>
      </c>
      <c r="KE10" s="72">
        <v>651</v>
      </c>
      <c r="KF10" s="244"/>
      <c r="KG10" s="71">
        <v>426</v>
      </c>
      <c r="KH10" s="71">
        <v>481</v>
      </c>
      <c r="KI10" s="71">
        <v>316</v>
      </c>
      <c r="KJ10" s="71">
        <v>244</v>
      </c>
      <c r="KK10" s="71">
        <v>143</v>
      </c>
      <c r="KL10" s="72">
        <v>1610</v>
      </c>
      <c r="KM10" s="73">
        <v>2261</v>
      </c>
    </row>
    <row r="11" spans="2:299" ht="21" customHeight="1" x14ac:dyDescent="0.2">
      <c r="B11" s="126" t="s">
        <v>7</v>
      </c>
      <c r="C11" s="313">
        <v>256</v>
      </c>
      <c r="D11" s="82">
        <v>174</v>
      </c>
      <c r="E11" s="83">
        <v>430</v>
      </c>
      <c r="F11" s="241"/>
      <c r="G11" s="82">
        <v>521</v>
      </c>
      <c r="H11" s="82">
        <v>355</v>
      </c>
      <c r="I11" s="82">
        <v>198</v>
      </c>
      <c r="J11" s="82">
        <v>170</v>
      </c>
      <c r="K11" s="82">
        <v>87</v>
      </c>
      <c r="L11" s="84">
        <v>1331</v>
      </c>
      <c r="M11" s="85">
        <v>1761</v>
      </c>
      <c r="N11" s="70">
        <v>4</v>
      </c>
      <c r="O11" s="71">
        <v>0</v>
      </c>
      <c r="P11" s="72">
        <v>4</v>
      </c>
      <c r="Q11" s="244"/>
      <c r="R11" s="71">
        <v>6</v>
      </c>
      <c r="S11" s="71">
        <v>7</v>
      </c>
      <c r="T11" s="71">
        <v>2</v>
      </c>
      <c r="U11" s="71">
        <v>0</v>
      </c>
      <c r="V11" s="71">
        <v>2</v>
      </c>
      <c r="W11" s="72">
        <v>17</v>
      </c>
      <c r="X11" s="73">
        <v>21</v>
      </c>
      <c r="Y11" s="70">
        <v>11</v>
      </c>
      <c r="Z11" s="71">
        <v>7</v>
      </c>
      <c r="AA11" s="72">
        <v>18</v>
      </c>
      <c r="AB11" s="244"/>
      <c r="AC11" s="71">
        <v>24</v>
      </c>
      <c r="AD11" s="71">
        <v>14</v>
      </c>
      <c r="AE11" s="71">
        <v>12</v>
      </c>
      <c r="AF11" s="71">
        <v>5</v>
      </c>
      <c r="AG11" s="71">
        <v>3</v>
      </c>
      <c r="AH11" s="72">
        <v>58</v>
      </c>
      <c r="AI11" s="73">
        <v>76</v>
      </c>
      <c r="AJ11" s="70">
        <v>18</v>
      </c>
      <c r="AK11" s="71">
        <v>14</v>
      </c>
      <c r="AL11" s="72">
        <v>32</v>
      </c>
      <c r="AM11" s="244"/>
      <c r="AN11" s="71">
        <v>39</v>
      </c>
      <c r="AO11" s="71">
        <v>37</v>
      </c>
      <c r="AP11" s="71">
        <v>13</v>
      </c>
      <c r="AQ11" s="71">
        <v>15</v>
      </c>
      <c r="AR11" s="71">
        <v>10</v>
      </c>
      <c r="AS11" s="72">
        <v>114</v>
      </c>
      <c r="AT11" s="73">
        <v>146</v>
      </c>
      <c r="AU11" s="70">
        <v>40</v>
      </c>
      <c r="AV11" s="71">
        <v>29</v>
      </c>
      <c r="AW11" s="72">
        <v>69</v>
      </c>
      <c r="AX11" s="244"/>
      <c r="AY11" s="71">
        <v>99</v>
      </c>
      <c r="AZ11" s="71">
        <v>69</v>
      </c>
      <c r="BA11" s="71">
        <v>34</v>
      </c>
      <c r="BB11" s="71">
        <v>33</v>
      </c>
      <c r="BC11" s="71">
        <v>24</v>
      </c>
      <c r="BD11" s="72">
        <v>259</v>
      </c>
      <c r="BE11" s="73">
        <v>328</v>
      </c>
      <c r="BF11" s="70">
        <v>99</v>
      </c>
      <c r="BG11" s="71">
        <v>71</v>
      </c>
      <c r="BH11" s="72">
        <v>170</v>
      </c>
      <c r="BI11" s="244"/>
      <c r="BJ11" s="71">
        <v>165</v>
      </c>
      <c r="BK11" s="71">
        <v>105</v>
      </c>
      <c r="BL11" s="71">
        <v>66</v>
      </c>
      <c r="BM11" s="71">
        <v>48</v>
      </c>
      <c r="BN11" s="71">
        <v>24</v>
      </c>
      <c r="BO11" s="72">
        <v>408</v>
      </c>
      <c r="BP11" s="73">
        <v>578</v>
      </c>
      <c r="BQ11" s="70">
        <v>84</v>
      </c>
      <c r="BR11" s="71">
        <v>53</v>
      </c>
      <c r="BS11" s="72">
        <v>137</v>
      </c>
      <c r="BT11" s="244"/>
      <c r="BU11" s="71">
        <v>188</v>
      </c>
      <c r="BV11" s="71">
        <v>123</v>
      </c>
      <c r="BW11" s="71">
        <v>71</v>
      </c>
      <c r="BX11" s="71">
        <v>69</v>
      </c>
      <c r="BY11" s="71">
        <v>24</v>
      </c>
      <c r="BZ11" s="72">
        <v>475</v>
      </c>
      <c r="CA11" s="73">
        <v>612</v>
      </c>
      <c r="CB11" s="70">
        <v>0</v>
      </c>
      <c r="CC11" s="71">
        <v>0</v>
      </c>
      <c r="CD11" s="72">
        <v>0</v>
      </c>
      <c r="CE11" s="244"/>
      <c r="CF11" s="71">
        <v>0</v>
      </c>
      <c r="CG11" s="71">
        <v>0</v>
      </c>
      <c r="CH11" s="71">
        <v>0</v>
      </c>
      <c r="CI11" s="71">
        <v>0</v>
      </c>
      <c r="CJ11" s="71">
        <v>0</v>
      </c>
      <c r="CK11" s="72">
        <v>0</v>
      </c>
      <c r="CL11" s="73">
        <v>0</v>
      </c>
      <c r="CM11" s="70">
        <v>256</v>
      </c>
      <c r="CN11" s="71">
        <v>174</v>
      </c>
      <c r="CO11" s="72">
        <v>430</v>
      </c>
      <c r="CP11" s="244"/>
      <c r="CQ11" s="71">
        <v>521</v>
      </c>
      <c r="CR11" s="71">
        <v>355</v>
      </c>
      <c r="CS11" s="71">
        <v>198</v>
      </c>
      <c r="CT11" s="71">
        <v>170</v>
      </c>
      <c r="CU11" s="71">
        <v>87</v>
      </c>
      <c r="CV11" s="72">
        <v>1331</v>
      </c>
      <c r="CW11" s="73">
        <v>1761</v>
      </c>
      <c r="CX11" s="123">
        <v>37</v>
      </c>
      <c r="CY11" s="82">
        <v>25</v>
      </c>
      <c r="CZ11" s="83">
        <v>62</v>
      </c>
      <c r="DA11" s="241"/>
      <c r="DB11" s="82">
        <v>79</v>
      </c>
      <c r="DC11" s="82">
        <v>34</v>
      </c>
      <c r="DD11" s="82">
        <v>32</v>
      </c>
      <c r="DE11" s="82">
        <v>26</v>
      </c>
      <c r="DF11" s="82">
        <v>22</v>
      </c>
      <c r="DG11" s="84">
        <v>193</v>
      </c>
      <c r="DH11" s="85">
        <v>255</v>
      </c>
      <c r="DI11" s="70">
        <v>0</v>
      </c>
      <c r="DJ11" s="71">
        <v>0</v>
      </c>
      <c r="DK11" s="72">
        <v>0</v>
      </c>
      <c r="DL11" s="244"/>
      <c r="DM11" s="71">
        <v>3</v>
      </c>
      <c r="DN11" s="71">
        <v>0</v>
      </c>
      <c r="DO11" s="71">
        <v>0</v>
      </c>
      <c r="DP11" s="71">
        <v>0</v>
      </c>
      <c r="DQ11" s="71">
        <v>1</v>
      </c>
      <c r="DR11" s="72">
        <v>4</v>
      </c>
      <c r="DS11" s="73">
        <v>4</v>
      </c>
      <c r="DT11" s="70">
        <v>4</v>
      </c>
      <c r="DU11" s="71">
        <v>1</v>
      </c>
      <c r="DV11" s="72">
        <v>5</v>
      </c>
      <c r="DW11" s="244"/>
      <c r="DX11" s="71">
        <v>3</v>
      </c>
      <c r="DY11" s="71">
        <v>3</v>
      </c>
      <c r="DZ11" s="71">
        <v>1</v>
      </c>
      <c r="EA11" s="71">
        <v>2</v>
      </c>
      <c r="EB11" s="71">
        <v>1</v>
      </c>
      <c r="EC11" s="72">
        <v>10</v>
      </c>
      <c r="ED11" s="73">
        <v>15</v>
      </c>
      <c r="EE11" s="70">
        <v>6</v>
      </c>
      <c r="EF11" s="71">
        <v>3</v>
      </c>
      <c r="EG11" s="72">
        <v>9</v>
      </c>
      <c r="EH11" s="244"/>
      <c r="EI11" s="71">
        <v>3</v>
      </c>
      <c r="EJ11" s="71">
        <v>3</v>
      </c>
      <c r="EK11" s="71">
        <v>2</v>
      </c>
      <c r="EL11" s="71">
        <v>2</v>
      </c>
      <c r="EM11" s="71">
        <v>2</v>
      </c>
      <c r="EN11" s="72">
        <v>12</v>
      </c>
      <c r="EO11" s="73">
        <v>21</v>
      </c>
      <c r="EP11" s="70">
        <v>7</v>
      </c>
      <c r="EQ11" s="71">
        <v>4</v>
      </c>
      <c r="ER11" s="72">
        <v>11</v>
      </c>
      <c r="ES11" s="244"/>
      <c r="ET11" s="71">
        <v>17</v>
      </c>
      <c r="EU11" s="71">
        <v>3</v>
      </c>
      <c r="EV11" s="71">
        <v>4</v>
      </c>
      <c r="EW11" s="71">
        <v>3</v>
      </c>
      <c r="EX11" s="71">
        <v>2</v>
      </c>
      <c r="EY11" s="72">
        <v>29</v>
      </c>
      <c r="EZ11" s="73">
        <v>40</v>
      </c>
      <c r="FA11" s="70">
        <v>10</v>
      </c>
      <c r="FB11" s="71">
        <v>12</v>
      </c>
      <c r="FC11" s="72">
        <v>22</v>
      </c>
      <c r="FD11" s="244"/>
      <c r="FE11" s="71">
        <v>22</v>
      </c>
      <c r="FF11" s="71">
        <v>8</v>
      </c>
      <c r="FG11" s="71">
        <v>8</v>
      </c>
      <c r="FH11" s="71">
        <v>5</v>
      </c>
      <c r="FI11" s="71">
        <v>7</v>
      </c>
      <c r="FJ11" s="72">
        <v>50</v>
      </c>
      <c r="FK11" s="73">
        <v>72</v>
      </c>
      <c r="FL11" s="70">
        <v>10</v>
      </c>
      <c r="FM11" s="71">
        <v>5</v>
      </c>
      <c r="FN11" s="72">
        <v>15</v>
      </c>
      <c r="FO11" s="244"/>
      <c r="FP11" s="71">
        <v>31</v>
      </c>
      <c r="FQ11" s="71">
        <v>17</v>
      </c>
      <c r="FR11" s="71">
        <v>17</v>
      </c>
      <c r="FS11" s="71">
        <v>14</v>
      </c>
      <c r="FT11" s="71">
        <v>9</v>
      </c>
      <c r="FU11" s="72">
        <v>88</v>
      </c>
      <c r="FV11" s="73">
        <v>103</v>
      </c>
      <c r="FW11" s="70">
        <v>0</v>
      </c>
      <c r="FX11" s="71">
        <v>0</v>
      </c>
      <c r="FY11" s="72">
        <v>0</v>
      </c>
      <c r="FZ11" s="244"/>
      <c r="GA11" s="71">
        <v>0</v>
      </c>
      <c r="GB11" s="71">
        <v>0</v>
      </c>
      <c r="GC11" s="71">
        <v>0</v>
      </c>
      <c r="GD11" s="71">
        <v>0</v>
      </c>
      <c r="GE11" s="71">
        <v>0</v>
      </c>
      <c r="GF11" s="72">
        <v>0</v>
      </c>
      <c r="GG11" s="73">
        <v>0</v>
      </c>
      <c r="GH11" s="70">
        <v>37</v>
      </c>
      <c r="GI11" s="71">
        <v>25</v>
      </c>
      <c r="GJ11" s="72">
        <v>62</v>
      </c>
      <c r="GK11" s="244"/>
      <c r="GL11" s="71">
        <v>79</v>
      </c>
      <c r="GM11" s="71">
        <v>34</v>
      </c>
      <c r="GN11" s="71">
        <v>32</v>
      </c>
      <c r="GO11" s="71">
        <v>26</v>
      </c>
      <c r="GP11" s="71">
        <v>22</v>
      </c>
      <c r="GQ11" s="72">
        <v>193</v>
      </c>
      <c r="GR11" s="73">
        <v>255</v>
      </c>
      <c r="GS11" s="123">
        <v>293</v>
      </c>
      <c r="GT11" s="82">
        <v>199</v>
      </c>
      <c r="GU11" s="83">
        <v>492</v>
      </c>
      <c r="GV11" s="241"/>
      <c r="GW11" s="82">
        <v>600</v>
      </c>
      <c r="GX11" s="82">
        <v>389</v>
      </c>
      <c r="GY11" s="82">
        <v>230</v>
      </c>
      <c r="GZ11" s="82">
        <v>196</v>
      </c>
      <c r="HA11" s="82">
        <v>109</v>
      </c>
      <c r="HB11" s="84">
        <v>1524</v>
      </c>
      <c r="HC11" s="85">
        <v>2016</v>
      </c>
      <c r="HD11" s="70">
        <v>4</v>
      </c>
      <c r="HE11" s="71">
        <v>0</v>
      </c>
      <c r="HF11" s="72">
        <v>4</v>
      </c>
      <c r="HG11" s="244"/>
      <c r="HH11" s="71">
        <v>9</v>
      </c>
      <c r="HI11" s="71">
        <v>7</v>
      </c>
      <c r="HJ11" s="71">
        <v>2</v>
      </c>
      <c r="HK11" s="71">
        <v>0</v>
      </c>
      <c r="HL11" s="71">
        <v>3</v>
      </c>
      <c r="HM11" s="72">
        <v>21</v>
      </c>
      <c r="HN11" s="73">
        <v>25</v>
      </c>
      <c r="HO11" s="70">
        <v>15</v>
      </c>
      <c r="HP11" s="71">
        <v>8</v>
      </c>
      <c r="HQ11" s="72">
        <v>23</v>
      </c>
      <c r="HR11" s="244"/>
      <c r="HS11" s="71">
        <v>27</v>
      </c>
      <c r="HT11" s="71">
        <v>17</v>
      </c>
      <c r="HU11" s="71">
        <v>13</v>
      </c>
      <c r="HV11" s="71">
        <v>7</v>
      </c>
      <c r="HW11" s="71">
        <v>4</v>
      </c>
      <c r="HX11" s="72">
        <v>68</v>
      </c>
      <c r="HY11" s="73">
        <v>91</v>
      </c>
      <c r="HZ11" s="70">
        <v>24</v>
      </c>
      <c r="IA11" s="71">
        <v>17</v>
      </c>
      <c r="IB11" s="72">
        <v>41</v>
      </c>
      <c r="IC11" s="244"/>
      <c r="ID11" s="71">
        <v>42</v>
      </c>
      <c r="IE11" s="71">
        <v>40</v>
      </c>
      <c r="IF11" s="71">
        <v>15</v>
      </c>
      <c r="IG11" s="71">
        <v>17</v>
      </c>
      <c r="IH11" s="71">
        <v>12</v>
      </c>
      <c r="II11" s="72">
        <v>126</v>
      </c>
      <c r="IJ11" s="73">
        <v>167</v>
      </c>
      <c r="IK11" s="70">
        <v>47</v>
      </c>
      <c r="IL11" s="71">
        <v>33</v>
      </c>
      <c r="IM11" s="72">
        <v>80</v>
      </c>
      <c r="IN11" s="244"/>
      <c r="IO11" s="71">
        <v>116</v>
      </c>
      <c r="IP11" s="71">
        <v>72</v>
      </c>
      <c r="IQ11" s="71">
        <v>38</v>
      </c>
      <c r="IR11" s="71">
        <v>36</v>
      </c>
      <c r="IS11" s="71">
        <v>26</v>
      </c>
      <c r="IT11" s="72">
        <v>288</v>
      </c>
      <c r="IU11" s="73">
        <v>368</v>
      </c>
      <c r="IV11" s="70">
        <v>109</v>
      </c>
      <c r="IW11" s="71">
        <v>83</v>
      </c>
      <c r="IX11" s="72">
        <v>192</v>
      </c>
      <c r="IY11" s="244"/>
      <c r="IZ11" s="71">
        <v>187</v>
      </c>
      <c r="JA11" s="71">
        <v>113</v>
      </c>
      <c r="JB11" s="71">
        <v>74</v>
      </c>
      <c r="JC11" s="71">
        <v>53</v>
      </c>
      <c r="JD11" s="71">
        <v>31</v>
      </c>
      <c r="JE11" s="72">
        <v>458</v>
      </c>
      <c r="JF11" s="73">
        <v>650</v>
      </c>
      <c r="JG11" s="70">
        <v>94</v>
      </c>
      <c r="JH11" s="71">
        <v>58</v>
      </c>
      <c r="JI11" s="72">
        <v>152</v>
      </c>
      <c r="JJ11" s="244"/>
      <c r="JK11" s="71">
        <v>219</v>
      </c>
      <c r="JL11" s="71">
        <v>140</v>
      </c>
      <c r="JM11" s="71">
        <v>88</v>
      </c>
      <c r="JN11" s="71">
        <v>83</v>
      </c>
      <c r="JO11" s="71">
        <v>33</v>
      </c>
      <c r="JP11" s="72">
        <v>563</v>
      </c>
      <c r="JQ11" s="73">
        <v>715</v>
      </c>
      <c r="JR11" s="70">
        <v>0</v>
      </c>
      <c r="JS11" s="71">
        <v>0</v>
      </c>
      <c r="JT11" s="72">
        <v>0</v>
      </c>
      <c r="JU11" s="244"/>
      <c r="JV11" s="71">
        <v>0</v>
      </c>
      <c r="JW11" s="71">
        <v>0</v>
      </c>
      <c r="JX11" s="71">
        <v>0</v>
      </c>
      <c r="JY11" s="71">
        <v>0</v>
      </c>
      <c r="JZ11" s="71">
        <v>0</v>
      </c>
      <c r="KA11" s="72">
        <v>0</v>
      </c>
      <c r="KB11" s="73">
        <v>0</v>
      </c>
      <c r="KC11" s="70">
        <v>293</v>
      </c>
      <c r="KD11" s="71">
        <v>199</v>
      </c>
      <c r="KE11" s="72">
        <v>492</v>
      </c>
      <c r="KF11" s="244"/>
      <c r="KG11" s="71">
        <v>600</v>
      </c>
      <c r="KH11" s="71">
        <v>389</v>
      </c>
      <c r="KI11" s="71">
        <v>230</v>
      </c>
      <c r="KJ11" s="71">
        <v>196</v>
      </c>
      <c r="KK11" s="71">
        <v>109</v>
      </c>
      <c r="KL11" s="72">
        <v>1524</v>
      </c>
      <c r="KM11" s="73">
        <v>2016</v>
      </c>
    </row>
    <row r="12" spans="2:299" ht="21" customHeight="1" x14ac:dyDescent="0.2">
      <c r="B12" s="126" t="s">
        <v>8</v>
      </c>
      <c r="C12" s="313">
        <v>98</v>
      </c>
      <c r="D12" s="82">
        <v>69</v>
      </c>
      <c r="E12" s="83">
        <v>167</v>
      </c>
      <c r="F12" s="241"/>
      <c r="G12" s="82">
        <v>158</v>
      </c>
      <c r="H12" s="82">
        <v>106</v>
      </c>
      <c r="I12" s="82">
        <v>98</v>
      </c>
      <c r="J12" s="82">
        <v>59</v>
      </c>
      <c r="K12" s="82">
        <v>45</v>
      </c>
      <c r="L12" s="84">
        <v>466</v>
      </c>
      <c r="M12" s="85">
        <v>633</v>
      </c>
      <c r="N12" s="70">
        <v>3</v>
      </c>
      <c r="O12" s="71">
        <v>2</v>
      </c>
      <c r="P12" s="72">
        <v>5</v>
      </c>
      <c r="Q12" s="244"/>
      <c r="R12" s="71">
        <v>4</v>
      </c>
      <c r="S12" s="71">
        <v>4</v>
      </c>
      <c r="T12" s="71">
        <v>3</v>
      </c>
      <c r="U12" s="71">
        <v>2</v>
      </c>
      <c r="V12" s="71">
        <v>1</v>
      </c>
      <c r="W12" s="72">
        <v>14</v>
      </c>
      <c r="X12" s="73">
        <v>19</v>
      </c>
      <c r="Y12" s="70">
        <v>2</v>
      </c>
      <c r="Z12" s="71">
        <v>3</v>
      </c>
      <c r="AA12" s="72">
        <v>5</v>
      </c>
      <c r="AB12" s="244"/>
      <c r="AC12" s="71">
        <v>11</v>
      </c>
      <c r="AD12" s="71">
        <v>11</v>
      </c>
      <c r="AE12" s="71">
        <v>0</v>
      </c>
      <c r="AF12" s="71">
        <v>6</v>
      </c>
      <c r="AG12" s="71">
        <v>2</v>
      </c>
      <c r="AH12" s="72">
        <v>30</v>
      </c>
      <c r="AI12" s="73">
        <v>35</v>
      </c>
      <c r="AJ12" s="70">
        <v>8</v>
      </c>
      <c r="AK12" s="71">
        <v>5</v>
      </c>
      <c r="AL12" s="72">
        <v>13</v>
      </c>
      <c r="AM12" s="244"/>
      <c r="AN12" s="71">
        <v>13</v>
      </c>
      <c r="AO12" s="71">
        <v>10</v>
      </c>
      <c r="AP12" s="71">
        <v>6</v>
      </c>
      <c r="AQ12" s="71">
        <v>6</v>
      </c>
      <c r="AR12" s="71">
        <v>5</v>
      </c>
      <c r="AS12" s="72">
        <v>40</v>
      </c>
      <c r="AT12" s="73">
        <v>53</v>
      </c>
      <c r="AU12" s="70">
        <v>20</v>
      </c>
      <c r="AV12" s="71">
        <v>7</v>
      </c>
      <c r="AW12" s="72">
        <v>27</v>
      </c>
      <c r="AX12" s="244"/>
      <c r="AY12" s="71">
        <v>30</v>
      </c>
      <c r="AZ12" s="71">
        <v>20</v>
      </c>
      <c r="BA12" s="71">
        <v>14</v>
      </c>
      <c r="BB12" s="71">
        <v>6</v>
      </c>
      <c r="BC12" s="71">
        <v>11</v>
      </c>
      <c r="BD12" s="72">
        <v>81</v>
      </c>
      <c r="BE12" s="73">
        <v>108</v>
      </c>
      <c r="BF12" s="70">
        <v>33</v>
      </c>
      <c r="BG12" s="71">
        <v>26</v>
      </c>
      <c r="BH12" s="72">
        <v>59</v>
      </c>
      <c r="BI12" s="244"/>
      <c r="BJ12" s="71">
        <v>43</v>
      </c>
      <c r="BK12" s="71">
        <v>21</v>
      </c>
      <c r="BL12" s="71">
        <v>24</v>
      </c>
      <c r="BM12" s="71">
        <v>15</v>
      </c>
      <c r="BN12" s="71">
        <v>10</v>
      </c>
      <c r="BO12" s="72">
        <v>113</v>
      </c>
      <c r="BP12" s="73">
        <v>172</v>
      </c>
      <c r="BQ12" s="70">
        <v>32</v>
      </c>
      <c r="BR12" s="71">
        <v>26</v>
      </c>
      <c r="BS12" s="72">
        <v>58</v>
      </c>
      <c r="BT12" s="244"/>
      <c r="BU12" s="71">
        <v>57</v>
      </c>
      <c r="BV12" s="71">
        <v>40</v>
      </c>
      <c r="BW12" s="71">
        <v>51</v>
      </c>
      <c r="BX12" s="71">
        <v>24</v>
      </c>
      <c r="BY12" s="71">
        <v>16</v>
      </c>
      <c r="BZ12" s="72">
        <v>188</v>
      </c>
      <c r="CA12" s="73">
        <v>246</v>
      </c>
      <c r="CB12" s="70">
        <v>0</v>
      </c>
      <c r="CC12" s="71">
        <v>0</v>
      </c>
      <c r="CD12" s="72">
        <v>0</v>
      </c>
      <c r="CE12" s="244"/>
      <c r="CF12" s="71">
        <v>0</v>
      </c>
      <c r="CG12" s="71">
        <v>0</v>
      </c>
      <c r="CH12" s="71">
        <v>0</v>
      </c>
      <c r="CI12" s="71">
        <v>0</v>
      </c>
      <c r="CJ12" s="71">
        <v>0</v>
      </c>
      <c r="CK12" s="72">
        <v>0</v>
      </c>
      <c r="CL12" s="73">
        <v>0</v>
      </c>
      <c r="CM12" s="70">
        <v>98</v>
      </c>
      <c r="CN12" s="71">
        <v>69</v>
      </c>
      <c r="CO12" s="72">
        <v>167</v>
      </c>
      <c r="CP12" s="244"/>
      <c r="CQ12" s="71">
        <v>158</v>
      </c>
      <c r="CR12" s="71">
        <v>106</v>
      </c>
      <c r="CS12" s="71">
        <v>98</v>
      </c>
      <c r="CT12" s="71">
        <v>59</v>
      </c>
      <c r="CU12" s="71">
        <v>45</v>
      </c>
      <c r="CV12" s="72">
        <v>466</v>
      </c>
      <c r="CW12" s="73">
        <v>633</v>
      </c>
      <c r="CX12" s="123">
        <v>15</v>
      </c>
      <c r="CY12" s="82">
        <v>5</v>
      </c>
      <c r="CZ12" s="83">
        <v>20</v>
      </c>
      <c r="DA12" s="241"/>
      <c r="DB12" s="82">
        <v>20</v>
      </c>
      <c r="DC12" s="82">
        <v>26</v>
      </c>
      <c r="DD12" s="82">
        <v>14</v>
      </c>
      <c r="DE12" s="82">
        <v>14</v>
      </c>
      <c r="DF12" s="82">
        <v>6</v>
      </c>
      <c r="DG12" s="84">
        <v>80</v>
      </c>
      <c r="DH12" s="85">
        <v>100</v>
      </c>
      <c r="DI12" s="70">
        <v>2</v>
      </c>
      <c r="DJ12" s="71">
        <v>0</v>
      </c>
      <c r="DK12" s="72">
        <v>2</v>
      </c>
      <c r="DL12" s="244"/>
      <c r="DM12" s="71">
        <v>0</v>
      </c>
      <c r="DN12" s="71">
        <v>1</v>
      </c>
      <c r="DO12" s="71">
        <v>0</v>
      </c>
      <c r="DP12" s="71">
        <v>0</v>
      </c>
      <c r="DQ12" s="71">
        <v>0</v>
      </c>
      <c r="DR12" s="72">
        <v>1</v>
      </c>
      <c r="DS12" s="73">
        <v>3</v>
      </c>
      <c r="DT12" s="70">
        <v>1</v>
      </c>
      <c r="DU12" s="71">
        <v>0</v>
      </c>
      <c r="DV12" s="72">
        <v>1</v>
      </c>
      <c r="DW12" s="244"/>
      <c r="DX12" s="71">
        <v>1</v>
      </c>
      <c r="DY12" s="71">
        <v>0</v>
      </c>
      <c r="DZ12" s="71">
        <v>0</v>
      </c>
      <c r="EA12" s="71">
        <v>1</v>
      </c>
      <c r="EB12" s="71">
        <v>1</v>
      </c>
      <c r="EC12" s="72">
        <v>3</v>
      </c>
      <c r="ED12" s="73">
        <v>4</v>
      </c>
      <c r="EE12" s="70">
        <v>2</v>
      </c>
      <c r="EF12" s="71">
        <v>2</v>
      </c>
      <c r="EG12" s="72">
        <v>4</v>
      </c>
      <c r="EH12" s="244"/>
      <c r="EI12" s="71">
        <v>2</v>
      </c>
      <c r="EJ12" s="71">
        <v>3</v>
      </c>
      <c r="EK12" s="71">
        <v>0</v>
      </c>
      <c r="EL12" s="71">
        <v>1</v>
      </c>
      <c r="EM12" s="71">
        <v>1</v>
      </c>
      <c r="EN12" s="72">
        <v>7</v>
      </c>
      <c r="EO12" s="73">
        <v>11</v>
      </c>
      <c r="EP12" s="70">
        <v>3</v>
      </c>
      <c r="EQ12" s="71">
        <v>2</v>
      </c>
      <c r="ER12" s="72">
        <v>5</v>
      </c>
      <c r="ES12" s="244"/>
      <c r="ET12" s="71">
        <v>1</v>
      </c>
      <c r="EU12" s="71">
        <v>3</v>
      </c>
      <c r="EV12" s="71">
        <v>4</v>
      </c>
      <c r="EW12" s="71">
        <v>0</v>
      </c>
      <c r="EX12" s="71">
        <v>0</v>
      </c>
      <c r="EY12" s="72">
        <v>8</v>
      </c>
      <c r="EZ12" s="73">
        <v>13</v>
      </c>
      <c r="FA12" s="70">
        <v>3</v>
      </c>
      <c r="FB12" s="71">
        <v>1</v>
      </c>
      <c r="FC12" s="72">
        <v>4</v>
      </c>
      <c r="FD12" s="244"/>
      <c r="FE12" s="71">
        <v>6</v>
      </c>
      <c r="FF12" s="71">
        <v>7</v>
      </c>
      <c r="FG12" s="71">
        <v>2</v>
      </c>
      <c r="FH12" s="71">
        <v>2</v>
      </c>
      <c r="FI12" s="71">
        <v>3</v>
      </c>
      <c r="FJ12" s="72">
        <v>20</v>
      </c>
      <c r="FK12" s="73">
        <v>24</v>
      </c>
      <c r="FL12" s="70">
        <v>4</v>
      </c>
      <c r="FM12" s="71">
        <v>0</v>
      </c>
      <c r="FN12" s="72">
        <v>4</v>
      </c>
      <c r="FO12" s="244"/>
      <c r="FP12" s="71">
        <v>10</v>
      </c>
      <c r="FQ12" s="71">
        <v>12</v>
      </c>
      <c r="FR12" s="71">
        <v>8</v>
      </c>
      <c r="FS12" s="71">
        <v>10</v>
      </c>
      <c r="FT12" s="71">
        <v>1</v>
      </c>
      <c r="FU12" s="72">
        <v>41</v>
      </c>
      <c r="FV12" s="73">
        <v>45</v>
      </c>
      <c r="FW12" s="70">
        <v>0</v>
      </c>
      <c r="FX12" s="71">
        <v>0</v>
      </c>
      <c r="FY12" s="72">
        <v>0</v>
      </c>
      <c r="FZ12" s="244"/>
      <c r="GA12" s="71">
        <v>0</v>
      </c>
      <c r="GB12" s="71">
        <v>0</v>
      </c>
      <c r="GC12" s="71">
        <v>0</v>
      </c>
      <c r="GD12" s="71">
        <v>0</v>
      </c>
      <c r="GE12" s="71">
        <v>0</v>
      </c>
      <c r="GF12" s="72">
        <v>0</v>
      </c>
      <c r="GG12" s="73">
        <v>0</v>
      </c>
      <c r="GH12" s="70">
        <v>15</v>
      </c>
      <c r="GI12" s="71">
        <v>5</v>
      </c>
      <c r="GJ12" s="72">
        <v>20</v>
      </c>
      <c r="GK12" s="244"/>
      <c r="GL12" s="71">
        <v>20</v>
      </c>
      <c r="GM12" s="71">
        <v>26</v>
      </c>
      <c r="GN12" s="71">
        <v>14</v>
      </c>
      <c r="GO12" s="71">
        <v>14</v>
      </c>
      <c r="GP12" s="71">
        <v>6</v>
      </c>
      <c r="GQ12" s="72">
        <v>80</v>
      </c>
      <c r="GR12" s="73">
        <v>100</v>
      </c>
      <c r="GS12" s="123">
        <v>113</v>
      </c>
      <c r="GT12" s="82">
        <v>74</v>
      </c>
      <c r="GU12" s="83">
        <v>187</v>
      </c>
      <c r="GV12" s="241"/>
      <c r="GW12" s="82">
        <v>178</v>
      </c>
      <c r="GX12" s="82">
        <v>132</v>
      </c>
      <c r="GY12" s="82">
        <v>112</v>
      </c>
      <c r="GZ12" s="82">
        <v>73</v>
      </c>
      <c r="HA12" s="82">
        <v>51</v>
      </c>
      <c r="HB12" s="84">
        <v>546</v>
      </c>
      <c r="HC12" s="85">
        <v>733</v>
      </c>
      <c r="HD12" s="70">
        <v>5</v>
      </c>
      <c r="HE12" s="71">
        <v>2</v>
      </c>
      <c r="HF12" s="72">
        <v>7</v>
      </c>
      <c r="HG12" s="244"/>
      <c r="HH12" s="71">
        <v>4</v>
      </c>
      <c r="HI12" s="71">
        <v>5</v>
      </c>
      <c r="HJ12" s="71">
        <v>3</v>
      </c>
      <c r="HK12" s="71">
        <v>2</v>
      </c>
      <c r="HL12" s="71">
        <v>1</v>
      </c>
      <c r="HM12" s="72">
        <v>15</v>
      </c>
      <c r="HN12" s="73">
        <v>22</v>
      </c>
      <c r="HO12" s="70">
        <v>3</v>
      </c>
      <c r="HP12" s="71">
        <v>3</v>
      </c>
      <c r="HQ12" s="72">
        <v>6</v>
      </c>
      <c r="HR12" s="244"/>
      <c r="HS12" s="71">
        <v>12</v>
      </c>
      <c r="HT12" s="71">
        <v>11</v>
      </c>
      <c r="HU12" s="71">
        <v>0</v>
      </c>
      <c r="HV12" s="71">
        <v>7</v>
      </c>
      <c r="HW12" s="71">
        <v>3</v>
      </c>
      <c r="HX12" s="72">
        <v>33</v>
      </c>
      <c r="HY12" s="73">
        <v>39</v>
      </c>
      <c r="HZ12" s="70">
        <v>10</v>
      </c>
      <c r="IA12" s="71">
        <v>7</v>
      </c>
      <c r="IB12" s="72">
        <v>17</v>
      </c>
      <c r="IC12" s="244"/>
      <c r="ID12" s="71">
        <v>15</v>
      </c>
      <c r="IE12" s="71">
        <v>13</v>
      </c>
      <c r="IF12" s="71">
        <v>6</v>
      </c>
      <c r="IG12" s="71">
        <v>7</v>
      </c>
      <c r="IH12" s="71">
        <v>6</v>
      </c>
      <c r="II12" s="72">
        <v>47</v>
      </c>
      <c r="IJ12" s="73">
        <v>64</v>
      </c>
      <c r="IK12" s="70">
        <v>23</v>
      </c>
      <c r="IL12" s="71">
        <v>9</v>
      </c>
      <c r="IM12" s="72">
        <v>32</v>
      </c>
      <c r="IN12" s="244"/>
      <c r="IO12" s="71">
        <v>31</v>
      </c>
      <c r="IP12" s="71">
        <v>23</v>
      </c>
      <c r="IQ12" s="71">
        <v>18</v>
      </c>
      <c r="IR12" s="71">
        <v>6</v>
      </c>
      <c r="IS12" s="71">
        <v>11</v>
      </c>
      <c r="IT12" s="72">
        <v>89</v>
      </c>
      <c r="IU12" s="73">
        <v>121</v>
      </c>
      <c r="IV12" s="70">
        <v>36</v>
      </c>
      <c r="IW12" s="71">
        <v>27</v>
      </c>
      <c r="IX12" s="72">
        <v>63</v>
      </c>
      <c r="IY12" s="244"/>
      <c r="IZ12" s="71">
        <v>49</v>
      </c>
      <c r="JA12" s="71">
        <v>28</v>
      </c>
      <c r="JB12" s="71">
        <v>26</v>
      </c>
      <c r="JC12" s="71">
        <v>17</v>
      </c>
      <c r="JD12" s="71">
        <v>13</v>
      </c>
      <c r="JE12" s="72">
        <v>133</v>
      </c>
      <c r="JF12" s="73">
        <v>196</v>
      </c>
      <c r="JG12" s="70">
        <v>36</v>
      </c>
      <c r="JH12" s="71">
        <v>26</v>
      </c>
      <c r="JI12" s="72">
        <v>62</v>
      </c>
      <c r="JJ12" s="244"/>
      <c r="JK12" s="71">
        <v>67</v>
      </c>
      <c r="JL12" s="71">
        <v>52</v>
      </c>
      <c r="JM12" s="71">
        <v>59</v>
      </c>
      <c r="JN12" s="71">
        <v>34</v>
      </c>
      <c r="JO12" s="71">
        <v>17</v>
      </c>
      <c r="JP12" s="72">
        <v>229</v>
      </c>
      <c r="JQ12" s="73">
        <v>291</v>
      </c>
      <c r="JR12" s="70">
        <v>0</v>
      </c>
      <c r="JS12" s="71">
        <v>0</v>
      </c>
      <c r="JT12" s="72">
        <v>0</v>
      </c>
      <c r="JU12" s="244"/>
      <c r="JV12" s="71">
        <v>0</v>
      </c>
      <c r="JW12" s="71">
        <v>0</v>
      </c>
      <c r="JX12" s="71">
        <v>0</v>
      </c>
      <c r="JY12" s="71">
        <v>0</v>
      </c>
      <c r="JZ12" s="71">
        <v>0</v>
      </c>
      <c r="KA12" s="72">
        <v>0</v>
      </c>
      <c r="KB12" s="73">
        <v>0</v>
      </c>
      <c r="KC12" s="70">
        <v>113</v>
      </c>
      <c r="KD12" s="71">
        <v>74</v>
      </c>
      <c r="KE12" s="72">
        <v>187</v>
      </c>
      <c r="KF12" s="244"/>
      <c r="KG12" s="71">
        <v>178</v>
      </c>
      <c r="KH12" s="71">
        <v>132</v>
      </c>
      <c r="KI12" s="71">
        <v>112</v>
      </c>
      <c r="KJ12" s="71">
        <v>73</v>
      </c>
      <c r="KK12" s="71">
        <v>51</v>
      </c>
      <c r="KL12" s="72">
        <v>546</v>
      </c>
      <c r="KM12" s="73">
        <v>733</v>
      </c>
    </row>
    <row r="13" spans="2:299" ht="21" customHeight="1" x14ac:dyDescent="0.2">
      <c r="B13" s="126" t="s">
        <v>9</v>
      </c>
      <c r="C13" s="313">
        <v>198</v>
      </c>
      <c r="D13" s="82">
        <v>102</v>
      </c>
      <c r="E13" s="83">
        <v>300</v>
      </c>
      <c r="F13" s="241"/>
      <c r="G13" s="82">
        <v>212</v>
      </c>
      <c r="H13" s="82">
        <v>142</v>
      </c>
      <c r="I13" s="82">
        <v>114</v>
      </c>
      <c r="J13" s="82">
        <v>96</v>
      </c>
      <c r="K13" s="82">
        <v>50</v>
      </c>
      <c r="L13" s="84">
        <v>614</v>
      </c>
      <c r="M13" s="85">
        <v>914</v>
      </c>
      <c r="N13" s="70">
        <v>1</v>
      </c>
      <c r="O13" s="71">
        <v>0</v>
      </c>
      <c r="P13" s="72">
        <v>1</v>
      </c>
      <c r="Q13" s="244"/>
      <c r="R13" s="71">
        <v>0</v>
      </c>
      <c r="S13" s="71">
        <v>2</v>
      </c>
      <c r="T13" s="71">
        <v>2</v>
      </c>
      <c r="U13" s="71">
        <v>0</v>
      </c>
      <c r="V13" s="71">
        <v>1</v>
      </c>
      <c r="W13" s="72">
        <v>5</v>
      </c>
      <c r="X13" s="73">
        <v>6</v>
      </c>
      <c r="Y13" s="70">
        <v>7</v>
      </c>
      <c r="Z13" s="71">
        <v>2</v>
      </c>
      <c r="AA13" s="72">
        <v>9</v>
      </c>
      <c r="AB13" s="244"/>
      <c r="AC13" s="71">
        <v>5</v>
      </c>
      <c r="AD13" s="71">
        <v>5</v>
      </c>
      <c r="AE13" s="71">
        <v>0</v>
      </c>
      <c r="AF13" s="71">
        <v>1</v>
      </c>
      <c r="AG13" s="71">
        <v>1</v>
      </c>
      <c r="AH13" s="72">
        <v>12</v>
      </c>
      <c r="AI13" s="73">
        <v>21</v>
      </c>
      <c r="AJ13" s="70">
        <v>14</v>
      </c>
      <c r="AK13" s="71">
        <v>6</v>
      </c>
      <c r="AL13" s="72">
        <v>20</v>
      </c>
      <c r="AM13" s="244"/>
      <c r="AN13" s="71">
        <v>12</v>
      </c>
      <c r="AO13" s="71">
        <v>8</v>
      </c>
      <c r="AP13" s="71">
        <v>9</v>
      </c>
      <c r="AQ13" s="71">
        <v>8</v>
      </c>
      <c r="AR13" s="71">
        <v>7</v>
      </c>
      <c r="AS13" s="72">
        <v>44</v>
      </c>
      <c r="AT13" s="73">
        <v>64</v>
      </c>
      <c r="AU13" s="70">
        <v>35</v>
      </c>
      <c r="AV13" s="71">
        <v>20</v>
      </c>
      <c r="AW13" s="72">
        <v>55</v>
      </c>
      <c r="AX13" s="244"/>
      <c r="AY13" s="71">
        <v>29</v>
      </c>
      <c r="AZ13" s="71">
        <v>21</v>
      </c>
      <c r="BA13" s="71">
        <v>13</v>
      </c>
      <c r="BB13" s="71">
        <v>11</v>
      </c>
      <c r="BC13" s="71">
        <v>6</v>
      </c>
      <c r="BD13" s="72">
        <v>80</v>
      </c>
      <c r="BE13" s="73">
        <v>135</v>
      </c>
      <c r="BF13" s="70">
        <v>74</v>
      </c>
      <c r="BG13" s="71">
        <v>37</v>
      </c>
      <c r="BH13" s="72">
        <v>111</v>
      </c>
      <c r="BI13" s="244"/>
      <c r="BJ13" s="71">
        <v>74</v>
      </c>
      <c r="BK13" s="71">
        <v>43</v>
      </c>
      <c r="BL13" s="71">
        <v>34</v>
      </c>
      <c r="BM13" s="71">
        <v>35</v>
      </c>
      <c r="BN13" s="71">
        <v>11</v>
      </c>
      <c r="BO13" s="72">
        <v>197</v>
      </c>
      <c r="BP13" s="73">
        <v>308</v>
      </c>
      <c r="BQ13" s="70">
        <v>67</v>
      </c>
      <c r="BR13" s="71">
        <v>37</v>
      </c>
      <c r="BS13" s="72">
        <v>104</v>
      </c>
      <c r="BT13" s="244"/>
      <c r="BU13" s="71">
        <v>92</v>
      </c>
      <c r="BV13" s="71">
        <v>63</v>
      </c>
      <c r="BW13" s="71">
        <v>56</v>
      </c>
      <c r="BX13" s="71">
        <v>41</v>
      </c>
      <c r="BY13" s="71">
        <v>24</v>
      </c>
      <c r="BZ13" s="72">
        <v>276</v>
      </c>
      <c r="CA13" s="73">
        <v>380</v>
      </c>
      <c r="CB13" s="70">
        <v>0</v>
      </c>
      <c r="CC13" s="71">
        <v>0</v>
      </c>
      <c r="CD13" s="72">
        <v>0</v>
      </c>
      <c r="CE13" s="244"/>
      <c r="CF13" s="71">
        <v>0</v>
      </c>
      <c r="CG13" s="71">
        <v>0</v>
      </c>
      <c r="CH13" s="71">
        <v>0</v>
      </c>
      <c r="CI13" s="71">
        <v>0</v>
      </c>
      <c r="CJ13" s="71">
        <v>0</v>
      </c>
      <c r="CK13" s="72">
        <v>0</v>
      </c>
      <c r="CL13" s="73">
        <v>0</v>
      </c>
      <c r="CM13" s="70">
        <v>198</v>
      </c>
      <c r="CN13" s="71">
        <v>102</v>
      </c>
      <c r="CO13" s="72">
        <v>300</v>
      </c>
      <c r="CP13" s="244"/>
      <c r="CQ13" s="71">
        <v>212</v>
      </c>
      <c r="CR13" s="71">
        <v>142</v>
      </c>
      <c r="CS13" s="71">
        <v>114</v>
      </c>
      <c r="CT13" s="71">
        <v>96</v>
      </c>
      <c r="CU13" s="71">
        <v>50</v>
      </c>
      <c r="CV13" s="72">
        <v>614</v>
      </c>
      <c r="CW13" s="73">
        <v>914</v>
      </c>
      <c r="CX13" s="123">
        <v>32</v>
      </c>
      <c r="CY13" s="82">
        <v>20</v>
      </c>
      <c r="CZ13" s="83">
        <v>52</v>
      </c>
      <c r="DA13" s="241"/>
      <c r="DB13" s="82">
        <v>28</v>
      </c>
      <c r="DC13" s="82">
        <v>21</v>
      </c>
      <c r="DD13" s="82">
        <v>23</v>
      </c>
      <c r="DE13" s="82">
        <v>18</v>
      </c>
      <c r="DF13" s="82">
        <v>9</v>
      </c>
      <c r="DG13" s="84">
        <v>99</v>
      </c>
      <c r="DH13" s="85">
        <v>151</v>
      </c>
      <c r="DI13" s="70">
        <v>1</v>
      </c>
      <c r="DJ13" s="71">
        <v>0</v>
      </c>
      <c r="DK13" s="72">
        <v>1</v>
      </c>
      <c r="DL13" s="244"/>
      <c r="DM13" s="71">
        <v>0</v>
      </c>
      <c r="DN13" s="71">
        <v>0</v>
      </c>
      <c r="DO13" s="71">
        <v>1</v>
      </c>
      <c r="DP13" s="71">
        <v>0</v>
      </c>
      <c r="DQ13" s="71">
        <v>0</v>
      </c>
      <c r="DR13" s="72">
        <v>1</v>
      </c>
      <c r="DS13" s="73">
        <v>2</v>
      </c>
      <c r="DT13" s="70">
        <v>4</v>
      </c>
      <c r="DU13" s="71">
        <v>4</v>
      </c>
      <c r="DV13" s="72">
        <v>8</v>
      </c>
      <c r="DW13" s="244"/>
      <c r="DX13" s="71">
        <v>0</v>
      </c>
      <c r="DY13" s="71">
        <v>1</v>
      </c>
      <c r="DZ13" s="71">
        <v>1</v>
      </c>
      <c r="EA13" s="71">
        <v>0</v>
      </c>
      <c r="EB13" s="71">
        <v>0</v>
      </c>
      <c r="EC13" s="72">
        <v>2</v>
      </c>
      <c r="ED13" s="73">
        <v>10</v>
      </c>
      <c r="EE13" s="70">
        <v>6</v>
      </c>
      <c r="EF13" s="71">
        <v>0</v>
      </c>
      <c r="EG13" s="72">
        <v>6</v>
      </c>
      <c r="EH13" s="244"/>
      <c r="EI13" s="71">
        <v>1</v>
      </c>
      <c r="EJ13" s="71">
        <v>2</v>
      </c>
      <c r="EK13" s="71">
        <v>1</v>
      </c>
      <c r="EL13" s="71">
        <v>1</v>
      </c>
      <c r="EM13" s="71">
        <v>2</v>
      </c>
      <c r="EN13" s="72">
        <v>7</v>
      </c>
      <c r="EO13" s="73">
        <v>13</v>
      </c>
      <c r="EP13" s="70">
        <v>6</v>
      </c>
      <c r="EQ13" s="71">
        <v>3</v>
      </c>
      <c r="ER13" s="72">
        <v>9</v>
      </c>
      <c r="ES13" s="244"/>
      <c r="ET13" s="71">
        <v>9</v>
      </c>
      <c r="EU13" s="71">
        <v>1</v>
      </c>
      <c r="EV13" s="71">
        <v>2</v>
      </c>
      <c r="EW13" s="71">
        <v>1</v>
      </c>
      <c r="EX13" s="71">
        <v>0</v>
      </c>
      <c r="EY13" s="72">
        <v>13</v>
      </c>
      <c r="EZ13" s="73">
        <v>22</v>
      </c>
      <c r="FA13" s="70">
        <v>8</v>
      </c>
      <c r="FB13" s="71">
        <v>9</v>
      </c>
      <c r="FC13" s="72">
        <v>17</v>
      </c>
      <c r="FD13" s="244"/>
      <c r="FE13" s="71">
        <v>8</v>
      </c>
      <c r="FF13" s="71">
        <v>9</v>
      </c>
      <c r="FG13" s="71">
        <v>5</v>
      </c>
      <c r="FH13" s="71">
        <v>5</v>
      </c>
      <c r="FI13" s="71">
        <v>4</v>
      </c>
      <c r="FJ13" s="72">
        <v>31</v>
      </c>
      <c r="FK13" s="73">
        <v>48</v>
      </c>
      <c r="FL13" s="70">
        <v>7</v>
      </c>
      <c r="FM13" s="71">
        <v>4</v>
      </c>
      <c r="FN13" s="72">
        <v>11</v>
      </c>
      <c r="FO13" s="244"/>
      <c r="FP13" s="71">
        <v>10</v>
      </c>
      <c r="FQ13" s="71">
        <v>8</v>
      </c>
      <c r="FR13" s="71">
        <v>13</v>
      </c>
      <c r="FS13" s="71">
        <v>11</v>
      </c>
      <c r="FT13" s="71">
        <v>3</v>
      </c>
      <c r="FU13" s="72">
        <v>45</v>
      </c>
      <c r="FV13" s="73">
        <v>56</v>
      </c>
      <c r="FW13" s="70">
        <v>0</v>
      </c>
      <c r="FX13" s="71">
        <v>0</v>
      </c>
      <c r="FY13" s="72">
        <v>0</v>
      </c>
      <c r="FZ13" s="244"/>
      <c r="GA13" s="71">
        <v>0</v>
      </c>
      <c r="GB13" s="71">
        <v>0</v>
      </c>
      <c r="GC13" s="71">
        <v>0</v>
      </c>
      <c r="GD13" s="71">
        <v>0</v>
      </c>
      <c r="GE13" s="71">
        <v>0</v>
      </c>
      <c r="GF13" s="72">
        <v>0</v>
      </c>
      <c r="GG13" s="73">
        <v>0</v>
      </c>
      <c r="GH13" s="70">
        <v>32</v>
      </c>
      <c r="GI13" s="71">
        <v>20</v>
      </c>
      <c r="GJ13" s="72">
        <v>52</v>
      </c>
      <c r="GK13" s="244"/>
      <c r="GL13" s="71">
        <v>28</v>
      </c>
      <c r="GM13" s="71">
        <v>21</v>
      </c>
      <c r="GN13" s="71">
        <v>23</v>
      </c>
      <c r="GO13" s="71">
        <v>18</v>
      </c>
      <c r="GP13" s="71">
        <v>9</v>
      </c>
      <c r="GQ13" s="72">
        <v>99</v>
      </c>
      <c r="GR13" s="73">
        <v>151</v>
      </c>
      <c r="GS13" s="123">
        <v>230</v>
      </c>
      <c r="GT13" s="82">
        <v>122</v>
      </c>
      <c r="GU13" s="83">
        <v>352</v>
      </c>
      <c r="GV13" s="241"/>
      <c r="GW13" s="82">
        <v>240</v>
      </c>
      <c r="GX13" s="82">
        <v>163</v>
      </c>
      <c r="GY13" s="82">
        <v>137</v>
      </c>
      <c r="GZ13" s="82">
        <v>114</v>
      </c>
      <c r="HA13" s="82">
        <v>59</v>
      </c>
      <c r="HB13" s="84">
        <v>713</v>
      </c>
      <c r="HC13" s="85">
        <v>1065</v>
      </c>
      <c r="HD13" s="70">
        <v>2</v>
      </c>
      <c r="HE13" s="71">
        <v>0</v>
      </c>
      <c r="HF13" s="72">
        <v>2</v>
      </c>
      <c r="HG13" s="244"/>
      <c r="HH13" s="71">
        <v>0</v>
      </c>
      <c r="HI13" s="71">
        <v>2</v>
      </c>
      <c r="HJ13" s="71">
        <v>3</v>
      </c>
      <c r="HK13" s="71">
        <v>0</v>
      </c>
      <c r="HL13" s="71">
        <v>1</v>
      </c>
      <c r="HM13" s="72">
        <v>6</v>
      </c>
      <c r="HN13" s="73">
        <v>8</v>
      </c>
      <c r="HO13" s="70">
        <v>11</v>
      </c>
      <c r="HP13" s="71">
        <v>6</v>
      </c>
      <c r="HQ13" s="72">
        <v>17</v>
      </c>
      <c r="HR13" s="244"/>
      <c r="HS13" s="71">
        <v>5</v>
      </c>
      <c r="HT13" s="71">
        <v>6</v>
      </c>
      <c r="HU13" s="71">
        <v>1</v>
      </c>
      <c r="HV13" s="71">
        <v>1</v>
      </c>
      <c r="HW13" s="71">
        <v>1</v>
      </c>
      <c r="HX13" s="72">
        <v>14</v>
      </c>
      <c r="HY13" s="73">
        <v>31</v>
      </c>
      <c r="HZ13" s="70">
        <v>20</v>
      </c>
      <c r="IA13" s="71">
        <v>6</v>
      </c>
      <c r="IB13" s="72">
        <v>26</v>
      </c>
      <c r="IC13" s="244"/>
      <c r="ID13" s="71">
        <v>13</v>
      </c>
      <c r="IE13" s="71">
        <v>10</v>
      </c>
      <c r="IF13" s="71">
        <v>10</v>
      </c>
      <c r="IG13" s="71">
        <v>9</v>
      </c>
      <c r="IH13" s="71">
        <v>9</v>
      </c>
      <c r="II13" s="72">
        <v>51</v>
      </c>
      <c r="IJ13" s="73">
        <v>77</v>
      </c>
      <c r="IK13" s="70">
        <v>41</v>
      </c>
      <c r="IL13" s="71">
        <v>23</v>
      </c>
      <c r="IM13" s="72">
        <v>64</v>
      </c>
      <c r="IN13" s="244"/>
      <c r="IO13" s="71">
        <v>38</v>
      </c>
      <c r="IP13" s="71">
        <v>22</v>
      </c>
      <c r="IQ13" s="71">
        <v>15</v>
      </c>
      <c r="IR13" s="71">
        <v>12</v>
      </c>
      <c r="IS13" s="71">
        <v>6</v>
      </c>
      <c r="IT13" s="72">
        <v>93</v>
      </c>
      <c r="IU13" s="73">
        <v>157</v>
      </c>
      <c r="IV13" s="70">
        <v>82</v>
      </c>
      <c r="IW13" s="71">
        <v>46</v>
      </c>
      <c r="IX13" s="72">
        <v>128</v>
      </c>
      <c r="IY13" s="244"/>
      <c r="IZ13" s="71">
        <v>82</v>
      </c>
      <c r="JA13" s="71">
        <v>52</v>
      </c>
      <c r="JB13" s="71">
        <v>39</v>
      </c>
      <c r="JC13" s="71">
        <v>40</v>
      </c>
      <c r="JD13" s="71">
        <v>15</v>
      </c>
      <c r="JE13" s="72">
        <v>228</v>
      </c>
      <c r="JF13" s="73">
        <v>356</v>
      </c>
      <c r="JG13" s="70">
        <v>74</v>
      </c>
      <c r="JH13" s="71">
        <v>41</v>
      </c>
      <c r="JI13" s="72">
        <v>115</v>
      </c>
      <c r="JJ13" s="244"/>
      <c r="JK13" s="71">
        <v>102</v>
      </c>
      <c r="JL13" s="71">
        <v>71</v>
      </c>
      <c r="JM13" s="71">
        <v>69</v>
      </c>
      <c r="JN13" s="71">
        <v>52</v>
      </c>
      <c r="JO13" s="71">
        <v>27</v>
      </c>
      <c r="JP13" s="72">
        <v>321</v>
      </c>
      <c r="JQ13" s="73">
        <v>436</v>
      </c>
      <c r="JR13" s="70">
        <v>0</v>
      </c>
      <c r="JS13" s="71">
        <v>0</v>
      </c>
      <c r="JT13" s="72">
        <v>0</v>
      </c>
      <c r="JU13" s="244"/>
      <c r="JV13" s="71">
        <v>0</v>
      </c>
      <c r="JW13" s="71">
        <v>0</v>
      </c>
      <c r="JX13" s="71">
        <v>0</v>
      </c>
      <c r="JY13" s="71">
        <v>0</v>
      </c>
      <c r="JZ13" s="71">
        <v>0</v>
      </c>
      <c r="KA13" s="72">
        <v>0</v>
      </c>
      <c r="KB13" s="73">
        <v>0</v>
      </c>
      <c r="KC13" s="70">
        <v>230</v>
      </c>
      <c r="KD13" s="71">
        <v>122</v>
      </c>
      <c r="KE13" s="72">
        <v>352</v>
      </c>
      <c r="KF13" s="244"/>
      <c r="KG13" s="71">
        <v>240</v>
      </c>
      <c r="KH13" s="71">
        <v>163</v>
      </c>
      <c r="KI13" s="71">
        <v>137</v>
      </c>
      <c r="KJ13" s="71">
        <v>114</v>
      </c>
      <c r="KK13" s="71">
        <v>59</v>
      </c>
      <c r="KL13" s="72">
        <v>713</v>
      </c>
      <c r="KM13" s="73">
        <v>1065</v>
      </c>
    </row>
    <row r="14" spans="2:299" ht="21" customHeight="1" x14ac:dyDescent="0.2">
      <c r="B14" s="126" t="s">
        <v>10</v>
      </c>
      <c r="C14" s="313">
        <v>345</v>
      </c>
      <c r="D14" s="82">
        <v>199</v>
      </c>
      <c r="E14" s="83">
        <v>544</v>
      </c>
      <c r="F14" s="241"/>
      <c r="G14" s="82">
        <v>341</v>
      </c>
      <c r="H14" s="82">
        <v>187</v>
      </c>
      <c r="I14" s="82">
        <v>135</v>
      </c>
      <c r="J14" s="82">
        <v>134</v>
      </c>
      <c r="K14" s="82">
        <v>83</v>
      </c>
      <c r="L14" s="84">
        <v>880</v>
      </c>
      <c r="M14" s="85">
        <v>1424</v>
      </c>
      <c r="N14" s="70">
        <v>1</v>
      </c>
      <c r="O14" s="71">
        <v>3</v>
      </c>
      <c r="P14" s="72">
        <v>4</v>
      </c>
      <c r="Q14" s="244"/>
      <c r="R14" s="71">
        <v>4</v>
      </c>
      <c r="S14" s="71">
        <v>5</v>
      </c>
      <c r="T14" s="71">
        <v>1</v>
      </c>
      <c r="U14" s="71">
        <v>1</v>
      </c>
      <c r="V14" s="71">
        <v>2</v>
      </c>
      <c r="W14" s="72">
        <v>13</v>
      </c>
      <c r="X14" s="73">
        <v>17</v>
      </c>
      <c r="Y14" s="70">
        <v>12</v>
      </c>
      <c r="Z14" s="71">
        <v>7</v>
      </c>
      <c r="AA14" s="72">
        <v>19</v>
      </c>
      <c r="AB14" s="244"/>
      <c r="AC14" s="71">
        <v>16</v>
      </c>
      <c r="AD14" s="71">
        <v>9</v>
      </c>
      <c r="AE14" s="71">
        <v>4</v>
      </c>
      <c r="AF14" s="71">
        <v>7</v>
      </c>
      <c r="AG14" s="71">
        <v>2</v>
      </c>
      <c r="AH14" s="72">
        <v>38</v>
      </c>
      <c r="AI14" s="73">
        <v>57</v>
      </c>
      <c r="AJ14" s="70">
        <v>28</v>
      </c>
      <c r="AK14" s="71">
        <v>15</v>
      </c>
      <c r="AL14" s="72">
        <v>43</v>
      </c>
      <c r="AM14" s="244"/>
      <c r="AN14" s="71">
        <v>22</v>
      </c>
      <c r="AO14" s="71">
        <v>13</v>
      </c>
      <c r="AP14" s="71">
        <v>12</v>
      </c>
      <c r="AQ14" s="71">
        <v>10</v>
      </c>
      <c r="AR14" s="71">
        <v>8</v>
      </c>
      <c r="AS14" s="72">
        <v>65</v>
      </c>
      <c r="AT14" s="73">
        <v>108</v>
      </c>
      <c r="AU14" s="70">
        <v>71</v>
      </c>
      <c r="AV14" s="71">
        <v>45</v>
      </c>
      <c r="AW14" s="72">
        <v>116</v>
      </c>
      <c r="AX14" s="244"/>
      <c r="AY14" s="71">
        <v>69</v>
      </c>
      <c r="AZ14" s="71">
        <v>27</v>
      </c>
      <c r="BA14" s="71">
        <v>17</v>
      </c>
      <c r="BB14" s="71">
        <v>12</v>
      </c>
      <c r="BC14" s="71">
        <v>17</v>
      </c>
      <c r="BD14" s="72">
        <v>142</v>
      </c>
      <c r="BE14" s="73">
        <v>258</v>
      </c>
      <c r="BF14" s="70">
        <v>147</v>
      </c>
      <c r="BG14" s="71">
        <v>73</v>
      </c>
      <c r="BH14" s="72">
        <v>220</v>
      </c>
      <c r="BI14" s="244"/>
      <c r="BJ14" s="71">
        <v>111</v>
      </c>
      <c r="BK14" s="71">
        <v>48</v>
      </c>
      <c r="BL14" s="71">
        <v>35</v>
      </c>
      <c r="BM14" s="71">
        <v>45</v>
      </c>
      <c r="BN14" s="71">
        <v>27</v>
      </c>
      <c r="BO14" s="72">
        <v>266</v>
      </c>
      <c r="BP14" s="73">
        <v>486</v>
      </c>
      <c r="BQ14" s="70">
        <v>86</v>
      </c>
      <c r="BR14" s="71">
        <v>56</v>
      </c>
      <c r="BS14" s="72">
        <v>142</v>
      </c>
      <c r="BT14" s="244"/>
      <c r="BU14" s="71">
        <v>119</v>
      </c>
      <c r="BV14" s="71">
        <v>85</v>
      </c>
      <c r="BW14" s="71">
        <v>66</v>
      </c>
      <c r="BX14" s="71">
        <v>59</v>
      </c>
      <c r="BY14" s="71">
        <v>27</v>
      </c>
      <c r="BZ14" s="72">
        <v>356</v>
      </c>
      <c r="CA14" s="73">
        <v>498</v>
      </c>
      <c r="CB14" s="70">
        <v>0</v>
      </c>
      <c r="CC14" s="71">
        <v>0</v>
      </c>
      <c r="CD14" s="72">
        <v>0</v>
      </c>
      <c r="CE14" s="244"/>
      <c r="CF14" s="71">
        <v>0</v>
      </c>
      <c r="CG14" s="71">
        <v>0</v>
      </c>
      <c r="CH14" s="71">
        <v>0</v>
      </c>
      <c r="CI14" s="71">
        <v>0</v>
      </c>
      <c r="CJ14" s="71">
        <v>0</v>
      </c>
      <c r="CK14" s="72">
        <v>0</v>
      </c>
      <c r="CL14" s="73">
        <v>0</v>
      </c>
      <c r="CM14" s="70">
        <v>345</v>
      </c>
      <c r="CN14" s="71">
        <v>199</v>
      </c>
      <c r="CO14" s="72">
        <v>544</v>
      </c>
      <c r="CP14" s="244"/>
      <c r="CQ14" s="71">
        <v>341</v>
      </c>
      <c r="CR14" s="71">
        <v>187</v>
      </c>
      <c r="CS14" s="71">
        <v>135</v>
      </c>
      <c r="CT14" s="71">
        <v>134</v>
      </c>
      <c r="CU14" s="71">
        <v>83</v>
      </c>
      <c r="CV14" s="72">
        <v>880</v>
      </c>
      <c r="CW14" s="73">
        <v>1424</v>
      </c>
      <c r="CX14" s="123">
        <v>45</v>
      </c>
      <c r="CY14" s="82">
        <v>29</v>
      </c>
      <c r="CZ14" s="83">
        <v>74</v>
      </c>
      <c r="DA14" s="241"/>
      <c r="DB14" s="82">
        <v>57</v>
      </c>
      <c r="DC14" s="82">
        <v>19</v>
      </c>
      <c r="DD14" s="82">
        <v>16</v>
      </c>
      <c r="DE14" s="82">
        <v>20</v>
      </c>
      <c r="DF14" s="82">
        <v>16</v>
      </c>
      <c r="DG14" s="84">
        <v>128</v>
      </c>
      <c r="DH14" s="85">
        <v>202</v>
      </c>
      <c r="DI14" s="70">
        <v>0</v>
      </c>
      <c r="DJ14" s="71">
        <v>2</v>
      </c>
      <c r="DK14" s="72">
        <v>2</v>
      </c>
      <c r="DL14" s="244"/>
      <c r="DM14" s="71">
        <v>1</v>
      </c>
      <c r="DN14" s="71">
        <v>0</v>
      </c>
      <c r="DO14" s="71">
        <v>0</v>
      </c>
      <c r="DP14" s="71">
        <v>0</v>
      </c>
      <c r="DQ14" s="71">
        <v>0</v>
      </c>
      <c r="DR14" s="72">
        <v>1</v>
      </c>
      <c r="DS14" s="73">
        <v>3</v>
      </c>
      <c r="DT14" s="70">
        <v>3</v>
      </c>
      <c r="DU14" s="71">
        <v>0</v>
      </c>
      <c r="DV14" s="72">
        <v>3</v>
      </c>
      <c r="DW14" s="244"/>
      <c r="DX14" s="71">
        <v>1</v>
      </c>
      <c r="DY14" s="71">
        <v>0</v>
      </c>
      <c r="DZ14" s="71">
        <v>1</v>
      </c>
      <c r="EA14" s="71">
        <v>0</v>
      </c>
      <c r="EB14" s="71">
        <v>0</v>
      </c>
      <c r="EC14" s="72">
        <v>2</v>
      </c>
      <c r="ED14" s="73">
        <v>5</v>
      </c>
      <c r="EE14" s="70">
        <v>3</v>
      </c>
      <c r="EF14" s="71">
        <v>0</v>
      </c>
      <c r="EG14" s="72">
        <v>3</v>
      </c>
      <c r="EH14" s="244"/>
      <c r="EI14" s="71">
        <v>4</v>
      </c>
      <c r="EJ14" s="71">
        <v>2</v>
      </c>
      <c r="EK14" s="71">
        <v>1</v>
      </c>
      <c r="EL14" s="71">
        <v>0</v>
      </c>
      <c r="EM14" s="71">
        <v>0</v>
      </c>
      <c r="EN14" s="72">
        <v>7</v>
      </c>
      <c r="EO14" s="73">
        <v>10</v>
      </c>
      <c r="EP14" s="70">
        <v>9</v>
      </c>
      <c r="EQ14" s="71">
        <v>7</v>
      </c>
      <c r="ER14" s="72">
        <v>16</v>
      </c>
      <c r="ES14" s="244"/>
      <c r="ET14" s="71">
        <v>12</v>
      </c>
      <c r="EU14" s="71">
        <v>4</v>
      </c>
      <c r="EV14" s="71">
        <v>2</v>
      </c>
      <c r="EW14" s="71">
        <v>4</v>
      </c>
      <c r="EX14" s="71">
        <v>1</v>
      </c>
      <c r="EY14" s="72">
        <v>23</v>
      </c>
      <c r="EZ14" s="73">
        <v>39</v>
      </c>
      <c r="FA14" s="70">
        <v>18</v>
      </c>
      <c r="FB14" s="71">
        <v>10</v>
      </c>
      <c r="FC14" s="72">
        <v>28</v>
      </c>
      <c r="FD14" s="244"/>
      <c r="FE14" s="71">
        <v>16</v>
      </c>
      <c r="FF14" s="71">
        <v>4</v>
      </c>
      <c r="FG14" s="71">
        <v>2</v>
      </c>
      <c r="FH14" s="71">
        <v>2</v>
      </c>
      <c r="FI14" s="71">
        <v>5</v>
      </c>
      <c r="FJ14" s="72">
        <v>29</v>
      </c>
      <c r="FK14" s="73">
        <v>57</v>
      </c>
      <c r="FL14" s="70">
        <v>12</v>
      </c>
      <c r="FM14" s="71">
        <v>10</v>
      </c>
      <c r="FN14" s="72">
        <v>22</v>
      </c>
      <c r="FO14" s="244"/>
      <c r="FP14" s="71">
        <v>23</v>
      </c>
      <c r="FQ14" s="71">
        <v>9</v>
      </c>
      <c r="FR14" s="71">
        <v>10</v>
      </c>
      <c r="FS14" s="71">
        <v>14</v>
      </c>
      <c r="FT14" s="71">
        <v>10</v>
      </c>
      <c r="FU14" s="72">
        <v>66</v>
      </c>
      <c r="FV14" s="73">
        <v>88</v>
      </c>
      <c r="FW14" s="70">
        <v>0</v>
      </c>
      <c r="FX14" s="71">
        <v>0</v>
      </c>
      <c r="FY14" s="72">
        <v>0</v>
      </c>
      <c r="FZ14" s="244"/>
      <c r="GA14" s="71">
        <v>0</v>
      </c>
      <c r="GB14" s="71">
        <v>0</v>
      </c>
      <c r="GC14" s="71">
        <v>0</v>
      </c>
      <c r="GD14" s="71">
        <v>0</v>
      </c>
      <c r="GE14" s="71">
        <v>0</v>
      </c>
      <c r="GF14" s="72">
        <v>0</v>
      </c>
      <c r="GG14" s="73">
        <v>0</v>
      </c>
      <c r="GH14" s="70">
        <v>45</v>
      </c>
      <c r="GI14" s="71">
        <v>29</v>
      </c>
      <c r="GJ14" s="72">
        <v>74</v>
      </c>
      <c r="GK14" s="244"/>
      <c r="GL14" s="71">
        <v>57</v>
      </c>
      <c r="GM14" s="71">
        <v>19</v>
      </c>
      <c r="GN14" s="71">
        <v>16</v>
      </c>
      <c r="GO14" s="71">
        <v>20</v>
      </c>
      <c r="GP14" s="71">
        <v>16</v>
      </c>
      <c r="GQ14" s="72">
        <v>128</v>
      </c>
      <c r="GR14" s="73">
        <v>202</v>
      </c>
      <c r="GS14" s="123">
        <v>390</v>
      </c>
      <c r="GT14" s="82">
        <v>228</v>
      </c>
      <c r="GU14" s="83">
        <v>618</v>
      </c>
      <c r="GV14" s="241"/>
      <c r="GW14" s="82">
        <v>398</v>
      </c>
      <c r="GX14" s="82">
        <v>206</v>
      </c>
      <c r="GY14" s="82">
        <v>151</v>
      </c>
      <c r="GZ14" s="82">
        <v>154</v>
      </c>
      <c r="HA14" s="82">
        <v>99</v>
      </c>
      <c r="HB14" s="84">
        <v>1008</v>
      </c>
      <c r="HC14" s="85">
        <v>1626</v>
      </c>
      <c r="HD14" s="70">
        <v>1</v>
      </c>
      <c r="HE14" s="71">
        <v>5</v>
      </c>
      <c r="HF14" s="72">
        <v>6</v>
      </c>
      <c r="HG14" s="244"/>
      <c r="HH14" s="71">
        <v>5</v>
      </c>
      <c r="HI14" s="71">
        <v>5</v>
      </c>
      <c r="HJ14" s="71">
        <v>1</v>
      </c>
      <c r="HK14" s="71">
        <v>1</v>
      </c>
      <c r="HL14" s="71">
        <v>2</v>
      </c>
      <c r="HM14" s="72">
        <v>14</v>
      </c>
      <c r="HN14" s="73">
        <v>20</v>
      </c>
      <c r="HO14" s="70">
        <v>15</v>
      </c>
      <c r="HP14" s="71">
        <v>7</v>
      </c>
      <c r="HQ14" s="72">
        <v>22</v>
      </c>
      <c r="HR14" s="244"/>
      <c r="HS14" s="71">
        <v>17</v>
      </c>
      <c r="HT14" s="71">
        <v>9</v>
      </c>
      <c r="HU14" s="71">
        <v>5</v>
      </c>
      <c r="HV14" s="71">
        <v>7</v>
      </c>
      <c r="HW14" s="71">
        <v>2</v>
      </c>
      <c r="HX14" s="72">
        <v>40</v>
      </c>
      <c r="HY14" s="73">
        <v>62</v>
      </c>
      <c r="HZ14" s="70">
        <v>31</v>
      </c>
      <c r="IA14" s="71">
        <v>15</v>
      </c>
      <c r="IB14" s="72">
        <v>46</v>
      </c>
      <c r="IC14" s="244"/>
      <c r="ID14" s="71">
        <v>26</v>
      </c>
      <c r="IE14" s="71">
        <v>15</v>
      </c>
      <c r="IF14" s="71">
        <v>13</v>
      </c>
      <c r="IG14" s="71">
        <v>10</v>
      </c>
      <c r="IH14" s="71">
        <v>8</v>
      </c>
      <c r="II14" s="72">
        <v>72</v>
      </c>
      <c r="IJ14" s="73">
        <v>118</v>
      </c>
      <c r="IK14" s="70">
        <v>80</v>
      </c>
      <c r="IL14" s="71">
        <v>52</v>
      </c>
      <c r="IM14" s="72">
        <v>132</v>
      </c>
      <c r="IN14" s="244"/>
      <c r="IO14" s="71">
        <v>81</v>
      </c>
      <c r="IP14" s="71">
        <v>31</v>
      </c>
      <c r="IQ14" s="71">
        <v>19</v>
      </c>
      <c r="IR14" s="71">
        <v>16</v>
      </c>
      <c r="IS14" s="71">
        <v>18</v>
      </c>
      <c r="IT14" s="72">
        <v>165</v>
      </c>
      <c r="IU14" s="73">
        <v>297</v>
      </c>
      <c r="IV14" s="70">
        <v>165</v>
      </c>
      <c r="IW14" s="71">
        <v>83</v>
      </c>
      <c r="IX14" s="72">
        <v>248</v>
      </c>
      <c r="IY14" s="244"/>
      <c r="IZ14" s="71">
        <v>127</v>
      </c>
      <c r="JA14" s="71">
        <v>52</v>
      </c>
      <c r="JB14" s="71">
        <v>37</v>
      </c>
      <c r="JC14" s="71">
        <v>47</v>
      </c>
      <c r="JD14" s="71">
        <v>32</v>
      </c>
      <c r="JE14" s="72">
        <v>295</v>
      </c>
      <c r="JF14" s="73">
        <v>543</v>
      </c>
      <c r="JG14" s="70">
        <v>98</v>
      </c>
      <c r="JH14" s="71">
        <v>66</v>
      </c>
      <c r="JI14" s="72">
        <v>164</v>
      </c>
      <c r="JJ14" s="244"/>
      <c r="JK14" s="71">
        <v>142</v>
      </c>
      <c r="JL14" s="71">
        <v>94</v>
      </c>
      <c r="JM14" s="71">
        <v>76</v>
      </c>
      <c r="JN14" s="71">
        <v>73</v>
      </c>
      <c r="JO14" s="71">
        <v>37</v>
      </c>
      <c r="JP14" s="72">
        <v>422</v>
      </c>
      <c r="JQ14" s="73">
        <v>586</v>
      </c>
      <c r="JR14" s="70">
        <v>0</v>
      </c>
      <c r="JS14" s="71">
        <v>0</v>
      </c>
      <c r="JT14" s="72">
        <v>0</v>
      </c>
      <c r="JU14" s="244"/>
      <c r="JV14" s="71">
        <v>0</v>
      </c>
      <c r="JW14" s="71">
        <v>0</v>
      </c>
      <c r="JX14" s="71">
        <v>0</v>
      </c>
      <c r="JY14" s="71">
        <v>0</v>
      </c>
      <c r="JZ14" s="71">
        <v>0</v>
      </c>
      <c r="KA14" s="72">
        <v>0</v>
      </c>
      <c r="KB14" s="73">
        <v>0</v>
      </c>
      <c r="KC14" s="70">
        <v>390</v>
      </c>
      <c r="KD14" s="71">
        <v>228</v>
      </c>
      <c r="KE14" s="72">
        <v>618</v>
      </c>
      <c r="KF14" s="244"/>
      <c r="KG14" s="71">
        <v>398</v>
      </c>
      <c r="KH14" s="71">
        <v>206</v>
      </c>
      <c r="KI14" s="71">
        <v>151</v>
      </c>
      <c r="KJ14" s="71">
        <v>154</v>
      </c>
      <c r="KK14" s="71">
        <v>99</v>
      </c>
      <c r="KL14" s="72">
        <v>1008</v>
      </c>
      <c r="KM14" s="73">
        <v>1626</v>
      </c>
    </row>
    <row r="15" spans="2:299" ht="21" customHeight="1" x14ac:dyDescent="0.2">
      <c r="B15" s="126" t="s">
        <v>11</v>
      </c>
      <c r="C15" s="313">
        <v>90</v>
      </c>
      <c r="D15" s="82">
        <v>61</v>
      </c>
      <c r="E15" s="83">
        <v>151</v>
      </c>
      <c r="F15" s="241"/>
      <c r="G15" s="82">
        <v>133</v>
      </c>
      <c r="H15" s="82">
        <v>86</v>
      </c>
      <c r="I15" s="82">
        <v>63</v>
      </c>
      <c r="J15" s="82">
        <v>65</v>
      </c>
      <c r="K15" s="82">
        <v>24</v>
      </c>
      <c r="L15" s="84">
        <v>371</v>
      </c>
      <c r="M15" s="85">
        <v>522</v>
      </c>
      <c r="N15" s="70">
        <v>2</v>
      </c>
      <c r="O15" s="71">
        <v>1</v>
      </c>
      <c r="P15" s="72">
        <v>3</v>
      </c>
      <c r="Q15" s="244"/>
      <c r="R15" s="71">
        <v>2</v>
      </c>
      <c r="S15" s="71">
        <v>2</v>
      </c>
      <c r="T15" s="71">
        <v>1</v>
      </c>
      <c r="U15" s="71">
        <v>1</v>
      </c>
      <c r="V15" s="71">
        <v>0</v>
      </c>
      <c r="W15" s="72">
        <v>6</v>
      </c>
      <c r="X15" s="73">
        <v>9</v>
      </c>
      <c r="Y15" s="70">
        <v>7</v>
      </c>
      <c r="Z15" s="71">
        <v>6</v>
      </c>
      <c r="AA15" s="72">
        <v>13</v>
      </c>
      <c r="AB15" s="244"/>
      <c r="AC15" s="71">
        <v>9</v>
      </c>
      <c r="AD15" s="71">
        <v>2</v>
      </c>
      <c r="AE15" s="71">
        <v>9</v>
      </c>
      <c r="AF15" s="71">
        <v>3</v>
      </c>
      <c r="AG15" s="71">
        <v>3</v>
      </c>
      <c r="AH15" s="72">
        <v>26</v>
      </c>
      <c r="AI15" s="73">
        <v>39</v>
      </c>
      <c r="AJ15" s="70">
        <v>5</v>
      </c>
      <c r="AK15" s="71">
        <v>4</v>
      </c>
      <c r="AL15" s="72">
        <v>9</v>
      </c>
      <c r="AM15" s="244"/>
      <c r="AN15" s="71">
        <v>7</v>
      </c>
      <c r="AO15" s="71">
        <v>9</v>
      </c>
      <c r="AP15" s="71">
        <v>8</v>
      </c>
      <c r="AQ15" s="71">
        <v>5</v>
      </c>
      <c r="AR15" s="71">
        <v>1</v>
      </c>
      <c r="AS15" s="72">
        <v>30</v>
      </c>
      <c r="AT15" s="73">
        <v>39</v>
      </c>
      <c r="AU15" s="70">
        <v>11</v>
      </c>
      <c r="AV15" s="71">
        <v>9</v>
      </c>
      <c r="AW15" s="72">
        <v>20</v>
      </c>
      <c r="AX15" s="244"/>
      <c r="AY15" s="71">
        <v>29</v>
      </c>
      <c r="AZ15" s="71">
        <v>17</v>
      </c>
      <c r="BA15" s="71">
        <v>7</v>
      </c>
      <c r="BB15" s="71">
        <v>7</v>
      </c>
      <c r="BC15" s="71">
        <v>8</v>
      </c>
      <c r="BD15" s="72">
        <v>68</v>
      </c>
      <c r="BE15" s="73">
        <v>88</v>
      </c>
      <c r="BF15" s="70">
        <v>35</v>
      </c>
      <c r="BG15" s="71">
        <v>23</v>
      </c>
      <c r="BH15" s="72">
        <v>58</v>
      </c>
      <c r="BI15" s="244"/>
      <c r="BJ15" s="71">
        <v>37</v>
      </c>
      <c r="BK15" s="71">
        <v>28</v>
      </c>
      <c r="BL15" s="71">
        <v>14</v>
      </c>
      <c r="BM15" s="71">
        <v>25</v>
      </c>
      <c r="BN15" s="71">
        <v>7</v>
      </c>
      <c r="BO15" s="72">
        <v>111</v>
      </c>
      <c r="BP15" s="73">
        <v>169</v>
      </c>
      <c r="BQ15" s="70">
        <v>30</v>
      </c>
      <c r="BR15" s="71">
        <v>18</v>
      </c>
      <c r="BS15" s="72">
        <v>48</v>
      </c>
      <c r="BT15" s="244"/>
      <c r="BU15" s="71">
        <v>49</v>
      </c>
      <c r="BV15" s="71">
        <v>28</v>
      </c>
      <c r="BW15" s="71">
        <v>24</v>
      </c>
      <c r="BX15" s="71">
        <v>24</v>
      </c>
      <c r="BY15" s="71">
        <v>5</v>
      </c>
      <c r="BZ15" s="72">
        <v>130</v>
      </c>
      <c r="CA15" s="73">
        <v>178</v>
      </c>
      <c r="CB15" s="70">
        <v>0</v>
      </c>
      <c r="CC15" s="71">
        <v>0</v>
      </c>
      <c r="CD15" s="72">
        <v>0</v>
      </c>
      <c r="CE15" s="244"/>
      <c r="CF15" s="71">
        <v>0</v>
      </c>
      <c r="CG15" s="71">
        <v>0</v>
      </c>
      <c r="CH15" s="71">
        <v>0</v>
      </c>
      <c r="CI15" s="71">
        <v>0</v>
      </c>
      <c r="CJ15" s="71">
        <v>0</v>
      </c>
      <c r="CK15" s="72">
        <v>0</v>
      </c>
      <c r="CL15" s="73">
        <v>0</v>
      </c>
      <c r="CM15" s="70">
        <v>90</v>
      </c>
      <c r="CN15" s="71">
        <v>61</v>
      </c>
      <c r="CO15" s="72">
        <v>151</v>
      </c>
      <c r="CP15" s="244"/>
      <c r="CQ15" s="71">
        <v>133</v>
      </c>
      <c r="CR15" s="71">
        <v>86</v>
      </c>
      <c r="CS15" s="71">
        <v>63</v>
      </c>
      <c r="CT15" s="71">
        <v>65</v>
      </c>
      <c r="CU15" s="71">
        <v>24</v>
      </c>
      <c r="CV15" s="72">
        <v>371</v>
      </c>
      <c r="CW15" s="73">
        <v>522</v>
      </c>
      <c r="CX15" s="123">
        <v>15</v>
      </c>
      <c r="CY15" s="82">
        <v>12</v>
      </c>
      <c r="CZ15" s="83">
        <v>27</v>
      </c>
      <c r="DA15" s="241"/>
      <c r="DB15" s="82">
        <v>12</v>
      </c>
      <c r="DC15" s="82">
        <v>18</v>
      </c>
      <c r="DD15" s="82">
        <v>6</v>
      </c>
      <c r="DE15" s="82">
        <v>17</v>
      </c>
      <c r="DF15" s="82">
        <v>12</v>
      </c>
      <c r="DG15" s="84">
        <v>65</v>
      </c>
      <c r="DH15" s="85">
        <v>92</v>
      </c>
      <c r="DI15" s="70">
        <v>0</v>
      </c>
      <c r="DJ15" s="71">
        <v>0</v>
      </c>
      <c r="DK15" s="72">
        <v>0</v>
      </c>
      <c r="DL15" s="244"/>
      <c r="DM15" s="71">
        <v>0</v>
      </c>
      <c r="DN15" s="71">
        <v>0</v>
      </c>
      <c r="DO15" s="71">
        <v>0</v>
      </c>
      <c r="DP15" s="71">
        <v>0</v>
      </c>
      <c r="DQ15" s="71">
        <v>0</v>
      </c>
      <c r="DR15" s="72">
        <v>0</v>
      </c>
      <c r="DS15" s="73">
        <v>0</v>
      </c>
      <c r="DT15" s="70">
        <v>0</v>
      </c>
      <c r="DU15" s="71">
        <v>1</v>
      </c>
      <c r="DV15" s="72">
        <v>1</v>
      </c>
      <c r="DW15" s="244"/>
      <c r="DX15" s="71">
        <v>1</v>
      </c>
      <c r="DY15" s="71">
        <v>0</v>
      </c>
      <c r="DZ15" s="71">
        <v>0</v>
      </c>
      <c r="EA15" s="71">
        <v>1</v>
      </c>
      <c r="EB15" s="71">
        <v>0</v>
      </c>
      <c r="EC15" s="72">
        <v>2</v>
      </c>
      <c r="ED15" s="73">
        <v>3</v>
      </c>
      <c r="EE15" s="70">
        <v>1</v>
      </c>
      <c r="EF15" s="71">
        <v>0</v>
      </c>
      <c r="EG15" s="72">
        <v>1</v>
      </c>
      <c r="EH15" s="244"/>
      <c r="EI15" s="71">
        <v>1</v>
      </c>
      <c r="EJ15" s="71">
        <v>3</v>
      </c>
      <c r="EK15" s="71">
        <v>0</v>
      </c>
      <c r="EL15" s="71">
        <v>0</v>
      </c>
      <c r="EM15" s="71">
        <v>1</v>
      </c>
      <c r="EN15" s="72">
        <v>5</v>
      </c>
      <c r="EO15" s="73">
        <v>6</v>
      </c>
      <c r="EP15" s="70">
        <v>5</v>
      </c>
      <c r="EQ15" s="71">
        <v>1</v>
      </c>
      <c r="ER15" s="72">
        <v>6</v>
      </c>
      <c r="ES15" s="244"/>
      <c r="ET15" s="71">
        <v>1</v>
      </c>
      <c r="EU15" s="71">
        <v>4</v>
      </c>
      <c r="EV15" s="71">
        <v>0</v>
      </c>
      <c r="EW15" s="71">
        <v>0</v>
      </c>
      <c r="EX15" s="71">
        <v>1</v>
      </c>
      <c r="EY15" s="72">
        <v>6</v>
      </c>
      <c r="EZ15" s="73">
        <v>12</v>
      </c>
      <c r="FA15" s="70">
        <v>4</v>
      </c>
      <c r="FB15" s="71">
        <v>8</v>
      </c>
      <c r="FC15" s="72">
        <v>12</v>
      </c>
      <c r="FD15" s="244"/>
      <c r="FE15" s="71">
        <v>6</v>
      </c>
      <c r="FF15" s="71">
        <v>6</v>
      </c>
      <c r="FG15" s="71">
        <v>1</v>
      </c>
      <c r="FH15" s="71">
        <v>6</v>
      </c>
      <c r="FI15" s="71">
        <v>3</v>
      </c>
      <c r="FJ15" s="72">
        <v>22</v>
      </c>
      <c r="FK15" s="73">
        <v>34</v>
      </c>
      <c r="FL15" s="70">
        <v>5</v>
      </c>
      <c r="FM15" s="71">
        <v>2</v>
      </c>
      <c r="FN15" s="72">
        <v>7</v>
      </c>
      <c r="FO15" s="244"/>
      <c r="FP15" s="71">
        <v>3</v>
      </c>
      <c r="FQ15" s="71">
        <v>5</v>
      </c>
      <c r="FR15" s="71">
        <v>5</v>
      </c>
      <c r="FS15" s="71">
        <v>10</v>
      </c>
      <c r="FT15" s="71">
        <v>7</v>
      </c>
      <c r="FU15" s="72">
        <v>30</v>
      </c>
      <c r="FV15" s="73">
        <v>37</v>
      </c>
      <c r="FW15" s="70">
        <v>0</v>
      </c>
      <c r="FX15" s="71">
        <v>0</v>
      </c>
      <c r="FY15" s="72">
        <v>0</v>
      </c>
      <c r="FZ15" s="244"/>
      <c r="GA15" s="71">
        <v>0</v>
      </c>
      <c r="GB15" s="71">
        <v>0</v>
      </c>
      <c r="GC15" s="71">
        <v>0</v>
      </c>
      <c r="GD15" s="71">
        <v>0</v>
      </c>
      <c r="GE15" s="71">
        <v>0</v>
      </c>
      <c r="GF15" s="72">
        <v>0</v>
      </c>
      <c r="GG15" s="73">
        <v>0</v>
      </c>
      <c r="GH15" s="70">
        <v>15</v>
      </c>
      <c r="GI15" s="71">
        <v>12</v>
      </c>
      <c r="GJ15" s="72">
        <v>27</v>
      </c>
      <c r="GK15" s="244"/>
      <c r="GL15" s="71">
        <v>12</v>
      </c>
      <c r="GM15" s="71">
        <v>18</v>
      </c>
      <c r="GN15" s="71">
        <v>6</v>
      </c>
      <c r="GO15" s="71">
        <v>17</v>
      </c>
      <c r="GP15" s="71">
        <v>12</v>
      </c>
      <c r="GQ15" s="72">
        <v>65</v>
      </c>
      <c r="GR15" s="73">
        <v>92</v>
      </c>
      <c r="GS15" s="123">
        <v>105</v>
      </c>
      <c r="GT15" s="82">
        <v>73</v>
      </c>
      <c r="GU15" s="83">
        <v>178</v>
      </c>
      <c r="GV15" s="241"/>
      <c r="GW15" s="82">
        <v>145</v>
      </c>
      <c r="GX15" s="82">
        <v>104</v>
      </c>
      <c r="GY15" s="82">
        <v>69</v>
      </c>
      <c r="GZ15" s="82">
        <v>82</v>
      </c>
      <c r="HA15" s="82">
        <v>36</v>
      </c>
      <c r="HB15" s="84">
        <v>436</v>
      </c>
      <c r="HC15" s="85">
        <v>614</v>
      </c>
      <c r="HD15" s="70">
        <v>2</v>
      </c>
      <c r="HE15" s="71">
        <v>1</v>
      </c>
      <c r="HF15" s="72">
        <v>3</v>
      </c>
      <c r="HG15" s="244"/>
      <c r="HH15" s="71">
        <v>2</v>
      </c>
      <c r="HI15" s="71">
        <v>2</v>
      </c>
      <c r="HJ15" s="71">
        <v>1</v>
      </c>
      <c r="HK15" s="71">
        <v>1</v>
      </c>
      <c r="HL15" s="71">
        <v>0</v>
      </c>
      <c r="HM15" s="72">
        <v>6</v>
      </c>
      <c r="HN15" s="73">
        <v>9</v>
      </c>
      <c r="HO15" s="70">
        <v>7</v>
      </c>
      <c r="HP15" s="71">
        <v>7</v>
      </c>
      <c r="HQ15" s="72">
        <v>14</v>
      </c>
      <c r="HR15" s="244"/>
      <c r="HS15" s="71">
        <v>10</v>
      </c>
      <c r="HT15" s="71">
        <v>2</v>
      </c>
      <c r="HU15" s="71">
        <v>9</v>
      </c>
      <c r="HV15" s="71">
        <v>4</v>
      </c>
      <c r="HW15" s="71">
        <v>3</v>
      </c>
      <c r="HX15" s="72">
        <v>28</v>
      </c>
      <c r="HY15" s="73">
        <v>42</v>
      </c>
      <c r="HZ15" s="70">
        <v>6</v>
      </c>
      <c r="IA15" s="71">
        <v>4</v>
      </c>
      <c r="IB15" s="72">
        <v>10</v>
      </c>
      <c r="IC15" s="244"/>
      <c r="ID15" s="71">
        <v>8</v>
      </c>
      <c r="IE15" s="71">
        <v>12</v>
      </c>
      <c r="IF15" s="71">
        <v>8</v>
      </c>
      <c r="IG15" s="71">
        <v>5</v>
      </c>
      <c r="IH15" s="71">
        <v>2</v>
      </c>
      <c r="II15" s="72">
        <v>35</v>
      </c>
      <c r="IJ15" s="73">
        <v>45</v>
      </c>
      <c r="IK15" s="70">
        <v>16</v>
      </c>
      <c r="IL15" s="71">
        <v>10</v>
      </c>
      <c r="IM15" s="72">
        <v>26</v>
      </c>
      <c r="IN15" s="244"/>
      <c r="IO15" s="71">
        <v>30</v>
      </c>
      <c r="IP15" s="71">
        <v>21</v>
      </c>
      <c r="IQ15" s="71">
        <v>7</v>
      </c>
      <c r="IR15" s="71">
        <v>7</v>
      </c>
      <c r="IS15" s="71">
        <v>9</v>
      </c>
      <c r="IT15" s="72">
        <v>74</v>
      </c>
      <c r="IU15" s="73">
        <v>100</v>
      </c>
      <c r="IV15" s="70">
        <v>39</v>
      </c>
      <c r="IW15" s="71">
        <v>31</v>
      </c>
      <c r="IX15" s="72">
        <v>70</v>
      </c>
      <c r="IY15" s="244"/>
      <c r="IZ15" s="71">
        <v>43</v>
      </c>
      <c r="JA15" s="71">
        <v>34</v>
      </c>
      <c r="JB15" s="71">
        <v>15</v>
      </c>
      <c r="JC15" s="71">
        <v>31</v>
      </c>
      <c r="JD15" s="71">
        <v>10</v>
      </c>
      <c r="JE15" s="72">
        <v>133</v>
      </c>
      <c r="JF15" s="73">
        <v>203</v>
      </c>
      <c r="JG15" s="70">
        <v>35</v>
      </c>
      <c r="JH15" s="71">
        <v>20</v>
      </c>
      <c r="JI15" s="72">
        <v>55</v>
      </c>
      <c r="JJ15" s="244"/>
      <c r="JK15" s="71">
        <v>52</v>
      </c>
      <c r="JL15" s="71">
        <v>33</v>
      </c>
      <c r="JM15" s="71">
        <v>29</v>
      </c>
      <c r="JN15" s="71">
        <v>34</v>
      </c>
      <c r="JO15" s="71">
        <v>12</v>
      </c>
      <c r="JP15" s="72">
        <v>160</v>
      </c>
      <c r="JQ15" s="73">
        <v>215</v>
      </c>
      <c r="JR15" s="70">
        <v>0</v>
      </c>
      <c r="JS15" s="71">
        <v>0</v>
      </c>
      <c r="JT15" s="72">
        <v>0</v>
      </c>
      <c r="JU15" s="244"/>
      <c r="JV15" s="71">
        <v>0</v>
      </c>
      <c r="JW15" s="71">
        <v>0</v>
      </c>
      <c r="JX15" s="71">
        <v>0</v>
      </c>
      <c r="JY15" s="71">
        <v>0</v>
      </c>
      <c r="JZ15" s="71">
        <v>0</v>
      </c>
      <c r="KA15" s="72">
        <v>0</v>
      </c>
      <c r="KB15" s="73">
        <v>0</v>
      </c>
      <c r="KC15" s="70">
        <v>105</v>
      </c>
      <c r="KD15" s="71">
        <v>73</v>
      </c>
      <c r="KE15" s="72">
        <v>178</v>
      </c>
      <c r="KF15" s="244"/>
      <c r="KG15" s="71">
        <v>145</v>
      </c>
      <c r="KH15" s="71">
        <v>104</v>
      </c>
      <c r="KI15" s="71">
        <v>69</v>
      </c>
      <c r="KJ15" s="71">
        <v>82</v>
      </c>
      <c r="KK15" s="71">
        <v>36</v>
      </c>
      <c r="KL15" s="72">
        <v>436</v>
      </c>
      <c r="KM15" s="73">
        <v>614</v>
      </c>
    </row>
    <row r="16" spans="2:299" ht="21" customHeight="1" x14ac:dyDescent="0.2">
      <c r="B16" s="126" t="s">
        <v>12</v>
      </c>
      <c r="C16" s="313">
        <v>151</v>
      </c>
      <c r="D16" s="82">
        <v>156</v>
      </c>
      <c r="E16" s="83">
        <v>307</v>
      </c>
      <c r="F16" s="241"/>
      <c r="G16" s="82">
        <v>149</v>
      </c>
      <c r="H16" s="82">
        <v>134</v>
      </c>
      <c r="I16" s="82">
        <v>83</v>
      </c>
      <c r="J16" s="82">
        <v>95</v>
      </c>
      <c r="K16" s="82">
        <v>37</v>
      </c>
      <c r="L16" s="84">
        <v>498</v>
      </c>
      <c r="M16" s="85">
        <v>805</v>
      </c>
      <c r="N16" s="86">
        <v>4</v>
      </c>
      <c r="O16" s="71">
        <v>2</v>
      </c>
      <c r="P16" s="72">
        <v>6</v>
      </c>
      <c r="Q16" s="244"/>
      <c r="R16" s="71">
        <v>2</v>
      </c>
      <c r="S16" s="71">
        <v>1</v>
      </c>
      <c r="T16" s="71">
        <v>2</v>
      </c>
      <c r="U16" s="71">
        <v>2</v>
      </c>
      <c r="V16" s="71">
        <v>1</v>
      </c>
      <c r="W16" s="72">
        <v>8</v>
      </c>
      <c r="X16" s="73">
        <v>14</v>
      </c>
      <c r="Y16" s="70">
        <v>3</v>
      </c>
      <c r="Z16" s="71">
        <v>14</v>
      </c>
      <c r="AA16" s="72">
        <v>17</v>
      </c>
      <c r="AB16" s="244"/>
      <c r="AC16" s="71">
        <v>8</v>
      </c>
      <c r="AD16" s="71">
        <v>3</v>
      </c>
      <c r="AE16" s="71">
        <v>4</v>
      </c>
      <c r="AF16" s="71">
        <v>2</v>
      </c>
      <c r="AG16" s="71">
        <v>1</v>
      </c>
      <c r="AH16" s="72">
        <v>18</v>
      </c>
      <c r="AI16" s="73">
        <v>35</v>
      </c>
      <c r="AJ16" s="86">
        <v>11</v>
      </c>
      <c r="AK16" s="71">
        <v>15</v>
      </c>
      <c r="AL16" s="72">
        <v>26</v>
      </c>
      <c r="AM16" s="244"/>
      <c r="AN16" s="71">
        <v>7</v>
      </c>
      <c r="AO16" s="71">
        <v>10</v>
      </c>
      <c r="AP16" s="71">
        <v>8</v>
      </c>
      <c r="AQ16" s="71">
        <v>9</v>
      </c>
      <c r="AR16" s="71">
        <v>5</v>
      </c>
      <c r="AS16" s="72">
        <v>39</v>
      </c>
      <c r="AT16" s="73">
        <v>65</v>
      </c>
      <c r="AU16" s="70">
        <v>38</v>
      </c>
      <c r="AV16" s="71">
        <v>23</v>
      </c>
      <c r="AW16" s="72">
        <v>61</v>
      </c>
      <c r="AX16" s="244"/>
      <c r="AY16" s="71">
        <v>35</v>
      </c>
      <c r="AZ16" s="71">
        <v>22</v>
      </c>
      <c r="BA16" s="71">
        <v>10</v>
      </c>
      <c r="BB16" s="71">
        <v>15</v>
      </c>
      <c r="BC16" s="71">
        <v>5</v>
      </c>
      <c r="BD16" s="72">
        <v>87</v>
      </c>
      <c r="BE16" s="73">
        <v>148</v>
      </c>
      <c r="BF16" s="86">
        <v>51</v>
      </c>
      <c r="BG16" s="71">
        <v>38</v>
      </c>
      <c r="BH16" s="72">
        <v>89</v>
      </c>
      <c r="BI16" s="244"/>
      <c r="BJ16" s="71">
        <v>50</v>
      </c>
      <c r="BK16" s="71">
        <v>41</v>
      </c>
      <c r="BL16" s="71">
        <v>32</v>
      </c>
      <c r="BM16" s="71">
        <v>27</v>
      </c>
      <c r="BN16" s="71">
        <v>16</v>
      </c>
      <c r="BO16" s="72">
        <v>166</v>
      </c>
      <c r="BP16" s="73">
        <v>255</v>
      </c>
      <c r="BQ16" s="70">
        <v>44</v>
      </c>
      <c r="BR16" s="71">
        <v>64</v>
      </c>
      <c r="BS16" s="72">
        <v>108</v>
      </c>
      <c r="BT16" s="244"/>
      <c r="BU16" s="71">
        <v>47</v>
      </c>
      <c r="BV16" s="71">
        <v>57</v>
      </c>
      <c r="BW16" s="71">
        <v>27</v>
      </c>
      <c r="BX16" s="71">
        <v>40</v>
      </c>
      <c r="BY16" s="71">
        <v>9</v>
      </c>
      <c r="BZ16" s="72">
        <v>180</v>
      </c>
      <c r="CA16" s="73">
        <v>288</v>
      </c>
      <c r="CB16" s="70">
        <v>0</v>
      </c>
      <c r="CC16" s="71">
        <v>0</v>
      </c>
      <c r="CD16" s="72">
        <v>0</v>
      </c>
      <c r="CE16" s="244"/>
      <c r="CF16" s="71">
        <v>0</v>
      </c>
      <c r="CG16" s="71">
        <v>0</v>
      </c>
      <c r="CH16" s="71">
        <v>0</v>
      </c>
      <c r="CI16" s="71">
        <v>0</v>
      </c>
      <c r="CJ16" s="71">
        <v>0</v>
      </c>
      <c r="CK16" s="72">
        <v>0</v>
      </c>
      <c r="CL16" s="73">
        <v>0</v>
      </c>
      <c r="CM16" s="70">
        <v>151</v>
      </c>
      <c r="CN16" s="71">
        <v>156</v>
      </c>
      <c r="CO16" s="72">
        <v>307</v>
      </c>
      <c r="CP16" s="244"/>
      <c r="CQ16" s="71">
        <v>149</v>
      </c>
      <c r="CR16" s="71">
        <v>134</v>
      </c>
      <c r="CS16" s="71">
        <v>83</v>
      </c>
      <c r="CT16" s="71">
        <v>95</v>
      </c>
      <c r="CU16" s="71">
        <v>37</v>
      </c>
      <c r="CV16" s="72">
        <v>498</v>
      </c>
      <c r="CW16" s="73">
        <v>805</v>
      </c>
      <c r="CX16" s="123">
        <v>12</v>
      </c>
      <c r="CY16" s="82">
        <v>20</v>
      </c>
      <c r="CZ16" s="83">
        <v>32</v>
      </c>
      <c r="DA16" s="241"/>
      <c r="DB16" s="82">
        <v>23</v>
      </c>
      <c r="DC16" s="82">
        <v>7</v>
      </c>
      <c r="DD16" s="82">
        <v>10</v>
      </c>
      <c r="DE16" s="82">
        <v>17</v>
      </c>
      <c r="DF16" s="82">
        <v>9</v>
      </c>
      <c r="DG16" s="84">
        <v>66</v>
      </c>
      <c r="DH16" s="85">
        <v>98</v>
      </c>
      <c r="DI16" s="86">
        <v>1</v>
      </c>
      <c r="DJ16" s="71">
        <v>0</v>
      </c>
      <c r="DK16" s="72">
        <v>1</v>
      </c>
      <c r="DL16" s="244"/>
      <c r="DM16" s="71">
        <v>0</v>
      </c>
      <c r="DN16" s="71">
        <v>0</v>
      </c>
      <c r="DO16" s="71">
        <v>0</v>
      </c>
      <c r="DP16" s="71">
        <v>0</v>
      </c>
      <c r="DQ16" s="71">
        <v>0</v>
      </c>
      <c r="DR16" s="72">
        <v>0</v>
      </c>
      <c r="DS16" s="73">
        <v>1</v>
      </c>
      <c r="DT16" s="70">
        <v>0</v>
      </c>
      <c r="DU16" s="71">
        <v>1</v>
      </c>
      <c r="DV16" s="72">
        <v>1</v>
      </c>
      <c r="DW16" s="244"/>
      <c r="DX16" s="71">
        <v>0</v>
      </c>
      <c r="DY16" s="71">
        <v>0</v>
      </c>
      <c r="DZ16" s="71">
        <v>1</v>
      </c>
      <c r="EA16" s="71">
        <v>0</v>
      </c>
      <c r="EB16" s="71">
        <v>0</v>
      </c>
      <c r="EC16" s="72">
        <v>1</v>
      </c>
      <c r="ED16" s="73">
        <v>2</v>
      </c>
      <c r="EE16" s="86">
        <v>1</v>
      </c>
      <c r="EF16" s="71">
        <v>2</v>
      </c>
      <c r="EG16" s="72">
        <v>3</v>
      </c>
      <c r="EH16" s="244"/>
      <c r="EI16" s="71">
        <v>4</v>
      </c>
      <c r="EJ16" s="71">
        <v>0</v>
      </c>
      <c r="EK16" s="71">
        <v>3</v>
      </c>
      <c r="EL16" s="71">
        <v>1</v>
      </c>
      <c r="EM16" s="71">
        <v>0</v>
      </c>
      <c r="EN16" s="72">
        <v>8</v>
      </c>
      <c r="EO16" s="73">
        <v>11</v>
      </c>
      <c r="EP16" s="70">
        <v>5</v>
      </c>
      <c r="EQ16" s="71">
        <v>4</v>
      </c>
      <c r="ER16" s="72">
        <v>9</v>
      </c>
      <c r="ES16" s="244"/>
      <c r="ET16" s="71">
        <v>3</v>
      </c>
      <c r="EU16" s="71">
        <v>1</v>
      </c>
      <c r="EV16" s="71">
        <v>0</v>
      </c>
      <c r="EW16" s="71">
        <v>1</v>
      </c>
      <c r="EX16" s="71">
        <v>0</v>
      </c>
      <c r="EY16" s="72">
        <v>5</v>
      </c>
      <c r="EZ16" s="73">
        <v>14</v>
      </c>
      <c r="FA16" s="86">
        <v>0</v>
      </c>
      <c r="FB16" s="71">
        <v>11</v>
      </c>
      <c r="FC16" s="72">
        <v>11</v>
      </c>
      <c r="FD16" s="244"/>
      <c r="FE16" s="71">
        <v>4</v>
      </c>
      <c r="FF16" s="71">
        <v>2</v>
      </c>
      <c r="FG16" s="71">
        <v>2</v>
      </c>
      <c r="FH16" s="71">
        <v>1</v>
      </c>
      <c r="FI16" s="71">
        <v>2</v>
      </c>
      <c r="FJ16" s="72">
        <v>11</v>
      </c>
      <c r="FK16" s="73">
        <v>22</v>
      </c>
      <c r="FL16" s="70">
        <v>5</v>
      </c>
      <c r="FM16" s="71">
        <v>2</v>
      </c>
      <c r="FN16" s="72">
        <v>7</v>
      </c>
      <c r="FO16" s="244"/>
      <c r="FP16" s="71">
        <v>12</v>
      </c>
      <c r="FQ16" s="71">
        <v>4</v>
      </c>
      <c r="FR16" s="71">
        <v>4</v>
      </c>
      <c r="FS16" s="71">
        <v>14</v>
      </c>
      <c r="FT16" s="71">
        <v>7</v>
      </c>
      <c r="FU16" s="72">
        <v>41</v>
      </c>
      <c r="FV16" s="73">
        <v>48</v>
      </c>
      <c r="FW16" s="70">
        <v>0</v>
      </c>
      <c r="FX16" s="71">
        <v>0</v>
      </c>
      <c r="FY16" s="72">
        <v>0</v>
      </c>
      <c r="FZ16" s="244"/>
      <c r="GA16" s="71">
        <v>0</v>
      </c>
      <c r="GB16" s="71">
        <v>0</v>
      </c>
      <c r="GC16" s="71">
        <v>0</v>
      </c>
      <c r="GD16" s="71">
        <v>0</v>
      </c>
      <c r="GE16" s="71">
        <v>0</v>
      </c>
      <c r="GF16" s="72">
        <v>0</v>
      </c>
      <c r="GG16" s="73">
        <v>0</v>
      </c>
      <c r="GH16" s="70">
        <v>12</v>
      </c>
      <c r="GI16" s="71">
        <v>20</v>
      </c>
      <c r="GJ16" s="72">
        <v>32</v>
      </c>
      <c r="GK16" s="244"/>
      <c r="GL16" s="71">
        <v>23</v>
      </c>
      <c r="GM16" s="71">
        <v>7</v>
      </c>
      <c r="GN16" s="71">
        <v>10</v>
      </c>
      <c r="GO16" s="71">
        <v>17</v>
      </c>
      <c r="GP16" s="71">
        <v>9</v>
      </c>
      <c r="GQ16" s="72">
        <v>66</v>
      </c>
      <c r="GR16" s="73">
        <v>98</v>
      </c>
      <c r="GS16" s="123">
        <v>163</v>
      </c>
      <c r="GT16" s="82">
        <v>176</v>
      </c>
      <c r="GU16" s="83">
        <v>339</v>
      </c>
      <c r="GV16" s="241"/>
      <c r="GW16" s="82">
        <v>172</v>
      </c>
      <c r="GX16" s="82">
        <v>141</v>
      </c>
      <c r="GY16" s="82">
        <v>93</v>
      </c>
      <c r="GZ16" s="82">
        <v>112</v>
      </c>
      <c r="HA16" s="82">
        <v>46</v>
      </c>
      <c r="HB16" s="84">
        <v>564</v>
      </c>
      <c r="HC16" s="85">
        <v>903</v>
      </c>
      <c r="HD16" s="86">
        <v>5</v>
      </c>
      <c r="HE16" s="71">
        <v>2</v>
      </c>
      <c r="HF16" s="72">
        <v>7</v>
      </c>
      <c r="HG16" s="244"/>
      <c r="HH16" s="71">
        <v>2</v>
      </c>
      <c r="HI16" s="71">
        <v>1</v>
      </c>
      <c r="HJ16" s="71">
        <v>2</v>
      </c>
      <c r="HK16" s="71">
        <v>2</v>
      </c>
      <c r="HL16" s="71">
        <v>1</v>
      </c>
      <c r="HM16" s="72">
        <v>8</v>
      </c>
      <c r="HN16" s="73">
        <v>15</v>
      </c>
      <c r="HO16" s="70">
        <v>3</v>
      </c>
      <c r="HP16" s="71">
        <v>15</v>
      </c>
      <c r="HQ16" s="72">
        <v>18</v>
      </c>
      <c r="HR16" s="244"/>
      <c r="HS16" s="71">
        <v>8</v>
      </c>
      <c r="HT16" s="71">
        <v>3</v>
      </c>
      <c r="HU16" s="71">
        <v>5</v>
      </c>
      <c r="HV16" s="71">
        <v>2</v>
      </c>
      <c r="HW16" s="71">
        <v>1</v>
      </c>
      <c r="HX16" s="72">
        <v>19</v>
      </c>
      <c r="HY16" s="73">
        <v>37</v>
      </c>
      <c r="HZ16" s="86">
        <v>12</v>
      </c>
      <c r="IA16" s="71">
        <v>17</v>
      </c>
      <c r="IB16" s="72">
        <v>29</v>
      </c>
      <c r="IC16" s="244"/>
      <c r="ID16" s="71">
        <v>11</v>
      </c>
      <c r="IE16" s="71">
        <v>10</v>
      </c>
      <c r="IF16" s="71">
        <v>11</v>
      </c>
      <c r="IG16" s="71">
        <v>10</v>
      </c>
      <c r="IH16" s="71">
        <v>5</v>
      </c>
      <c r="II16" s="72">
        <v>47</v>
      </c>
      <c r="IJ16" s="73">
        <v>76</v>
      </c>
      <c r="IK16" s="70">
        <v>43</v>
      </c>
      <c r="IL16" s="71">
        <v>27</v>
      </c>
      <c r="IM16" s="72">
        <v>70</v>
      </c>
      <c r="IN16" s="244"/>
      <c r="IO16" s="71">
        <v>38</v>
      </c>
      <c r="IP16" s="71">
        <v>23</v>
      </c>
      <c r="IQ16" s="71">
        <v>10</v>
      </c>
      <c r="IR16" s="71">
        <v>16</v>
      </c>
      <c r="IS16" s="71">
        <v>5</v>
      </c>
      <c r="IT16" s="72">
        <v>92</v>
      </c>
      <c r="IU16" s="73">
        <v>162</v>
      </c>
      <c r="IV16" s="86">
        <v>51</v>
      </c>
      <c r="IW16" s="71">
        <v>49</v>
      </c>
      <c r="IX16" s="72">
        <v>100</v>
      </c>
      <c r="IY16" s="244"/>
      <c r="IZ16" s="71">
        <v>54</v>
      </c>
      <c r="JA16" s="71">
        <v>43</v>
      </c>
      <c r="JB16" s="71">
        <v>34</v>
      </c>
      <c r="JC16" s="71">
        <v>28</v>
      </c>
      <c r="JD16" s="71">
        <v>18</v>
      </c>
      <c r="JE16" s="72">
        <v>177</v>
      </c>
      <c r="JF16" s="73">
        <v>277</v>
      </c>
      <c r="JG16" s="70">
        <v>49</v>
      </c>
      <c r="JH16" s="71">
        <v>66</v>
      </c>
      <c r="JI16" s="72">
        <v>115</v>
      </c>
      <c r="JJ16" s="244"/>
      <c r="JK16" s="71">
        <v>59</v>
      </c>
      <c r="JL16" s="71">
        <v>61</v>
      </c>
      <c r="JM16" s="71">
        <v>31</v>
      </c>
      <c r="JN16" s="71">
        <v>54</v>
      </c>
      <c r="JO16" s="71">
        <v>16</v>
      </c>
      <c r="JP16" s="72">
        <v>221</v>
      </c>
      <c r="JQ16" s="73">
        <v>336</v>
      </c>
      <c r="JR16" s="70">
        <v>0</v>
      </c>
      <c r="JS16" s="71">
        <v>0</v>
      </c>
      <c r="JT16" s="72">
        <v>0</v>
      </c>
      <c r="JU16" s="244"/>
      <c r="JV16" s="71">
        <v>0</v>
      </c>
      <c r="JW16" s="71">
        <v>0</v>
      </c>
      <c r="JX16" s="71">
        <v>0</v>
      </c>
      <c r="JY16" s="71">
        <v>0</v>
      </c>
      <c r="JZ16" s="71">
        <v>0</v>
      </c>
      <c r="KA16" s="72">
        <v>0</v>
      </c>
      <c r="KB16" s="73">
        <v>0</v>
      </c>
      <c r="KC16" s="70">
        <v>163</v>
      </c>
      <c r="KD16" s="71">
        <v>176</v>
      </c>
      <c r="KE16" s="72">
        <v>339</v>
      </c>
      <c r="KF16" s="244"/>
      <c r="KG16" s="71">
        <v>172</v>
      </c>
      <c r="KH16" s="71">
        <v>141</v>
      </c>
      <c r="KI16" s="71">
        <v>93</v>
      </c>
      <c r="KJ16" s="71">
        <v>112</v>
      </c>
      <c r="KK16" s="71">
        <v>46</v>
      </c>
      <c r="KL16" s="72">
        <v>564</v>
      </c>
      <c r="KM16" s="73">
        <v>903</v>
      </c>
    </row>
    <row r="17" spans="2:299" ht="21" customHeight="1" x14ac:dyDescent="0.2">
      <c r="B17" s="126" t="s">
        <v>13</v>
      </c>
      <c r="C17" s="313">
        <v>44</v>
      </c>
      <c r="D17" s="82">
        <v>51</v>
      </c>
      <c r="E17" s="83">
        <v>95</v>
      </c>
      <c r="F17" s="241"/>
      <c r="G17" s="82">
        <v>84</v>
      </c>
      <c r="H17" s="82">
        <v>67</v>
      </c>
      <c r="I17" s="82">
        <v>40</v>
      </c>
      <c r="J17" s="82">
        <v>43</v>
      </c>
      <c r="K17" s="82">
        <v>24</v>
      </c>
      <c r="L17" s="84">
        <v>258</v>
      </c>
      <c r="M17" s="85">
        <v>353</v>
      </c>
      <c r="N17" s="70">
        <v>0</v>
      </c>
      <c r="O17" s="71">
        <v>0</v>
      </c>
      <c r="P17" s="72">
        <v>0</v>
      </c>
      <c r="Q17" s="244"/>
      <c r="R17" s="71">
        <v>2</v>
      </c>
      <c r="S17" s="71">
        <v>0</v>
      </c>
      <c r="T17" s="71">
        <v>0</v>
      </c>
      <c r="U17" s="71">
        <v>0</v>
      </c>
      <c r="V17" s="71">
        <v>0</v>
      </c>
      <c r="W17" s="72">
        <v>2</v>
      </c>
      <c r="X17" s="73">
        <v>2</v>
      </c>
      <c r="Y17" s="70">
        <v>4</v>
      </c>
      <c r="Z17" s="71">
        <v>1</v>
      </c>
      <c r="AA17" s="72">
        <v>5</v>
      </c>
      <c r="AB17" s="244"/>
      <c r="AC17" s="71">
        <v>7</v>
      </c>
      <c r="AD17" s="71">
        <v>1</v>
      </c>
      <c r="AE17" s="71">
        <v>0</v>
      </c>
      <c r="AF17" s="71">
        <v>1</v>
      </c>
      <c r="AG17" s="71">
        <v>3</v>
      </c>
      <c r="AH17" s="72">
        <v>12</v>
      </c>
      <c r="AI17" s="73">
        <v>17</v>
      </c>
      <c r="AJ17" s="70">
        <v>6</v>
      </c>
      <c r="AK17" s="71">
        <v>4</v>
      </c>
      <c r="AL17" s="72">
        <v>10</v>
      </c>
      <c r="AM17" s="244"/>
      <c r="AN17" s="71">
        <v>3</v>
      </c>
      <c r="AO17" s="71">
        <v>6</v>
      </c>
      <c r="AP17" s="71">
        <v>4</v>
      </c>
      <c r="AQ17" s="71">
        <v>1</v>
      </c>
      <c r="AR17" s="71">
        <v>2</v>
      </c>
      <c r="AS17" s="72">
        <v>16</v>
      </c>
      <c r="AT17" s="73">
        <v>26</v>
      </c>
      <c r="AU17" s="70">
        <v>4</v>
      </c>
      <c r="AV17" s="71">
        <v>13</v>
      </c>
      <c r="AW17" s="72">
        <v>17</v>
      </c>
      <c r="AX17" s="244"/>
      <c r="AY17" s="71">
        <v>14</v>
      </c>
      <c r="AZ17" s="71">
        <v>11</v>
      </c>
      <c r="BA17" s="71">
        <v>6</v>
      </c>
      <c r="BB17" s="71">
        <v>7</v>
      </c>
      <c r="BC17" s="71">
        <v>6</v>
      </c>
      <c r="BD17" s="72">
        <v>44</v>
      </c>
      <c r="BE17" s="73">
        <v>61</v>
      </c>
      <c r="BF17" s="70">
        <v>17</v>
      </c>
      <c r="BG17" s="71">
        <v>23</v>
      </c>
      <c r="BH17" s="72">
        <v>40</v>
      </c>
      <c r="BI17" s="244"/>
      <c r="BJ17" s="71">
        <v>28</v>
      </c>
      <c r="BK17" s="71">
        <v>20</v>
      </c>
      <c r="BL17" s="71">
        <v>17</v>
      </c>
      <c r="BM17" s="71">
        <v>19</v>
      </c>
      <c r="BN17" s="71">
        <v>4</v>
      </c>
      <c r="BO17" s="72">
        <v>88</v>
      </c>
      <c r="BP17" s="73">
        <v>128</v>
      </c>
      <c r="BQ17" s="70">
        <v>13</v>
      </c>
      <c r="BR17" s="71">
        <v>10</v>
      </c>
      <c r="BS17" s="72">
        <v>23</v>
      </c>
      <c r="BT17" s="244"/>
      <c r="BU17" s="71">
        <v>30</v>
      </c>
      <c r="BV17" s="71">
        <v>29</v>
      </c>
      <c r="BW17" s="71">
        <v>13</v>
      </c>
      <c r="BX17" s="71">
        <v>15</v>
      </c>
      <c r="BY17" s="71">
        <v>9</v>
      </c>
      <c r="BZ17" s="72">
        <v>96</v>
      </c>
      <c r="CA17" s="73">
        <v>119</v>
      </c>
      <c r="CB17" s="70">
        <v>0</v>
      </c>
      <c r="CC17" s="71">
        <v>0</v>
      </c>
      <c r="CD17" s="72">
        <v>0</v>
      </c>
      <c r="CE17" s="244"/>
      <c r="CF17" s="71">
        <v>0</v>
      </c>
      <c r="CG17" s="71">
        <v>0</v>
      </c>
      <c r="CH17" s="71">
        <v>0</v>
      </c>
      <c r="CI17" s="71">
        <v>0</v>
      </c>
      <c r="CJ17" s="71">
        <v>0</v>
      </c>
      <c r="CK17" s="72">
        <v>0</v>
      </c>
      <c r="CL17" s="73">
        <v>0</v>
      </c>
      <c r="CM17" s="70">
        <v>44</v>
      </c>
      <c r="CN17" s="71">
        <v>51</v>
      </c>
      <c r="CO17" s="72">
        <v>95</v>
      </c>
      <c r="CP17" s="244"/>
      <c r="CQ17" s="71">
        <v>84</v>
      </c>
      <c r="CR17" s="71">
        <v>67</v>
      </c>
      <c r="CS17" s="71">
        <v>40</v>
      </c>
      <c r="CT17" s="71">
        <v>43</v>
      </c>
      <c r="CU17" s="71">
        <v>24</v>
      </c>
      <c r="CV17" s="72">
        <v>258</v>
      </c>
      <c r="CW17" s="73">
        <v>353</v>
      </c>
      <c r="CX17" s="123">
        <v>9</v>
      </c>
      <c r="CY17" s="82">
        <v>5</v>
      </c>
      <c r="CZ17" s="83">
        <v>14</v>
      </c>
      <c r="DA17" s="241"/>
      <c r="DB17" s="82">
        <v>12</v>
      </c>
      <c r="DC17" s="82">
        <v>6</v>
      </c>
      <c r="DD17" s="82">
        <v>4</v>
      </c>
      <c r="DE17" s="82">
        <v>6</v>
      </c>
      <c r="DF17" s="82">
        <v>3</v>
      </c>
      <c r="DG17" s="84">
        <v>31</v>
      </c>
      <c r="DH17" s="85">
        <v>45</v>
      </c>
      <c r="DI17" s="70">
        <v>0</v>
      </c>
      <c r="DJ17" s="71">
        <v>0</v>
      </c>
      <c r="DK17" s="72">
        <v>0</v>
      </c>
      <c r="DL17" s="244"/>
      <c r="DM17" s="71">
        <v>0</v>
      </c>
      <c r="DN17" s="71">
        <v>0</v>
      </c>
      <c r="DO17" s="71">
        <v>0</v>
      </c>
      <c r="DP17" s="71">
        <v>1</v>
      </c>
      <c r="DQ17" s="71">
        <v>1</v>
      </c>
      <c r="DR17" s="72">
        <v>2</v>
      </c>
      <c r="DS17" s="73">
        <v>2</v>
      </c>
      <c r="DT17" s="70">
        <v>0</v>
      </c>
      <c r="DU17" s="71">
        <v>0</v>
      </c>
      <c r="DV17" s="72">
        <v>0</v>
      </c>
      <c r="DW17" s="244"/>
      <c r="DX17" s="71">
        <v>0</v>
      </c>
      <c r="DY17" s="71">
        <v>0</v>
      </c>
      <c r="DZ17" s="71">
        <v>0</v>
      </c>
      <c r="EA17" s="71">
        <v>0</v>
      </c>
      <c r="EB17" s="71">
        <v>0</v>
      </c>
      <c r="EC17" s="72">
        <v>0</v>
      </c>
      <c r="ED17" s="73">
        <v>0</v>
      </c>
      <c r="EE17" s="70">
        <v>2</v>
      </c>
      <c r="EF17" s="71">
        <v>0</v>
      </c>
      <c r="EG17" s="72">
        <v>2</v>
      </c>
      <c r="EH17" s="244"/>
      <c r="EI17" s="71">
        <v>2</v>
      </c>
      <c r="EJ17" s="71">
        <v>0</v>
      </c>
      <c r="EK17" s="71">
        <v>0</v>
      </c>
      <c r="EL17" s="71">
        <v>0</v>
      </c>
      <c r="EM17" s="71">
        <v>0</v>
      </c>
      <c r="EN17" s="72">
        <v>2</v>
      </c>
      <c r="EO17" s="73">
        <v>4</v>
      </c>
      <c r="EP17" s="70">
        <v>2</v>
      </c>
      <c r="EQ17" s="71">
        <v>2</v>
      </c>
      <c r="ER17" s="72">
        <v>4</v>
      </c>
      <c r="ES17" s="244"/>
      <c r="ET17" s="71">
        <v>2</v>
      </c>
      <c r="EU17" s="71">
        <v>1</v>
      </c>
      <c r="EV17" s="71">
        <v>0</v>
      </c>
      <c r="EW17" s="71">
        <v>0</v>
      </c>
      <c r="EX17" s="71">
        <v>0</v>
      </c>
      <c r="EY17" s="72">
        <v>3</v>
      </c>
      <c r="EZ17" s="73">
        <v>7</v>
      </c>
      <c r="FA17" s="70">
        <v>3</v>
      </c>
      <c r="FB17" s="71">
        <v>0</v>
      </c>
      <c r="FC17" s="72">
        <v>3</v>
      </c>
      <c r="FD17" s="244"/>
      <c r="FE17" s="71">
        <v>4</v>
      </c>
      <c r="FF17" s="71">
        <v>1</v>
      </c>
      <c r="FG17" s="71">
        <v>2</v>
      </c>
      <c r="FH17" s="71">
        <v>1</v>
      </c>
      <c r="FI17" s="71">
        <v>0</v>
      </c>
      <c r="FJ17" s="72">
        <v>8</v>
      </c>
      <c r="FK17" s="73">
        <v>11</v>
      </c>
      <c r="FL17" s="70">
        <v>2</v>
      </c>
      <c r="FM17" s="71">
        <v>3</v>
      </c>
      <c r="FN17" s="72">
        <v>5</v>
      </c>
      <c r="FO17" s="244"/>
      <c r="FP17" s="71">
        <v>4</v>
      </c>
      <c r="FQ17" s="71">
        <v>4</v>
      </c>
      <c r="FR17" s="71">
        <v>2</v>
      </c>
      <c r="FS17" s="71">
        <v>4</v>
      </c>
      <c r="FT17" s="71">
        <v>2</v>
      </c>
      <c r="FU17" s="72">
        <v>16</v>
      </c>
      <c r="FV17" s="73">
        <v>21</v>
      </c>
      <c r="FW17" s="70">
        <v>0</v>
      </c>
      <c r="FX17" s="71">
        <v>0</v>
      </c>
      <c r="FY17" s="72">
        <v>0</v>
      </c>
      <c r="FZ17" s="244"/>
      <c r="GA17" s="71">
        <v>0</v>
      </c>
      <c r="GB17" s="71">
        <v>0</v>
      </c>
      <c r="GC17" s="71">
        <v>0</v>
      </c>
      <c r="GD17" s="71">
        <v>0</v>
      </c>
      <c r="GE17" s="71">
        <v>0</v>
      </c>
      <c r="GF17" s="72">
        <v>0</v>
      </c>
      <c r="GG17" s="73">
        <v>0</v>
      </c>
      <c r="GH17" s="70">
        <v>9</v>
      </c>
      <c r="GI17" s="71">
        <v>5</v>
      </c>
      <c r="GJ17" s="72">
        <v>14</v>
      </c>
      <c r="GK17" s="244"/>
      <c r="GL17" s="71">
        <v>12</v>
      </c>
      <c r="GM17" s="71">
        <v>6</v>
      </c>
      <c r="GN17" s="71">
        <v>4</v>
      </c>
      <c r="GO17" s="71">
        <v>6</v>
      </c>
      <c r="GP17" s="71">
        <v>3</v>
      </c>
      <c r="GQ17" s="72">
        <v>31</v>
      </c>
      <c r="GR17" s="73">
        <v>45</v>
      </c>
      <c r="GS17" s="123">
        <v>53</v>
      </c>
      <c r="GT17" s="82">
        <v>56</v>
      </c>
      <c r="GU17" s="83">
        <v>109</v>
      </c>
      <c r="GV17" s="241"/>
      <c r="GW17" s="82">
        <v>96</v>
      </c>
      <c r="GX17" s="82">
        <v>73</v>
      </c>
      <c r="GY17" s="82">
        <v>44</v>
      </c>
      <c r="GZ17" s="82">
        <v>49</v>
      </c>
      <c r="HA17" s="82">
        <v>27</v>
      </c>
      <c r="HB17" s="84">
        <v>289</v>
      </c>
      <c r="HC17" s="85">
        <v>398</v>
      </c>
      <c r="HD17" s="70">
        <v>0</v>
      </c>
      <c r="HE17" s="71">
        <v>0</v>
      </c>
      <c r="HF17" s="72">
        <v>0</v>
      </c>
      <c r="HG17" s="244"/>
      <c r="HH17" s="71">
        <v>2</v>
      </c>
      <c r="HI17" s="71">
        <v>0</v>
      </c>
      <c r="HJ17" s="71">
        <v>0</v>
      </c>
      <c r="HK17" s="71">
        <v>1</v>
      </c>
      <c r="HL17" s="71">
        <v>1</v>
      </c>
      <c r="HM17" s="72">
        <v>4</v>
      </c>
      <c r="HN17" s="73">
        <v>4</v>
      </c>
      <c r="HO17" s="70">
        <v>4</v>
      </c>
      <c r="HP17" s="71">
        <v>1</v>
      </c>
      <c r="HQ17" s="72">
        <v>5</v>
      </c>
      <c r="HR17" s="244"/>
      <c r="HS17" s="71">
        <v>7</v>
      </c>
      <c r="HT17" s="71">
        <v>1</v>
      </c>
      <c r="HU17" s="71">
        <v>0</v>
      </c>
      <c r="HV17" s="71">
        <v>1</v>
      </c>
      <c r="HW17" s="71">
        <v>3</v>
      </c>
      <c r="HX17" s="72">
        <v>12</v>
      </c>
      <c r="HY17" s="73">
        <v>17</v>
      </c>
      <c r="HZ17" s="70">
        <v>8</v>
      </c>
      <c r="IA17" s="71">
        <v>4</v>
      </c>
      <c r="IB17" s="72">
        <v>12</v>
      </c>
      <c r="IC17" s="244"/>
      <c r="ID17" s="71">
        <v>5</v>
      </c>
      <c r="IE17" s="71">
        <v>6</v>
      </c>
      <c r="IF17" s="71">
        <v>4</v>
      </c>
      <c r="IG17" s="71">
        <v>1</v>
      </c>
      <c r="IH17" s="71">
        <v>2</v>
      </c>
      <c r="II17" s="72">
        <v>18</v>
      </c>
      <c r="IJ17" s="73">
        <v>30</v>
      </c>
      <c r="IK17" s="70">
        <v>6</v>
      </c>
      <c r="IL17" s="71">
        <v>15</v>
      </c>
      <c r="IM17" s="72">
        <v>21</v>
      </c>
      <c r="IN17" s="244"/>
      <c r="IO17" s="71">
        <v>16</v>
      </c>
      <c r="IP17" s="71">
        <v>12</v>
      </c>
      <c r="IQ17" s="71">
        <v>6</v>
      </c>
      <c r="IR17" s="71">
        <v>7</v>
      </c>
      <c r="IS17" s="71">
        <v>6</v>
      </c>
      <c r="IT17" s="72">
        <v>47</v>
      </c>
      <c r="IU17" s="73">
        <v>68</v>
      </c>
      <c r="IV17" s="70">
        <v>20</v>
      </c>
      <c r="IW17" s="71">
        <v>23</v>
      </c>
      <c r="IX17" s="72">
        <v>43</v>
      </c>
      <c r="IY17" s="244"/>
      <c r="IZ17" s="71">
        <v>32</v>
      </c>
      <c r="JA17" s="71">
        <v>21</v>
      </c>
      <c r="JB17" s="71">
        <v>19</v>
      </c>
      <c r="JC17" s="71">
        <v>20</v>
      </c>
      <c r="JD17" s="71">
        <v>4</v>
      </c>
      <c r="JE17" s="72">
        <v>96</v>
      </c>
      <c r="JF17" s="73">
        <v>139</v>
      </c>
      <c r="JG17" s="70">
        <v>15</v>
      </c>
      <c r="JH17" s="71">
        <v>13</v>
      </c>
      <c r="JI17" s="72">
        <v>28</v>
      </c>
      <c r="JJ17" s="244"/>
      <c r="JK17" s="71">
        <v>34</v>
      </c>
      <c r="JL17" s="71">
        <v>33</v>
      </c>
      <c r="JM17" s="71">
        <v>15</v>
      </c>
      <c r="JN17" s="71">
        <v>19</v>
      </c>
      <c r="JO17" s="71">
        <v>11</v>
      </c>
      <c r="JP17" s="72">
        <v>112</v>
      </c>
      <c r="JQ17" s="73">
        <v>140</v>
      </c>
      <c r="JR17" s="70">
        <v>0</v>
      </c>
      <c r="JS17" s="71">
        <v>0</v>
      </c>
      <c r="JT17" s="72">
        <v>0</v>
      </c>
      <c r="JU17" s="244"/>
      <c r="JV17" s="71">
        <v>0</v>
      </c>
      <c r="JW17" s="71">
        <v>0</v>
      </c>
      <c r="JX17" s="71">
        <v>0</v>
      </c>
      <c r="JY17" s="71">
        <v>0</v>
      </c>
      <c r="JZ17" s="71">
        <v>0</v>
      </c>
      <c r="KA17" s="72">
        <v>0</v>
      </c>
      <c r="KB17" s="73">
        <v>0</v>
      </c>
      <c r="KC17" s="70">
        <v>53</v>
      </c>
      <c r="KD17" s="71">
        <v>56</v>
      </c>
      <c r="KE17" s="72">
        <v>109</v>
      </c>
      <c r="KF17" s="244"/>
      <c r="KG17" s="71">
        <v>96</v>
      </c>
      <c r="KH17" s="71">
        <v>73</v>
      </c>
      <c r="KI17" s="71">
        <v>44</v>
      </c>
      <c r="KJ17" s="71">
        <v>49</v>
      </c>
      <c r="KK17" s="71">
        <v>27</v>
      </c>
      <c r="KL17" s="72">
        <v>289</v>
      </c>
      <c r="KM17" s="73">
        <v>398</v>
      </c>
    </row>
    <row r="18" spans="2:299" ht="21" customHeight="1" x14ac:dyDescent="0.2">
      <c r="B18" s="126" t="s">
        <v>15</v>
      </c>
      <c r="C18" s="313">
        <v>23</v>
      </c>
      <c r="D18" s="82">
        <v>28</v>
      </c>
      <c r="E18" s="83">
        <v>51</v>
      </c>
      <c r="F18" s="241"/>
      <c r="G18" s="82">
        <v>45</v>
      </c>
      <c r="H18" s="82">
        <v>24</v>
      </c>
      <c r="I18" s="82">
        <v>24</v>
      </c>
      <c r="J18" s="82">
        <v>27</v>
      </c>
      <c r="K18" s="82">
        <v>11</v>
      </c>
      <c r="L18" s="84">
        <v>131</v>
      </c>
      <c r="M18" s="85">
        <v>182</v>
      </c>
      <c r="N18" s="70">
        <v>1</v>
      </c>
      <c r="O18" s="71">
        <v>0</v>
      </c>
      <c r="P18" s="72">
        <v>1</v>
      </c>
      <c r="Q18" s="244"/>
      <c r="R18" s="71">
        <v>1</v>
      </c>
      <c r="S18" s="71">
        <v>1</v>
      </c>
      <c r="T18" s="71">
        <v>0</v>
      </c>
      <c r="U18" s="71">
        <v>1</v>
      </c>
      <c r="V18" s="71">
        <v>1</v>
      </c>
      <c r="W18" s="72">
        <v>4</v>
      </c>
      <c r="X18" s="73">
        <v>5</v>
      </c>
      <c r="Y18" s="70">
        <v>1</v>
      </c>
      <c r="Z18" s="71">
        <v>2</v>
      </c>
      <c r="AA18" s="72">
        <v>3</v>
      </c>
      <c r="AB18" s="244"/>
      <c r="AC18" s="71">
        <v>5</v>
      </c>
      <c r="AD18" s="71">
        <v>0</v>
      </c>
      <c r="AE18" s="71">
        <v>2</v>
      </c>
      <c r="AF18" s="71">
        <v>3</v>
      </c>
      <c r="AG18" s="71">
        <v>2</v>
      </c>
      <c r="AH18" s="72">
        <v>12</v>
      </c>
      <c r="AI18" s="73">
        <v>15</v>
      </c>
      <c r="AJ18" s="70">
        <v>3</v>
      </c>
      <c r="AK18" s="71">
        <v>3</v>
      </c>
      <c r="AL18" s="72">
        <v>6</v>
      </c>
      <c r="AM18" s="244"/>
      <c r="AN18" s="71">
        <v>4</v>
      </c>
      <c r="AO18" s="71">
        <v>2</v>
      </c>
      <c r="AP18" s="71">
        <v>2</v>
      </c>
      <c r="AQ18" s="71">
        <v>3</v>
      </c>
      <c r="AR18" s="71">
        <v>1</v>
      </c>
      <c r="AS18" s="72">
        <v>12</v>
      </c>
      <c r="AT18" s="73">
        <v>18</v>
      </c>
      <c r="AU18" s="70">
        <v>6</v>
      </c>
      <c r="AV18" s="71">
        <v>4</v>
      </c>
      <c r="AW18" s="72">
        <v>10</v>
      </c>
      <c r="AX18" s="244"/>
      <c r="AY18" s="71">
        <v>9</v>
      </c>
      <c r="AZ18" s="71">
        <v>5</v>
      </c>
      <c r="BA18" s="71">
        <v>4</v>
      </c>
      <c r="BB18" s="71">
        <v>5</v>
      </c>
      <c r="BC18" s="71">
        <v>1</v>
      </c>
      <c r="BD18" s="72">
        <v>24</v>
      </c>
      <c r="BE18" s="73">
        <v>34</v>
      </c>
      <c r="BF18" s="70">
        <v>5</v>
      </c>
      <c r="BG18" s="71">
        <v>11</v>
      </c>
      <c r="BH18" s="72">
        <v>16</v>
      </c>
      <c r="BI18" s="244"/>
      <c r="BJ18" s="71">
        <v>14</v>
      </c>
      <c r="BK18" s="71">
        <v>3</v>
      </c>
      <c r="BL18" s="71">
        <v>5</v>
      </c>
      <c r="BM18" s="71">
        <v>3</v>
      </c>
      <c r="BN18" s="71">
        <v>2</v>
      </c>
      <c r="BO18" s="72">
        <v>27</v>
      </c>
      <c r="BP18" s="73">
        <v>43</v>
      </c>
      <c r="BQ18" s="70">
        <v>7</v>
      </c>
      <c r="BR18" s="71">
        <v>8</v>
      </c>
      <c r="BS18" s="72">
        <v>15</v>
      </c>
      <c r="BT18" s="244"/>
      <c r="BU18" s="71">
        <v>12</v>
      </c>
      <c r="BV18" s="71">
        <v>13</v>
      </c>
      <c r="BW18" s="71">
        <v>11</v>
      </c>
      <c r="BX18" s="71">
        <v>12</v>
      </c>
      <c r="BY18" s="71">
        <v>4</v>
      </c>
      <c r="BZ18" s="72">
        <v>52</v>
      </c>
      <c r="CA18" s="73">
        <v>67</v>
      </c>
      <c r="CB18" s="70">
        <v>0</v>
      </c>
      <c r="CC18" s="71">
        <v>0</v>
      </c>
      <c r="CD18" s="72">
        <v>0</v>
      </c>
      <c r="CE18" s="244"/>
      <c r="CF18" s="71">
        <v>0</v>
      </c>
      <c r="CG18" s="71">
        <v>0</v>
      </c>
      <c r="CH18" s="71">
        <v>0</v>
      </c>
      <c r="CI18" s="71">
        <v>0</v>
      </c>
      <c r="CJ18" s="71">
        <v>0</v>
      </c>
      <c r="CK18" s="72">
        <v>0</v>
      </c>
      <c r="CL18" s="73">
        <v>0</v>
      </c>
      <c r="CM18" s="70">
        <v>23</v>
      </c>
      <c r="CN18" s="71">
        <v>28</v>
      </c>
      <c r="CO18" s="72">
        <v>51</v>
      </c>
      <c r="CP18" s="244"/>
      <c r="CQ18" s="71">
        <v>45</v>
      </c>
      <c r="CR18" s="71">
        <v>24</v>
      </c>
      <c r="CS18" s="71">
        <v>24</v>
      </c>
      <c r="CT18" s="71">
        <v>27</v>
      </c>
      <c r="CU18" s="71">
        <v>11</v>
      </c>
      <c r="CV18" s="72">
        <v>131</v>
      </c>
      <c r="CW18" s="73">
        <v>182</v>
      </c>
      <c r="CX18" s="123">
        <v>2</v>
      </c>
      <c r="CY18" s="82">
        <v>5</v>
      </c>
      <c r="CZ18" s="83">
        <v>7</v>
      </c>
      <c r="DA18" s="241"/>
      <c r="DB18" s="82">
        <v>5</v>
      </c>
      <c r="DC18" s="82">
        <v>9</v>
      </c>
      <c r="DD18" s="82">
        <v>2</v>
      </c>
      <c r="DE18" s="82">
        <v>2</v>
      </c>
      <c r="DF18" s="82">
        <v>2</v>
      </c>
      <c r="DG18" s="84">
        <v>20</v>
      </c>
      <c r="DH18" s="85">
        <v>27</v>
      </c>
      <c r="DI18" s="70">
        <v>0</v>
      </c>
      <c r="DJ18" s="71">
        <v>0</v>
      </c>
      <c r="DK18" s="72">
        <v>0</v>
      </c>
      <c r="DL18" s="244"/>
      <c r="DM18" s="71">
        <v>1</v>
      </c>
      <c r="DN18" s="71">
        <v>0</v>
      </c>
      <c r="DO18" s="71">
        <v>0</v>
      </c>
      <c r="DP18" s="71">
        <v>0</v>
      </c>
      <c r="DQ18" s="71">
        <v>0</v>
      </c>
      <c r="DR18" s="72">
        <v>1</v>
      </c>
      <c r="DS18" s="73">
        <v>1</v>
      </c>
      <c r="DT18" s="70">
        <v>0</v>
      </c>
      <c r="DU18" s="71">
        <v>1</v>
      </c>
      <c r="DV18" s="72">
        <v>1</v>
      </c>
      <c r="DW18" s="244"/>
      <c r="DX18" s="71">
        <v>0</v>
      </c>
      <c r="DY18" s="71">
        <v>0</v>
      </c>
      <c r="DZ18" s="71">
        <v>0</v>
      </c>
      <c r="EA18" s="71">
        <v>0</v>
      </c>
      <c r="EB18" s="71">
        <v>0</v>
      </c>
      <c r="EC18" s="72">
        <v>0</v>
      </c>
      <c r="ED18" s="73">
        <v>1</v>
      </c>
      <c r="EE18" s="70">
        <v>1</v>
      </c>
      <c r="EF18" s="71">
        <v>0</v>
      </c>
      <c r="EG18" s="72">
        <v>1</v>
      </c>
      <c r="EH18" s="244"/>
      <c r="EI18" s="71">
        <v>1</v>
      </c>
      <c r="EJ18" s="71">
        <v>2</v>
      </c>
      <c r="EK18" s="71">
        <v>0</v>
      </c>
      <c r="EL18" s="71">
        <v>0</v>
      </c>
      <c r="EM18" s="71">
        <v>0</v>
      </c>
      <c r="EN18" s="72">
        <v>3</v>
      </c>
      <c r="EO18" s="73">
        <v>4</v>
      </c>
      <c r="EP18" s="70">
        <v>0</v>
      </c>
      <c r="EQ18" s="71">
        <v>2</v>
      </c>
      <c r="ER18" s="72">
        <v>2</v>
      </c>
      <c r="ES18" s="244"/>
      <c r="ET18" s="71">
        <v>0</v>
      </c>
      <c r="EU18" s="71">
        <v>1</v>
      </c>
      <c r="EV18" s="71">
        <v>1</v>
      </c>
      <c r="EW18" s="71">
        <v>0</v>
      </c>
      <c r="EX18" s="71">
        <v>0</v>
      </c>
      <c r="EY18" s="72">
        <v>2</v>
      </c>
      <c r="EZ18" s="73">
        <v>4</v>
      </c>
      <c r="FA18" s="70">
        <v>0</v>
      </c>
      <c r="FB18" s="71">
        <v>0</v>
      </c>
      <c r="FC18" s="72">
        <v>0</v>
      </c>
      <c r="FD18" s="244"/>
      <c r="FE18" s="71">
        <v>0</v>
      </c>
      <c r="FF18" s="71">
        <v>0</v>
      </c>
      <c r="FG18" s="71">
        <v>0</v>
      </c>
      <c r="FH18" s="71">
        <v>1</v>
      </c>
      <c r="FI18" s="71">
        <v>1</v>
      </c>
      <c r="FJ18" s="72">
        <v>2</v>
      </c>
      <c r="FK18" s="73">
        <v>2</v>
      </c>
      <c r="FL18" s="70">
        <v>1</v>
      </c>
      <c r="FM18" s="71">
        <v>2</v>
      </c>
      <c r="FN18" s="72">
        <v>3</v>
      </c>
      <c r="FO18" s="244"/>
      <c r="FP18" s="71">
        <v>3</v>
      </c>
      <c r="FQ18" s="71">
        <v>6</v>
      </c>
      <c r="FR18" s="71">
        <v>1</v>
      </c>
      <c r="FS18" s="71">
        <v>1</v>
      </c>
      <c r="FT18" s="71">
        <v>1</v>
      </c>
      <c r="FU18" s="72">
        <v>12</v>
      </c>
      <c r="FV18" s="73">
        <v>15</v>
      </c>
      <c r="FW18" s="70">
        <v>0</v>
      </c>
      <c r="FX18" s="71">
        <v>0</v>
      </c>
      <c r="FY18" s="72">
        <v>0</v>
      </c>
      <c r="FZ18" s="244"/>
      <c r="GA18" s="71">
        <v>0</v>
      </c>
      <c r="GB18" s="71">
        <v>0</v>
      </c>
      <c r="GC18" s="71">
        <v>0</v>
      </c>
      <c r="GD18" s="71">
        <v>0</v>
      </c>
      <c r="GE18" s="71">
        <v>0</v>
      </c>
      <c r="GF18" s="72">
        <v>0</v>
      </c>
      <c r="GG18" s="73">
        <v>0</v>
      </c>
      <c r="GH18" s="70">
        <v>2</v>
      </c>
      <c r="GI18" s="71">
        <v>5</v>
      </c>
      <c r="GJ18" s="72">
        <v>7</v>
      </c>
      <c r="GK18" s="244"/>
      <c r="GL18" s="71">
        <v>5</v>
      </c>
      <c r="GM18" s="71">
        <v>9</v>
      </c>
      <c r="GN18" s="71">
        <v>2</v>
      </c>
      <c r="GO18" s="71">
        <v>2</v>
      </c>
      <c r="GP18" s="71">
        <v>2</v>
      </c>
      <c r="GQ18" s="72">
        <v>20</v>
      </c>
      <c r="GR18" s="73">
        <v>27</v>
      </c>
      <c r="GS18" s="123">
        <v>25</v>
      </c>
      <c r="GT18" s="82">
        <v>33</v>
      </c>
      <c r="GU18" s="83">
        <v>58</v>
      </c>
      <c r="GV18" s="241"/>
      <c r="GW18" s="82">
        <v>50</v>
      </c>
      <c r="GX18" s="82">
        <v>33</v>
      </c>
      <c r="GY18" s="82">
        <v>26</v>
      </c>
      <c r="GZ18" s="82">
        <v>29</v>
      </c>
      <c r="HA18" s="82">
        <v>13</v>
      </c>
      <c r="HB18" s="84">
        <v>151</v>
      </c>
      <c r="HC18" s="85">
        <v>209</v>
      </c>
      <c r="HD18" s="70">
        <v>1</v>
      </c>
      <c r="HE18" s="71">
        <v>0</v>
      </c>
      <c r="HF18" s="72">
        <v>1</v>
      </c>
      <c r="HG18" s="244"/>
      <c r="HH18" s="71">
        <v>2</v>
      </c>
      <c r="HI18" s="71">
        <v>1</v>
      </c>
      <c r="HJ18" s="71">
        <v>0</v>
      </c>
      <c r="HK18" s="71">
        <v>1</v>
      </c>
      <c r="HL18" s="71">
        <v>1</v>
      </c>
      <c r="HM18" s="72">
        <v>5</v>
      </c>
      <c r="HN18" s="73">
        <v>6</v>
      </c>
      <c r="HO18" s="70">
        <v>1</v>
      </c>
      <c r="HP18" s="71">
        <v>3</v>
      </c>
      <c r="HQ18" s="72">
        <v>4</v>
      </c>
      <c r="HR18" s="244"/>
      <c r="HS18" s="71">
        <v>5</v>
      </c>
      <c r="HT18" s="71">
        <v>0</v>
      </c>
      <c r="HU18" s="71">
        <v>2</v>
      </c>
      <c r="HV18" s="71">
        <v>3</v>
      </c>
      <c r="HW18" s="71">
        <v>2</v>
      </c>
      <c r="HX18" s="72">
        <v>12</v>
      </c>
      <c r="HY18" s="73">
        <v>16</v>
      </c>
      <c r="HZ18" s="70">
        <v>4</v>
      </c>
      <c r="IA18" s="71">
        <v>3</v>
      </c>
      <c r="IB18" s="72">
        <v>7</v>
      </c>
      <c r="IC18" s="244"/>
      <c r="ID18" s="71">
        <v>5</v>
      </c>
      <c r="IE18" s="71">
        <v>4</v>
      </c>
      <c r="IF18" s="71">
        <v>2</v>
      </c>
      <c r="IG18" s="71">
        <v>3</v>
      </c>
      <c r="IH18" s="71">
        <v>1</v>
      </c>
      <c r="II18" s="72">
        <v>15</v>
      </c>
      <c r="IJ18" s="73">
        <v>22</v>
      </c>
      <c r="IK18" s="70">
        <v>6</v>
      </c>
      <c r="IL18" s="71">
        <v>6</v>
      </c>
      <c r="IM18" s="72">
        <v>12</v>
      </c>
      <c r="IN18" s="244"/>
      <c r="IO18" s="71">
        <v>9</v>
      </c>
      <c r="IP18" s="71">
        <v>6</v>
      </c>
      <c r="IQ18" s="71">
        <v>5</v>
      </c>
      <c r="IR18" s="71">
        <v>5</v>
      </c>
      <c r="IS18" s="71">
        <v>1</v>
      </c>
      <c r="IT18" s="72">
        <v>26</v>
      </c>
      <c r="IU18" s="73">
        <v>38</v>
      </c>
      <c r="IV18" s="70">
        <v>5</v>
      </c>
      <c r="IW18" s="71">
        <v>11</v>
      </c>
      <c r="IX18" s="72">
        <v>16</v>
      </c>
      <c r="IY18" s="244"/>
      <c r="IZ18" s="71">
        <v>14</v>
      </c>
      <c r="JA18" s="71">
        <v>3</v>
      </c>
      <c r="JB18" s="71">
        <v>5</v>
      </c>
      <c r="JC18" s="71">
        <v>4</v>
      </c>
      <c r="JD18" s="71">
        <v>3</v>
      </c>
      <c r="JE18" s="72">
        <v>29</v>
      </c>
      <c r="JF18" s="73">
        <v>45</v>
      </c>
      <c r="JG18" s="70">
        <v>8</v>
      </c>
      <c r="JH18" s="71">
        <v>10</v>
      </c>
      <c r="JI18" s="72">
        <v>18</v>
      </c>
      <c r="JJ18" s="244"/>
      <c r="JK18" s="71">
        <v>15</v>
      </c>
      <c r="JL18" s="71">
        <v>19</v>
      </c>
      <c r="JM18" s="71">
        <v>12</v>
      </c>
      <c r="JN18" s="71">
        <v>13</v>
      </c>
      <c r="JO18" s="71">
        <v>5</v>
      </c>
      <c r="JP18" s="72">
        <v>64</v>
      </c>
      <c r="JQ18" s="73">
        <v>82</v>
      </c>
      <c r="JR18" s="70">
        <v>0</v>
      </c>
      <c r="JS18" s="71">
        <v>0</v>
      </c>
      <c r="JT18" s="72">
        <v>0</v>
      </c>
      <c r="JU18" s="244"/>
      <c r="JV18" s="71">
        <v>0</v>
      </c>
      <c r="JW18" s="71">
        <v>0</v>
      </c>
      <c r="JX18" s="71">
        <v>0</v>
      </c>
      <c r="JY18" s="71">
        <v>0</v>
      </c>
      <c r="JZ18" s="71">
        <v>0</v>
      </c>
      <c r="KA18" s="72">
        <v>0</v>
      </c>
      <c r="KB18" s="73">
        <v>0</v>
      </c>
      <c r="KC18" s="70">
        <v>25</v>
      </c>
      <c r="KD18" s="71">
        <v>33</v>
      </c>
      <c r="KE18" s="72">
        <v>58</v>
      </c>
      <c r="KF18" s="244"/>
      <c r="KG18" s="71">
        <v>50</v>
      </c>
      <c r="KH18" s="71">
        <v>33</v>
      </c>
      <c r="KI18" s="71">
        <v>26</v>
      </c>
      <c r="KJ18" s="71">
        <v>29</v>
      </c>
      <c r="KK18" s="71">
        <v>13</v>
      </c>
      <c r="KL18" s="72">
        <v>151</v>
      </c>
      <c r="KM18" s="73">
        <v>209</v>
      </c>
    </row>
    <row r="19" spans="2:299" ht="21" customHeight="1" x14ac:dyDescent="0.2">
      <c r="B19" s="126" t="s">
        <v>16</v>
      </c>
      <c r="C19" s="313">
        <v>44</v>
      </c>
      <c r="D19" s="82">
        <v>42</v>
      </c>
      <c r="E19" s="83">
        <v>86</v>
      </c>
      <c r="F19" s="241"/>
      <c r="G19" s="82">
        <v>79</v>
      </c>
      <c r="H19" s="82">
        <v>88</v>
      </c>
      <c r="I19" s="82">
        <v>54</v>
      </c>
      <c r="J19" s="82">
        <v>48</v>
      </c>
      <c r="K19" s="82">
        <v>21</v>
      </c>
      <c r="L19" s="84">
        <v>290</v>
      </c>
      <c r="M19" s="85">
        <v>376</v>
      </c>
      <c r="N19" s="70">
        <v>1</v>
      </c>
      <c r="O19" s="71">
        <v>0</v>
      </c>
      <c r="P19" s="72">
        <v>1</v>
      </c>
      <c r="Q19" s="244"/>
      <c r="R19" s="71">
        <v>2</v>
      </c>
      <c r="S19" s="71">
        <v>3</v>
      </c>
      <c r="T19" s="71">
        <v>1</v>
      </c>
      <c r="U19" s="71">
        <v>1</v>
      </c>
      <c r="V19" s="71">
        <v>1</v>
      </c>
      <c r="W19" s="72">
        <v>8</v>
      </c>
      <c r="X19" s="73">
        <v>9</v>
      </c>
      <c r="Y19" s="70">
        <v>4</v>
      </c>
      <c r="Z19" s="71">
        <v>5</v>
      </c>
      <c r="AA19" s="72">
        <v>9</v>
      </c>
      <c r="AB19" s="244"/>
      <c r="AC19" s="71">
        <v>6</v>
      </c>
      <c r="AD19" s="71">
        <v>5</v>
      </c>
      <c r="AE19" s="71">
        <v>3</v>
      </c>
      <c r="AF19" s="71">
        <v>0</v>
      </c>
      <c r="AG19" s="71">
        <v>1</v>
      </c>
      <c r="AH19" s="72">
        <v>15</v>
      </c>
      <c r="AI19" s="73">
        <v>24</v>
      </c>
      <c r="AJ19" s="70">
        <v>6</v>
      </c>
      <c r="AK19" s="71">
        <v>4</v>
      </c>
      <c r="AL19" s="72">
        <v>10</v>
      </c>
      <c r="AM19" s="244"/>
      <c r="AN19" s="71">
        <v>9</v>
      </c>
      <c r="AO19" s="71">
        <v>8</v>
      </c>
      <c r="AP19" s="71">
        <v>7</v>
      </c>
      <c r="AQ19" s="71">
        <v>3</v>
      </c>
      <c r="AR19" s="71">
        <v>2</v>
      </c>
      <c r="AS19" s="72">
        <v>29</v>
      </c>
      <c r="AT19" s="73">
        <v>39</v>
      </c>
      <c r="AU19" s="70">
        <v>11</v>
      </c>
      <c r="AV19" s="71">
        <v>8</v>
      </c>
      <c r="AW19" s="72">
        <v>19</v>
      </c>
      <c r="AX19" s="244"/>
      <c r="AY19" s="71">
        <v>18</v>
      </c>
      <c r="AZ19" s="71">
        <v>22</v>
      </c>
      <c r="BA19" s="71">
        <v>13</v>
      </c>
      <c r="BB19" s="71">
        <v>8</v>
      </c>
      <c r="BC19" s="71">
        <v>7</v>
      </c>
      <c r="BD19" s="72">
        <v>68</v>
      </c>
      <c r="BE19" s="73">
        <v>87</v>
      </c>
      <c r="BF19" s="70">
        <v>10</v>
      </c>
      <c r="BG19" s="71">
        <v>14</v>
      </c>
      <c r="BH19" s="72">
        <v>24</v>
      </c>
      <c r="BI19" s="244"/>
      <c r="BJ19" s="71">
        <v>21</v>
      </c>
      <c r="BK19" s="71">
        <v>19</v>
      </c>
      <c r="BL19" s="71">
        <v>10</v>
      </c>
      <c r="BM19" s="71">
        <v>11</v>
      </c>
      <c r="BN19" s="71">
        <v>3</v>
      </c>
      <c r="BO19" s="72">
        <v>64</v>
      </c>
      <c r="BP19" s="73">
        <v>88</v>
      </c>
      <c r="BQ19" s="70">
        <v>12</v>
      </c>
      <c r="BR19" s="71">
        <v>11</v>
      </c>
      <c r="BS19" s="72">
        <v>23</v>
      </c>
      <c r="BT19" s="244"/>
      <c r="BU19" s="71">
        <v>23</v>
      </c>
      <c r="BV19" s="71">
        <v>31</v>
      </c>
      <c r="BW19" s="71">
        <v>20</v>
      </c>
      <c r="BX19" s="71">
        <v>25</v>
      </c>
      <c r="BY19" s="71">
        <v>7</v>
      </c>
      <c r="BZ19" s="72">
        <v>106</v>
      </c>
      <c r="CA19" s="73">
        <v>129</v>
      </c>
      <c r="CB19" s="70">
        <v>0</v>
      </c>
      <c r="CC19" s="71">
        <v>0</v>
      </c>
      <c r="CD19" s="72">
        <v>0</v>
      </c>
      <c r="CE19" s="244"/>
      <c r="CF19" s="71">
        <v>0</v>
      </c>
      <c r="CG19" s="71">
        <v>0</v>
      </c>
      <c r="CH19" s="71">
        <v>0</v>
      </c>
      <c r="CI19" s="71">
        <v>0</v>
      </c>
      <c r="CJ19" s="71">
        <v>0</v>
      </c>
      <c r="CK19" s="72">
        <v>0</v>
      </c>
      <c r="CL19" s="73">
        <v>0</v>
      </c>
      <c r="CM19" s="70">
        <v>44</v>
      </c>
      <c r="CN19" s="71">
        <v>42</v>
      </c>
      <c r="CO19" s="72">
        <v>86</v>
      </c>
      <c r="CP19" s="244"/>
      <c r="CQ19" s="71">
        <v>79</v>
      </c>
      <c r="CR19" s="71">
        <v>88</v>
      </c>
      <c r="CS19" s="71">
        <v>54</v>
      </c>
      <c r="CT19" s="71">
        <v>48</v>
      </c>
      <c r="CU19" s="71">
        <v>21</v>
      </c>
      <c r="CV19" s="72">
        <v>290</v>
      </c>
      <c r="CW19" s="73">
        <v>376</v>
      </c>
      <c r="CX19" s="123">
        <v>8</v>
      </c>
      <c r="CY19" s="82">
        <v>7</v>
      </c>
      <c r="CZ19" s="83">
        <v>15</v>
      </c>
      <c r="DA19" s="241"/>
      <c r="DB19" s="82">
        <v>11</v>
      </c>
      <c r="DC19" s="82">
        <v>13</v>
      </c>
      <c r="DD19" s="82">
        <v>7</v>
      </c>
      <c r="DE19" s="82">
        <v>12</v>
      </c>
      <c r="DF19" s="82">
        <v>6</v>
      </c>
      <c r="DG19" s="84">
        <v>49</v>
      </c>
      <c r="DH19" s="85">
        <v>64</v>
      </c>
      <c r="DI19" s="70">
        <v>0</v>
      </c>
      <c r="DJ19" s="71">
        <v>0</v>
      </c>
      <c r="DK19" s="72">
        <v>0</v>
      </c>
      <c r="DL19" s="244"/>
      <c r="DM19" s="71">
        <v>0</v>
      </c>
      <c r="DN19" s="71">
        <v>0</v>
      </c>
      <c r="DO19" s="71">
        <v>0</v>
      </c>
      <c r="DP19" s="71">
        <v>0</v>
      </c>
      <c r="DQ19" s="71">
        <v>0</v>
      </c>
      <c r="DR19" s="72">
        <v>0</v>
      </c>
      <c r="DS19" s="73">
        <v>0</v>
      </c>
      <c r="DT19" s="70">
        <v>1</v>
      </c>
      <c r="DU19" s="71">
        <v>1</v>
      </c>
      <c r="DV19" s="72">
        <v>2</v>
      </c>
      <c r="DW19" s="244"/>
      <c r="DX19" s="71">
        <v>2</v>
      </c>
      <c r="DY19" s="71">
        <v>1</v>
      </c>
      <c r="DZ19" s="71">
        <v>0</v>
      </c>
      <c r="EA19" s="71">
        <v>0</v>
      </c>
      <c r="EB19" s="71">
        <v>0</v>
      </c>
      <c r="EC19" s="72">
        <v>3</v>
      </c>
      <c r="ED19" s="73">
        <v>5</v>
      </c>
      <c r="EE19" s="70">
        <v>1</v>
      </c>
      <c r="EF19" s="71">
        <v>1</v>
      </c>
      <c r="EG19" s="72">
        <v>2</v>
      </c>
      <c r="EH19" s="244"/>
      <c r="EI19" s="71">
        <v>0</v>
      </c>
      <c r="EJ19" s="71">
        <v>1</v>
      </c>
      <c r="EK19" s="71">
        <v>2</v>
      </c>
      <c r="EL19" s="71">
        <v>0</v>
      </c>
      <c r="EM19" s="71">
        <v>1</v>
      </c>
      <c r="EN19" s="72">
        <v>4</v>
      </c>
      <c r="EO19" s="73">
        <v>6</v>
      </c>
      <c r="EP19" s="70">
        <v>2</v>
      </c>
      <c r="EQ19" s="71">
        <v>1</v>
      </c>
      <c r="ER19" s="72">
        <v>3</v>
      </c>
      <c r="ES19" s="244"/>
      <c r="ET19" s="71">
        <v>2</v>
      </c>
      <c r="EU19" s="71">
        <v>2</v>
      </c>
      <c r="EV19" s="71">
        <v>1</v>
      </c>
      <c r="EW19" s="71">
        <v>3</v>
      </c>
      <c r="EX19" s="71">
        <v>0</v>
      </c>
      <c r="EY19" s="72">
        <v>8</v>
      </c>
      <c r="EZ19" s="73">
        <v>11</v>
      </c>
      <c r="FA19" s="70">
        <v>2</v>
      </c>
      <c r="FB19" s="71">
        <v>1</v>
      </c>
      <c r="FC19" s="72">
        <v>3</v>
      </c>
      <c r="FD19" s="244"/>
      <c r="FE19" s="71">
        <v>1</v>
      </c>
      <c r="FF19" s="71">
        <v>5</v>
      </c>
      <c r="FG19" s="71">
        <v>2</v>
      </c>
      <c r="FH19" s="71">
        <v>1</v>
      </c>
      <c r="FI19" s="71">
        <v>3</v>
      </c>
      <c r="FJ19" s="72">
        <v>12</v>
      </c>
      <c r="FK19" s="73">
        <v>15</v>
      </c>
      <c r="FL19" s="70">
        <v>2</v>
      </c>
      <c r="FM19" s="71">
        <v>3</v>
      </c>
      <c r="FN19" s="72">
        <v>5</v>
      </c>
      <c r="FO19" s="244"/>
      <c r="FP19" s="71">
        <v>6</v>
      </c>
      <c r="FQ19" s="71">
        <v>4</v>
      </c>
      <c r="FR19" s="71">
        <v>2</v>
      </c>
      <c r="FS19" s="71">
        <v>8</v>
      </c>
      <c r="FT19" s="71">
        <v>2</v>
      </c>
      <c r="FU19" s="72">
        <v>22</v>
      </c>
      <c r="FV19" s="73">
        <v>27</v>
      </c>
      <c r="FW19" s="70">
        <v>0</v>
      </c>
      <c r="FX19" s="71">
        <v>0</v>
      </c>
      <c r="FY19" s="72">
        <v>0</v>
      </c>
      <c r="FZ19" s="244"/>
      <c r="GA19" s="71">
        <v>0</v>
      </c>
      <c r="GB19" s="71">
        <v>0</v>
      </c>
      <c r="GC19" s="71">
        <v>0</v>
      </c>
      <c r="GD19" s="71">
        <v>0</v>
      </c>
      <c r="GE19" s="71">
        <v>0</v>
      </c>
      <c r="GF19" s="72">
        <v>0</v>
      </c>
      <c r="GG19" s="73">
        <v>0</v>
      </c>
      <c r="GH19" s="70">
        <v>8</v>
      </c>
      <c r="GI19" s="71">
        <v>7</v>
      </c>
      <c r="GJ19" s="72">
        <v>15</v>
      </c>
      <c r="GK19" s="244"/>
      <c r="GL19" s="71">
        <v>11</v>
      </c>
      <c r="GM19" s="71">
        <v>13</v>
      </c>
      <c r="GN19" s="71">
        <v>7</v>
      </c>
      <c r="GO19" s="71">
        <v>12</v>
      </c>
      <c r="GP19" s="71">
        <v>6</v>
      </c>
      <c r="GQ19" s="72">
        <v>49</v>
      </c>
      <c r="GR19" s="73">
        <v>64</v>
      </c>
      <c r="GS19" s="123">
        <v>52</v>
      </c>
      <c r="GT19" s="82">
        <v>49</v>
      </c>
      <c r="GU19" s="83">
        <v>101</v>
      </c>
      <c r="GV19" s="241"/>
      <c r="GW19" s="82">
        <v>90</v>
      </c>
      <c r="GX19" s="82">
        <v>101</v>
      </c>
      <c r="GY19" s="82">
        <v>61</v>
      </c>
      <c r="GZ19" s="82">
        <v>60</v>
      </c>
      <c r="HA19" s="82">
        <v>27</v>
      </c>
      <c r="HB19" s="84">
        <v>339</v>
      </c>
      <c r="HC19" s="85">
        <v>440</v>
      </c>
      <c r="HD19" s="70">
        <v>1</v>
      </c>
      <c r="HE19" s="71">
        <v>0</v>
      </c>
      <c r="HF19" s="72">
        <v>1</v>
      </c>
      <c r="HG19" s="244"/>
      <c r="HH19" s="71">
        <v>2</v>
      </c>
      <c r="HI19" s="71">
        <v>3</v>
      </c>
      <c r="HJ19" s="71">
        <v>1</v>
      </c>
      <c r="HK19" s="71">
        <v>1</v>
      </c>
      <c r="HL19" s="71">
        <v>1</v>
      </c>
      <c r="HM19" s="72">
        <v>8</v>
      </c>
      <c r="HN19" s="73">
        <v>9</v>
      </c>
      <c r="HO19" s="70">
        <v>5</v>
      </c>
      <c r="HP19" s="71">
        <v>6</v>
      </c>
      <c r="HQ19" s="72">
        <v>11</v>
      </c>
      <c r="HR19" s="244"/>
      <c r="HS19" s="71">
        <v>8</v>
      </c>
      <c r="HT19" s="71">
        <v>6</v>
      </c>
      <c r="HU19" s="71">
        <v>3</v>
      </c>
      <c r="HV19" s="71">
        <v>0</v>
      </c>
      <c r="HW19" s="71">
        <v>1</v>
      </c>
      <c r="HX19" s="72">
        <v>18</v>
      </c>
      <c r="HY19" s="73">
        <v>29</v>
      </c>
      <c r="HZ19" s="70">
        <v>7</v>
      </c>
      <c r="IA19" s="71">
        <v>5</v>
      </c>
      <c r="IB19" s="72">
        <v>12</v>
      </c>
      <c r="IC19" s="244"/>
      <c r="ID19" s="71">
        <v>9</v>
      </c>
      <c r="IE19" s="71">
        <v>9</v>
      </c>
      <c r="IF19" s="71">
        <v>9</v>
      </c>
      <c r="IG19" s="71">
        <v>3</v>
      </c>
      <c r="IH19" s="71">
        <v>3</v>
      </c>
      <c r="II19" s="72">
        <v>33</v>
      </c>
      <c r="IJ19" s="73">
        <v>45</v>
      </c>
      <c r="IK19" s="70">
        <v>13</v>
      </c>
      <c r="IL19" s="71">
        <v>9</v>
      </c>
      <c r="IM19" s="72">
        <v>22</v>
      </c>
      <c r="IN19" s="244"/>
      <c r="IO19" s="71">
        <v>20</v>
      </c>
      <c r="IP19" s="71">
        <v>24</v>
      </c>
      <c r="IQ19" s="71">
        <v>14</v>
      </c>
      <c r="IR19" s="71">
        <v>11</v>
      </c>
      <c r="IS19" s="71">
        <v>7</v>
      </c>
      <c r="IT19" s="72">
        <v>76</v>
      </c>
      <c r="IU19" s="73">
        <v>98</v>
      </c>
      <c r="IV19" s="70">
        <v>12</v>
      </c>
      <c r="IW19" s="71">
        <v>15</v>
      </c>
      <c r="IX19" s="72">
        <v>27</v>
      </c>
      <c r="IY19" s="244"/>
      <c r="IZ19" s="71">
        <v>22</v>
      </c>
      <c r="JA19" s="71">
        <v>24</v>
      </c>
      <c r="JB19" s="71">
        <v>12</v>
      </c>
      <c r="JC19" s="71">
        <v>12</v>
      </c>
      <c r="JD19" s="71">
        <v>6</v>
      </c>
      <c r="JE19" s="72">
        <v>76</v>
      </c>
      <c r="JF19" s="73">
        <v>103</v>
      </c>
      <c r="JG19" s="70">
        <v>14</v>
      </c>
      <c r="JH19" s="71">
        <v>14</v>
      </c>
      <c r="JI19" s="72">
        <v>28</v>
      </c>
      <c r="JJ19" s="244"/>
      <c r="JK19" s="71">
        <v>29</v>
      </c>
      <c r="JL19" s="71">
        <v>35</v>
      </c>
      <c r="JM19" s="71">
        <v>22</v>
      </c>
      <c r="JN19" s="71">
        <v>33</v>
      </c>
      <c r="JO19" s="71">
        <v>9</v>
      </c>
      <c r="JP19" s="72">
        <v>128</v>
      </c>
      <c r="JQ19" s="73">
        <v>156</v>
      </c>
      <c r="JR19" s="70">
        <v>0</v>
      </c>
      <c r="JS19" s="71">
        <v>0</v>
      </c>
      <c r="JT19" s="72">
        <v>0</v>
      </c>
      <c r="JU19" s="244"/>
      <c r="JV19" s="71">
        <v>0</v>
      </c>
      <c r="JW19" s="71">
        <v>0</v>
      </c>
      <c r="JX19" s="71">
        <v>0</v>
      </c>
      <c r="JY19" s="71">
        <v>0</v>
      </c>
      <c r="JZ19" s="71">
        <v>0</v>
      </c>
      <c r="KA19" s="72">
        <v>0</v>
      </c>
      <c r="KB19" s="73">
        <v>0</v>
      </c>
      <c r="KC19" s="70">
        <v>52</v>
      </c>
      <c r="KD19" s="71">
        <v>49</v>
      </c>
      <c r="KE19" s="72">
        <v>101</v>
      </c>
      <c r="KF19" s="244"/>
      <c r="KG19" s="71">
        <v>90</v>
      </c>
      <c r="KH19" s="71">
        <v>101</v>
      </c>
      <c r="KI19" s="71">
        <v>61</v>
      </c>
      <c r="KJ19" s="71">
        <v>60</v>
      </c>
      <c r="KK19" s="71">
        <v>27</v>
      </c>
      <c r="KL19" s="72">
        <v>339</v>
      </c>
      <c r="KM19" s="73">
        <v>440</v>
      </c>
    </row>
    <row r="20" spans="2:299" ht="21" customHeight="1" x14ac:dyDescent="0.2">
      <c r="B20" s="126" t="s">
        <v>17</v>
      </c>
      <c r="C20" s="313">
        <v>63</v>
      </c>
      <c r="D20" s="82">
        <v>56</v>
      </c>
      <c r="E20" s="83">
        <v>119</v>
      </c>
      <c r="F20" s="241"/>
      <c r="G20" s="82">
        <v>107</v>
      </c>
      <c r="H20" s="82">
        <v>92</v>
      </c>
      <c r="I20" s="82">
        <v>76</v>
      </c>
      <c r="J20" s="82">
        <v>53</v>
      </c>
      <c r="K20" s="82">
        <v>34</v>
      </c>
      <c r="L20" s="84">
        <v>362</v>
      </c>
      <c r="M20" s="85">
        <v>481</v>
      </c>
      <c r="N20" s="70">
        <v>1</v>
      </c>
      <c r="O20" s="71">
        <v>2</v>
      </c>
      <c r="P20" s="72">
        <v>3</v>
      </c>
      <c r="Q20" s="244"/>
      <c r="R20" s="71">
        <v>4</v>
      </c>
      <c r="S20" s="71">
        <v>1</v>
      </c>
      <c r="T20" s="71">
        <v>5</v>
      </c>
      <c r="U20" s="71">
        <v>3</v>
      </c>
      <c r="V20" s="71">
        <v>1</v>
      </c>
      <c r="W20" s="72">
        <v>14</v>
      </c>
      <c r="X20" s="73">
        <v>17</v>
      </c>
      <c r="Y20" s="70">
        <v>2</v>
      </c>
      <c r="Z20" s="71">
        <v>1</v>
      </c>
      <c r="AA20" s="72">
        <v>3</v>
      </c>
      <c r="AB20" s="244"/>
      <c r="AC20" s="71">
        <v>2</v>
      </c>
      <c r="AD20" s="71">
        <v>4</v>
      </c>
      <c r="AE20" s="71">
        <v>6</v>
      </c>
      <c r="AF20" s="71">
        <v>5</v>
      </c>
      <c r="AG20" s="71">
        <v>1</v>
      </c>
      <c r="AH20" s="72">
        <v>18</v>
      </c>
      <c r="AI20" s="73">
        <v>21</v>
      </c>
      <c r="AJ20" s="70">
        <v>10</v>
      </c>
      <c r="AK20" s="71">
        <v>6</v>
      </c>
      <c r="AL20" s="72">
        <v>16</v>
      </c>
      <c r="AM20" s="244"/>
      <c r="AN20" s="71">
        <v>11</v>
      </c>
      <c r="AO20" s="71">
        <v>13</v>
      </c>
      <c r="AP20" s="71">
        <v>5</v>
      </c>
      <c r="AQ20" s="71">
        <v>4</v>
      </c>
      <c r="AR20" s="71">
        <v>2</v>
      </c>
      <c r="AS20" s="72">
        <v>35</v>
      </c>
      <c r="AT20" s="73">
        <v>51</v>
      </c>
      <c r="AU20" s="70">
        <v>15</v>
      </c>
      <c r="AV20" s="71">
        <v>16</v>
      </c>
      <c r="AW20" s="72">
        <v>31</v>
      </c>
      <c r="AX20" s="244"/>
      <c r="AY20" s="71">
        <v>25</v>
      </c>
      <c r="AZ20" s="71">
        <v>21</v>
      </c>
      <c r="BA20" s="71">
        <v>14</v>
      </c>
      <c r="BB20" s="71">
        <v>10</v>
      </c>
      <c r="BC20" s="71">
        <v>6</v>
      </c>
      <c r="BD20" s="72">
        <v>76</v>
      </c>
      <c r="BE20" s="73">
        <v>107</v>
      </c>
      <c r="BF20" s="70">
        <v>18</v>
      </c>
      <c r="BG20" s="71">
        <v>15</v>
      </c>
      <c r="BH20" s="72">
        <v>33</v>
      </c>
      <c r="BI20" s="244"/>
      <c r="BJ20" s="71">
        <v>41</v>
      </c>
      <c r="BK20" s="71">
        <v>35</v>
      </c>
      <c r="BL20" s="71">
        <v>24</v>
      </c>
      <c r="BM20" s="71">
        <v>18</v>
      </c>
      <c r="BN20" s="71">
        <v>12</v>
      </c>
      <c r="BO20" s="72">
        <v>130</v>
      </c>
      <c r="BP20" s="73">
        <v>163</v>
      </c>
      <c r="BQ20" s="70">
        <v>17</v>
      </c>
      <c r="BR20" s="71">
        <v>16</v>
      </c>
      <c r="BS20" s="72">
        <v>33</v>
      </c>
      <c r="BT20" s="244"/>
      <c r="BU20" s="71">
        <v>24</v>
      </c>
      <c r="BV20" s="71">
        <v>18</v>
      </c>
      <c r="BW20" s="71">
        <v>22</v>
      </c>
      <c r="BX20" s="71">
        <v>13</v>
      </c>
      <c r="BY20" s="71">
        <v>12</v>
      </c>
      <c r="BZ20" s="72">
        <v>89</v>
      </c>
      <c r="CA20" s="73">
        <v>122</v>
      </c>
      <c r="CB20" s="70">
        <v>0</v>
      </c>
      <c r="CC20" s="71">
        <v>0</v>
      </c>
      <c r="CD20" s="72">
        <v>0</v>
      </c>
      <c r="CE20" s="244"/>
      <c r="CF20" s="71">
        <v>0</v>
      </c>
      <c r="CG20" s="71">
        <v>0</v>
      </c>
      <c r="CH20" s="71">
        <v>0</v>
      </c>
      <c r="CI20" s="71">
        <v>0</v>
      </c>
      <c r="CJ20" s="71">
        <v>0</v>
      </c>
      <c r="CK20" s="72">
        <v>0</v>
      </c>
      <c r="CL20" s="73">
        <v>0</v>
      </c>
      <c r="CM20" s="70">
        <v>63</v>
      </c>
      <c r="CN20" s="71">
        <v>56</v>
      </c>
      <c r="CO20" s="72">
        <v>119</v>
      </c>
      <c r="CP20" s="244"/>
      <c r="CQ20" s="71">
        <v>107</v>
      </c>
      <c r="CR20" s="71">
        <v>92</v>
      </c>
      <c r="CS20" s="71">
        <v>76</v>
      </c>
      <c r="CT20" s="71">
        <v>53</v>
      </c>
      <c r="CU20" s="71">
        <v>34</v>
      </c>
      <c r="CV20" s="72">
        <v>362</v>
      </c>
      <c r="CW20" s="73">
        <v>481</v>
      </c>
      <c r="CX20" s="123">
        <v>10</v>
      </c>
      <c r="CY20" s="82">
        <v>12</v>
      </c>
      <c r="CZ20" s="83">
        <v>22</v>
      </c>
      <c r="DA20" s="241"/>
      <c r="DB20" s="82">
        <v>6</v>
      </c>
      <c r="DC20" s="82">
        <v>12</v>
      </c>
      <c r="DD20" s="82">
        <v>10</v>
      </c>
      <c r="DE20" s="82">
        <v>10</v>
      </c>
      <c r="DF20" s="82">
        <v>6</v>
      </c>
      <c r="DG20" s="84">
        <v>44</v>
      </c>
      <c r="DH20" s="85">
        <v>66</v>
      </c>
      <c r="DI20" s="70">
        <v>0</v>
      </c>
      <c r="DJ20" s="71">
        <v>0</v>
      </c>
      <c r="DK20" s="72">
        <v>0</v>
      </c>
      <c r="DL20" s="244"/>
      <c r="DM20" s="71">
        <v>0</v>
      </c>
      <c r="DN20" s="71">
        <v>2</v>
      </c>
      <c r="DO20" s="71">
        <v>0</v>
      </c>
      <c r="DP20" s="71">
        <v>0</v>
      </c>
      <c r="DQ20" s="71">
        <v>1</v>
      </c>
      <c r="DR20" s="72">
        <v>3</v>
      </c>
      <c r="DS20" s="73">
        <v>3</v>
      </c>
      <c r="DT20" s="70">
        <v>0</v>
      </c>
      <c r="DU20" s="71">
        <v>1</v>
      </c>
      <c r="DV20" s="72">
        <v>1</v>
      </c>
      <c r="DW20" s="244"/>
      <c r="DX20" s="71">
        <v>0</v>
      </c>
      <c r="DY20" s="71">
        <v>0</v>
      </c>
      <c r="DZ20" s="71">
        <v>1</v>
      </c>
      <c r="EA20" s="71">
        <v>1</v>
      </c>
      <c r="EB20" s="71">
        <v>0</v>
      </c>
      <c r="EC20" s="72">
        <v>2</v>
      </c>
      <c r="ED20" s="73">
        <v>3</v>
      </c>
      <c r="EE20" s="70">
        <v>1</v>
      </c>
      <c r="EF20" s="71">
        <v>3</v>
      </c>
      <c r="EG20" s="72">
        <v>4</v>
      </c>
      <c r="EH20" s="244"/>
      <c r="EI20" s="71">
        <v>1</v>
      </c>
      <c r="EJ20" s="71">
        <v>0</v>
      </c>
      <c r="EK20" s="71">
        <v>2</v>
      </c>
      <c r="EL20" s="71">
        <v>0</v>
      </c>
      <c r="EM20" s="71">
        <v>0</v>
      </c>
      <c r="EN20" s="72">
        <v>3</v>
      </c>
      <c r="EO20" s="73">
        <v>7</v>
      </c>
      <c r="EP20" s="70">
        <v>5</v>
      </c>
      <c r="EQ20" s="71">
        <v>2</v>
      </c>
      <c r="ER20" s="72">
        <v>7</v>
      </c>
      <c r="ES20" s="244"/>
      <c r="ET20" s="71">
        <v>1</v>
      </c>
      <c r="EU20" s="71">
        <v>3</v>
      </c>
      <c r="EV20" s="71">
        <v>3</v>
      </c>
      <c r="EW20" s="71">
        <v>2</v>
      </c>
      <c r="EX20" s="71">
        <v>1</v>
      </c>
      <c r="EY20" s="72">
        <v>10</v>
      </c>
      <c r="EZ20" s="73">
        <v>17</v>
      </c>
      <c r="FA20" s="70">
        <v>3</v>
      </c>
      <c r="FB20" s="71">
        <v>4</v>
      </c>
      <c r="FC20" s="72">
        <v>7</v>
      </c>
      <c r="FD20" s="244"/>
      <c r="FE20" s="71">
        <v>3</v>
      </c>
      <c r="FF20" s="71">
        <v>5</v>
      </c>
      <c r="FG20" s="71">
        <v>1</v>
      </c>
      <c r="FH20" s="71">
        <v>2</v>
      </c>
      <c r="FI20" s="71">
        <v>0</v>
      </c>
      <c r="FJ20" s="72">
        <v>11</v>
      </c>
      <c r="FK20" s="73">
        <v>18</v>
      </c>
      <c r="FL20" s="70">
        <v>1</v>
      </c>
      <c r="FM20" s="71">
        <v>2</v>
      </c>
      <c r="FN20" s="72">
        <v>3</v>
      </c>
      <c r="FO20" s="244"/>
      <c r="FP20" s="71">
        <v>1</v>
      </c>
      <c r="FQ20" s="71">
        <v>2</v>
      </c>
      <c r="FR20" s="71">
        <v>3</v>
      </c>
      <c r="FS20" s="71">
        <v>5</v>
      </c>
      <c r="FT20" s="71">
        <v>4</v>
      </c>
      <c r="FU20" s="72">
        <v>15</v>
      </c>
      <c r="FV20" s="73">
        <v>18</v>
      </c>
      <c r="FW20" s="70">
        <v>0</v>
      </c>
      <c r="FX20" s="71">
        <v>0</v>
      </c>
      <c r="FY20" s="72">
        <v>0</v>
      </c>
      <c r="FZ20" s="244"/>
      <c r="GA20" s="71">
        <v>0</v>
      </c>
      <c r="GB20" s="71">
        <v>0</v>
      </c>
      <c r="GC20" s="71">
        <v>0</v>
      </c>
      <c r="GD20" s="71">
        <v>0</v>
      </c>
      <c r="GE20" s="71">
        <v>0</v>
      </c>
      <c r="GF20" s="72">
        <v>0</v>
      </c>
      <c r="GG20" s="73">
        <v>0</v>
      </c>
      <c r="GH20" s="70">
        <v>10</v>
      </c>
      <c r="GI20" s="71">
        <v>12</v>
      </c>
      <c r="GJ20" s="72">
        <v>22</v>
      </c>
      <c r="GK20" s="244"/>
      <c r="GL20" s="71">
        <v>6</v>
      </c>
      <c r="GM20" s="71">
        <v>12</v>
      </c>
      <c r="GN20" s="71">
        <v>10</v>
      </c>
      <c r="GO20" s="71">
        <v>10</v>
      </c>
      <c r="GP20" s="71">
        <v>6</v>
      </c>
      <c r="GQ20" s="72">
        <v>44</v>
      </c>
      <c r="GR20" s="73">
        <v>66</v>
      </c>
      <c r="GS20" s="123">
        <v>73</v>
      </c>
      <c r="GT20" s="82">
        <v>68</v>
      </c>
      <c r="GU20" s="83">
        <v>141</v>
      </c>
      <c r="GV20" s="241"/>
      <c r="GW20" s="82">
        <v>113</v>
      </c>
      <c r="GX20" s="82">
        <v>104</v>
      </c>
      <c r="GY20" s="82">
        <v>86</v>
      </c>
      <c r="GZ20" s="82">
        <v>63</v>
      </c>
      <c r="HA20" s="82">
        <v>40</v>
      </c>
      <c r="HB20" s="84">
        <v>406</v>
      </c>
      <c r="HC20" s="85">
        <v>547</v>
      </c>
      <c r="HD20" s="70">
        <v>1</v>
      </c>
      <c r="HE20" s="71">
        <v>2</v>
      </c>
      <c r="HF20" s="72">
        <v>3</v>
      </c>
      <c r="HG20" s="244"/>
      <c r="HH20" s="71">
        <v>4</v>
      </c>
      <c r="HI20" s="71">
        <v>3</v>
      </c>
      <c r="HJ20" s="71">
        <v>5</v>
      </c>
      <c r="HK20" s="71">
        <v>3</v>
      </c>
      <c r="HL20" s="71">
        <v>2</v>
      </c>
      <c r="HM20" s="72">
        <v>17</v>
      </c>
      <c r="HN20" s="73">
        <v>20</v>
      </c>
      <c r="HO20" s="70">
        <v>2</v>
      </c>
      <c r="HP20" s="71">
        <v>2</v>
      </c>
      <c r="HQ20" s="72">
        <v>4</v>
      </c>
      <c r="HR20" s="244"/>
      <c r="HS20" s="71">
        <v>2</v>
      </c>
      <c r="HT20" s="71">
        <v>4</v>
      </c>
      <c r="HU20" s="71">
        <v>7</v>
      </c>
      <c r="HV20" s="71">
        <v>6</v>
      </c>
      <c r="HW20" s="71">
        <v>1</v>
      </c>
      <c r="HX20" s="72">
        <v>20</v>
      </c>
      <c r="HY20" s="73">
        <v>24</v>
      </c>
      <c r="HZ20" s="70">
        <v>11</v>
      </c>
      <c r="IA20" s="71">
        <v>9</v>
      </c>
      <c r="IB20" s="72">
        <v>20</v>
      </c>
      <c r="IC20" s="244"/>
      <c r="ID20" s="71">
        <v>12</v>
      </c>
      <c r="IE20" s="71">
        <v>13</v>
      </c>
      <c r="IF20" s="71">
        <v>7</v>
      </c>
      <c r="IG20" s="71">
        <v>4</v>
      </c>
      <c r="IH20" s="71">
        <v>2</v>
      </c>
      <c r="II20" s="72">
        <v>38</v>
      </c>
      <c r="IJ20" s="73">
        <v>58</v>
      </c>
      <c r="IK20" s="70">
        <v>20</v>
      </c>
      <c r="IL20" s="71">
        <v>18</v>
      </c>
      <c r="IM20" s="72">
        <v>38</v>
      </c>
      <c r="IN20" s="244"/>
      <c r="IO20" s="71">
        <v>26</v>
      </c>
      <c r="IP20" s="71">
        <v>24</v>
      </c>
      <c r="IQ20" s="71">
        <v>17</v>
      </c>
      <c r="IR20" s="71">
        <v>12</v>
      </c>
      <c r="IS20" s="71">
        <v>7</v>
      </c>
      <c r="IT20" s="72">
        <v>86</v>
      </c>
      <c r="IU20" s="73">
        <v>124</v>
      </c>
      <c r="IV20" s="70">
        <v>21</v>
      </c>
      <c r="IW20" s="71">
        <v>19</v>
      </c>
      <c r="IX20" s="72">
        <v>40</v>
      </c>
      <c r="IY20" s="244"/>
      <c r="IZ20" s="71">
        <v>44</v>
      </c>
      <c r="JA20" s="71">
        <v>40</v>
      </c>
      <c r="JB20" s="71">
        <v>25</v>
      </c>
      <c r="JC20" s="71">
        <v>20</v>
      </c>
      <c r="JD20" s="71">
        <v>12</v>
      </c>
      <c r="JE20" s="72">
        <v>141</v>
      </c>
      <c r="JF20" s="73">
        <v>181</v>
      </c>
      <c r="JG20" s="70">
        <v>18</v>
      </c>
      <c r="JH20" s="71">
        <v>18</v>
      </c>
      <c r="JI20" s="72">
        <v>36</v>
      </c>
      <c r="JJ20" s="244"/>
      <c r="JK20" s="71">
        <v>25</v>
      </c>
      <c r="JL20" s="71">
        <v>20</v>
      </c>
      <c r="JM20" s="71">
        <v>25</v>
      </c>
      <c r="JN20" s="71">
        <v>18</v>
      </c>
      <c r="JO20" s="71">
        <v>16</v>
      </c>
      <c r="JP20" s="72">
        <v>104</v>
      </c>
      <c r="JQ20" s="73">
        <v>140</v>
      </c>
      <c r="JR20" s="70">
        <v>0</v>
      </c>
      <c r="JS20" s="71">
        <v>0</v>
      </c>
      <c r="JT20" s="72">
        <v>0</v>
      </c>
      <c r="JU20" s="244"/>
      <c r="JV20" s="71">
        <v>0</v>
      </c>
      <c r="JW20" s="71">
        <v>0</v>
      </c>
      <c r="JX20" s="71">
        <v>0</v>
      </c>
      <c r="JY20" s="71">
        <v>0</v>
      </c>
      <c r="JZ20" s="71">
        <v>0</v>
      </c>
      <c r="KA20" s="72">
        <v>0</v>
      </c>
      <c r="KB20" s="73">
        <v>0</v>
      </c>
      <c r="KC20" s="70">
        <v>73</v>
      </c>
      <c r="KD20" s="71">
        <v>68</v>
      </c>
      <c r="KE20" s="72">
        <v>141</v>
      </c>
      <c r="KF20" s="244"/>
      <c r="KG20" s="71">
        <v>113</v>
      </c>
      <c r="KH20" s="71">
        <v>104</v>
      </c>
      <c r="KI20" s="71">
        <v>86</v>
      </c>
      <c r="KJ20" s="71">
        <v>63</v>
      </c>
      <c r="KK20" s="71">
        <v>40</v>
      </c>
      <c r="KL20" s="72">
        <v>406</v>
      </c>
      <c r="KM20" s="73">
        <v>547</v>
      </c>
    </row>
    <row r="21" spans="2:299" ht="21" customHeight="1" x14ac:dyDescent="0.2">
      <c r="B21" s="126" t="s">
        <v>18</v>
      </c>
      <c r="C21" s="313">
        <v>78</v>
      </c>
      <c r="D21" s="82">
        <v>80</v>
      </c>
      <c r="E21" s="83">
        <v>158</v>
      </c>
      <c r="F21" s="241"/>
      <c r="G21" s="82">
        <v>157</v>
      </c>
      <c r="H21" s="82">
        <v>120</v>
      </c>
      <c r="I21" s="82">
        <v>86</v>
      </c>
      <c r="J21" s="82">
        <v>73</v>
      </c>
      <c r="K21" s="82">
        <v>34</v>
      </c>
      <c r="L21" s="84">
        <v>470</v>
      </c>
      <c r="M21" s="85">
        <v>628</v>
      </c>
      <c r="N21" s="70">
        <v>1</v>
      </c>
      <c r="O21" s="71">
        <v>3</v>
      </c>
      <c r="P21" s="72">
        <v>4</v>
      </c>
      <c r="Q21" s="244"/>
      <c r="R21" s="71">
        <v>4</v>
      </c>
      <c r="S21" s="71">
        <v>3</v>
      </c>
      <c r="T21" s="71">
        <v>1</v>
      </c>
      <c r="U21" s="71">
        <v>2</v>
      </c>
      <c r="V21" s="71">
        <v>1</v>
      </c>
      <c r="W21" s="72">
        <v>11</v>
      </c>
      <c r="X21" s="73">
        <v>15</v>
      </c>
      <c r="Y21" s="70">
        <v>4</v>
      </c>
      <c r="Z21" s="71">
        <v>3</v>
      </c>
      <c r="AA21" s="72">
        <v>7</v>
      </c>
      <c r="AB21" s="244"/>
      <c r="AC21" s="71">
        <v>8</v>
      </c>
      <c r="AD21" s="71">
        <v>3</v>
      </c>
      <c r="AE21" s="71">
        <v>2</v>
      </c>
      <c r="AF21" s="71">
        <v>5</v>
      </c>
      <c r="AG21" s="71">
        <v>3</v>
      </c>
      <c r="AH21" s="72">
        <v>21</v>
      </c>
      <c r="AI21" s="73">
        <v>28</v>
      </c>
      <c r="AJ21" s="70">
        <v>10</v>
      </c>
      <c r="AK21" s="71">
        <v>8</v>
      </c>
      <c r="AL21" s="72">
        <v>18</v>
      </c>
      <c r="AM21" s="244"/>
      <c r="AN21" s="71">
        <v>12</v>
      </c>
      <c r="AO21" s="71">
        <v>6</v>
      </c>
      <c r="AP21" s="71">
        <v>6</v>
      </c>
      <c r="AQ21" s="71">
        <v>6</v>
      </c>
      <c r="AR21" s="71">
        <v>4</v>
      </c>
      <c r="AS21" s="72">
        <v>34</v>
      </c>
      <c r="AT21" s="73">
        <v>52</v>
      </c>
      <c r="AU21" s="70">
        <v>18</v>
      </c>
      <c r="AV21" s="71">
        <v>14</v>
      </c>
      <c r="AW21" s="72">
        <v>32</v>
      </c>
      <c r="AX21" s="244"/>
      <c r="AY21" s="71">
        <v>29</v>
      </c>
      <c r="AZ21" s="71">
        <v>25</v>
      </c>
      <c r="BA21" s="71">
        <v>13</v>
      </c>
      <c r="BB21" s="71">
        <v>14</v>
      </c>
      <c r="BC21" s="71">
        <v>8</v>
      </c>
      <c r="BD21" s="72">
        <v>89</v>
      </c>
      <c r="BE21" s="73">
        <v>121</v>
      </c>
      <c r="BF21" s="70">
        <v>25</v>
      </c>
      <c r="BG21" s="71">
        <v>29</v>
      </c>
      <c r="BH21" s="72">
        <v>54</v>
      </c>
      <c r="BI21" s="244"/>
      <c r="BJ21" s="71">
        <v>53</v>
      </c>
      <c r="BK21" s="71">
        <v>37</v>
      </c>
      <c r="BL21" s="71">
        <v>34</v>
      </c>
      <c r="BM21" s="71">
        <v>22</v>
      </c>
      <c r="BN21" s="71">
        <v>10</v>
      </c>
      <c r="BO21" s="72">
        <v>156</v>
      </c>
      <c r="BP21" s="73">
        <v>210</v>
      </c>
      <c r="BQ21" s="70">
        <v>20</v>
      </c>
      <c r="BR21" s="71">
        <v>23</v>
      </c>
      <c r="BS21" s="72">
        <v>43</v>
      </c>
      <c r="BT21" s="244"/>
      <c r="BU21" s="71">
        <v>51</v>
      </c>
      <c r="BV21" s="71">
        <v>46</v>
      </c>
      <c r="BW21" s="71">
        <v>30</v>
      </c>
      <c r="BX21" s="71">
        <v>24</v>
      </c>
      <c r="BY21" s="71">
        <v>8</v>
      </c>
      <c r="BZ21" s="72">
        <v>159</v>
      </c>
      <c r="CA21" s="73">
        <v>202</v>
      </c>
      <c r="CB21" s="70">
        <v>0</v>
      </c>
      <c r="CC21" s="71">
        <v>0</v>
      </c>
      <c r="CD21" s="72">
        <v>0</v>
      </c>
      <c r="CE21" s="244"/>
      <c r="CF21" s="71">
        <v>0</v>
      </c>
      <c r="CG21" s="71">
        <v>0</v>
      </c>
      <c r="CH21" s="71">
        <v>0</v>
      </c>
      <c r="CI21" s="71">
        <v>0</v>
      </c>
      <c r="CJ21" s="71">
        <v>0</v>
      </c>
      <c r="CK21" s="72">
        <v>0</v>
      </c>
      <c r="CL21" s="73">
        <v>0</v>
      </c>
      <c r="CM21" s="70">
        <v>78</v>
      </c>
      <c r="CN21" s="71">
        <v>80</v>
      </c>
      <c r="CO21" s="72">
        <v>158</v>
      </c>
      <c r="CP21" s="244"/>
      <c r="CQ21" s="71">
        <v>157</v>
      </c>
      <c r="CR21" s="71">
        <v>120</v>
      </c>
      <c r="CS21" s="71">
        <v>86</v>
      </c>
      <c r="CT21" s="71">
        <v>73</v>
      </c>
      <c r="CU21" s="71">
        <v>34</v>
      </c>
      <c r="CV21" s="72">
        <v>470</v>
      </c>
      <c r="CW21" s="73">
        <v>628</v>
      </c>
      <c r="CX21" s="123">
        <v>13</v>
      </c>
      <c r="CY21" s="82">
        <v>11</v>
      </c>
      <c r="CZ21" s="83">
        <v>24</v>
      </c>
      <c r="DA21" s="241"/>
      <c r="DB21" s="82">
        <v>21</v>
      </c>
      <c r="DC21" s="82">
        <v>15</v>
      </c>
      <c r="DD21" s="82">
        <v>10</v>
      </c>
      <c r="DE21" s="82">
        <v>8</v>
      </c>
      <c r="DF21" s="82">
        <v>4</v>
      </c>
      <c r="DG21" s="84">
        <v>58</v>
      </c>
      <c r="DH21" s="85">
        <v>82</v>
      </c>
      <c r="DI21" s="70">
        <v>0</v>
      </c>
      <c r="DJ21" s="71">
        <v>1</v>
      </c>
      <c r="DK21" s="72">
        <v>1</v>
      </c>
      <c r="DL21" s="244"/>
      <c r="DM21" s="71">
        <v>1</v>
      </c>
      <c r="DN21" s="71">
        <v>0</v>
      </c>
      <c r="DO21" s="71">
        <v>0</v>
      </c>
      <c r="DP21" s="71">
        <v>0</v>
      </c>
      <c r="DQ21" s="71">
        <v>0</v>
      </c>
      <c r="DR21" s="72">
        <v>1</v>
      </c>
      <c r="DS21" s="73">
        <v>2</v>
      </c>
      <c r="DT21" s="70">
        <v>0</v>
      </c>
      <c r="DU21" s="71">
        <v>1</v>
      </c>
      <c r="DV21" s="72">
        <v>1</v>
      </c>
      <c r="DW21" s="244"/>
      <c r="DX21" s="71">
        <v>1</v>
      </c>
      <c r="DY21" s="71">
        <v>0</v>
      </c>
      <c r="DZ21" s="71">
        <v>1</v>
      </c>
      <c r="EA21" s="71">
        <v>0</v>
      </c>
      <c r="EB21" s="71">
        <v>0</v>
      </c>
      <c r="EC21" s="72">
        <v>2</v>
      </c>
      <c r="ED21" s="73">
        <v>3</v>
      </c>
      <c r="EE21" s="70">
        <v>1</v>
      </c>
      <c r="EF21" s="71">
        <v>2</v>
      </c>
      <c r="EG21" s="72">
        <v>3</v>
      </c>
      <c r="EH21" s="244"/>
      <c r="EI21" s="71">
        <v>1</v>
      </c>
      <c r="EJ21" s="71">
        <v>2</v>
      </c>
      <c r="EK21" s="71">
        <v>1</v>
      </c>
      <c r="EL21" s="71">
        <v>0</v>
      </c>
      <c r="EM21" s="71">
        <v>1</v>
      </c>
      <c r="EN21" s="72">
        <v>5</v>
      </c>
      <c r="EO21" s="73">
        <v>8</v>
      </c>
      <c r="EP21" s="70">
        <v>7</v>
      </c>
      <c r="EQ21" s="71">
        <v>6</v>
      </c>
      <c r="ER21" s="72">
        <v>13</v>
      </c>
      <c r="ES21" s="244"/>
      <c r="ET21" s="71">
        <v>3</v>
      </c>
      <c r="EU21" s="71">
        <v>3</v>
      </c>
      <c r="EV21" s="71">
        <v>1</v>
      </c>
      <c r="EW21" s="71">
        <v>1</v>
      </c>
      <c r="EX21" s="71">
        <v>0</v>
      </c>
      <c r="EY21" s="72">
        <v>8</v>
      </c>
      <c r="EZ21" s="73">
        <v>21</v>
      </c>
      <c r="FA21" s="70">
        <v>2</v>
      </c>
      <c r="FB21" s="71">
        <v>0</v>
      </c>
      <c r="FC21" s="72">
        <v>2</v>
      </c>
      <c r="FD21" s="244"/>
      <c r="FE21" s="71">
        <v>11</v>
      </c>
      <c r="FF21" s="71">
        <v>9</v>
      </c>
      <c r="FG21" s="71">
        <v>2</v>
      </c>
      <c r="FH21" s="71">
        <v>3</v>
      </c>
      <c r="FI21" s="71">
        <v>1</v>
      </c>
      <c r="FJ21" s="72">
        <v>26</v>
      </c>
      <c r="FK21" s="73">
        <v>28</v>
      </c>
      <c r="FL21" s="70">
        <v>3</v>
      </c>
      <c r="FM21" s="71">
        <v>1</v>
      </c>
      <c r="FN21" s="72">
        <v>4</v>
      </c>
      <c r="FO21" s="244"/>
      <c r="FP21" s="71">
        <v>4</v>
      </c>
      <c r="FQ21" s="71">
        <v>1</v>
      </c>
      <c r="FR21" s="71">
        <v>5</v>
      </c>
      <c r="FS21" s="71">
        <v>4</v>
      </c>
      <c r="FT21" s="71">
        <v>2</v>
      </c>
      <c r="FU21" s="72">
        <v>16</v>
      </c>
      <c r="FV21" s="73">
        <v>20</v>
      </c>
      <c r="FW21" s="70">
        <v>0</v>
      </c>
      <c r="FX21" s="71">
        <v>0</v>
      </c>
      <c r="FY21" s="72">
        <v>0</v>
      </c>
      <c r="FZ21" s="244"/>
      <c r="GA21" s="71">
        <v>0</v>
      </c>
      <c r="GB21" s="71">
        <v>0</v>
      </c>
      <c r="GC21" s="71">
        <v>0</v>
      </c>
      <c r="GD21" s="71">
        <v>0</v>
      </c>
      <c r="GE21" s="71">
        <v>0</v>
      </c>
      <c r="GF21" s="72">
        <v>0</v>
      </c>
      <c r="GG21" s="73">
        <v>0</v>
      </c>
      <c r="GH21" s="70">
        <v>13</v>
      </c>
      <c r="GI21" s="71">
        <v>11</v>
      </c>
      <c r="GJ21" s="72">
        <v>24</v>
      </c>
      <c r="GK21" s="244"/>
      <c r="GL21" s="71">
        <v>21</v>
      </c>
      <c r="GM21" s="71">
        <v>15</v>
      </c>
      <c r="GN21" s="71">
        <v>10</v>
      </c>
      <c r="GO21" s="71">
        <v>8</v>
      </c>
      <c r="GP21" s="71">
        <v>4</v>
      </c>
      <c r="GQ21" s="72">
        <v>58</v>
      </c>
      <c r="GR21" s="73">
        <v>82</v>
      </c>
      <c r="GS21" s="123">
        <v>91</v>
      </c>
      <c r="GT21" s="82">
        <v>91</v>
      </c>
      <c r="GU21" s="83">
        <v>182</v>
      </c>
      <c r="GV21" s="241"/>
      <c r="GW21" s="82">
        <v>178</v>
      </c>
      <c r="GX21" s="82">
        <v>135</v>
      </c>
      <c r="GY21" s="82">
        <v>96</v>
      </c>
      <c r="GZ21" s="82">
        <v>81</v>
      </c>
      <c r="HA21" s="82">
        <v>38</v>
      </c>
      <c r="HB21" s="84">
        <v>528</v>
      </c>
      <c r="HC21" s="85">
        <v>710</v>
      </c>
      <c r="HD21" s="70">
        <v>1</v>
      </c>
      <c r="HE21" s="71">
        <v>4</v>
      </c>
      <c r="HF21" s="72">
        <v>5</v>
      </c>
      <c r="HG21" s="244"/>
      <c r="HH21" s="71">
        <v>5</v>
      </c>
      <c r="HI21" s="71">
        <v>3</v>
      </c>
      <c r="HJ21" s="71">
        <v>1</v>
      </c>
      <c r="HK21" s="71">
        <v>2</v>
      </c>
      <c r="HL21" s="71">
        <v>1</v>
      </c>
      <c r="HM21" s="72">
        <v>12</v>
      </c>
      <c r="HN21" s="73">
        <v>17</v>
      </c>
      <c r="HO21" s="70">
        <v>4</v>
      </c>
      <c r="HP21" s="71">
        <v>4</v>
      </c>
      <c r="HQ21" s="72">
        <v>8</v>
      </c>
      <c r="HR21" s="244"/>
      <c r="HS21" s="71">
        <v>9</v>
      </c>
      <c r="HT21" s="71">
        <v>3</v>
      </c>
      <c r="HU21" s="71">
        <v>3</v>
      </c>
      <c r="HV21" s="71">
        <v>5</v>
      </c>
      <c r="HW21" s="71">
        <v>3</v>
      </c>
      <c r="HX21" s="72">
        <v>23</v>
      </c>
      <c r="HY21" s="73">
        <v>31</v>
      </c>
      <c r="HZ21" s="70">
        <v>11</v>
      </c>
      <c r="IA21" s="71">
        <v>10</v>
      </c>
      <c r="IB21" s="72">
        <v>21</v>
      </c>
      <c r="IC21" s="244"/>
      <c r="ID21" s="71">
        <v>13</v>
      </c>
      <c r="IE21" s="71">
        <v>8</v>
      </c>
      <c r="IF21" s="71">
        <v>7</v>
      </c>
      <c r="IG21" s="71">
        <v>6</v>
      </c>
      <c r="IH21" s="71">
        <v>5</v>
      </c>
      <c r="II21" s="72">
        <v>39</v>
      </c>
      <c r="IJ21" s="73">
        <v>60</v>
      </c>
      <c r="IK21" s="70">
        <v>25</v>
      </c>
      <c r="IL21" s="71">
        <v>20</v>
      </c>
      <c r="IM21" s="72">
        <v>45</v>
      </c>
      <c r="IN21" s="244"/>
      <c r="IO21" s="71">
        <v>32</v>
      </c>
      <c r="IP21" s="71">
        <v>28</v>
      </c>
      <c r="IQ21" s="71">
        <v>14</v>
      </c>
      <c r="IR21" s="71">
        <v>15</v>
      </c>
      <c r="IS21" s="71">
        <v>8</v>
      </c>
      <c r="IT21" s="72">
        <v>97</v>
      </c>
      <c r="IU21" s="73">
        <v>142</v>
      </c>
      <c r="IV21" s="70">
        <v>27</v>
      </c>
      <c r="IW21" s="71">
        <v>29</v>
      </c>
      <c r="IX21" s="72">
        <v>56</v>
      </c>
      <c r="IY21" s="244"/>
      <c r="IZ21" s="71">
        <v>64</v>
      </c>
      <c r="JA21" s="71">
        <v>46</v>
      </c>
      <c r="JB21" s="71">
        <v>36</v>
      </c>
      <c r="JC21" s="71">
        <v>25</v>
      </c>
      <c r="JD21" s="71">
        <v>11</v>
      </c>
      <c r="JE21" s="72">
        <v>182</v>
      </c>
      <c r="JF21" s="73">
        <v>238</v>
      </c>
      <c r="JG21" s="70">
        <v>23</v>
      </c>
      <c r="JH21" s="71">
        <v>24</v>
      </c>
      <c r="JI21" s="72">
        <v>47</v>
      </c>
      <c r="JJ21" s="244"/>
      <c r="JK21" s="71">
        <v>55</v>
      </c>
      <c r="JL21" s="71">
        <v>47</v>
      </c>
      <c r="JM21" s="71">
        <v>35</v>
      </c>
      <c r="JN21" s="71">
        <v>28</v>
      </c>
      <c r="JO21" s="71">
        <v>10</v>
      </c>
      <c r="JP21" s="72">
        <v>175</v>
      </c>
      <c r="JQ21" s="73">
        <v>222</v>
      </c>
      <c r="JR21" s="70">
        <v>0</v>
      </c>
      <c r="JS21" s="71">
        <v>0</v>
      </c>
      <c r="JT21" s="72">
        <v>0</v>
      </c>
      <c r="JU21" s="244"/>
      <c r="JV21" s="71">
        <v>0</v>
      </c>
      <c r="JW21" s="71">
        <v>0</v>
      </c>
      <c r="JX21" s="71">
        <v>0</v>
      </c>
      <c r="JY21" s="71">
        <v>0</v>
      </c>
      <c r="JZ21" s="71">
        <v>0</v>
      </c>
      <c r="KA21" s="72">
        <v>0</v>
      </c>
      <c r="KB21" s="73">
        <v>0</v>
      </c>
      <c r="KC21" s="70">
        <v>91</v>
      </c>
      <c r="KD21" s="71">
        <v>91</v>
      </c>
      <c r="KE21" s="72">
        <v>182</v>
      </c>
      <c r="KF21" s="244"/>
      <c r="KG21" s="71">
        <v>178</v>
      </c>
      <c r="KH21" s="71">
        <v>135</v>
      </c>
      <c r="KI21" s="71">
        <v>96</v>
      </c>
      <c r="KJ21" s="71">
        <v>81</v>
      </c>
      <c r="KK21" s="71">
        <v>38</v>
      </c>
      <c r="KL21" s="72">
        <v>528</v>
      </c>
      <c r="KM21" s="73">
        <v>710</v>
      </c>
    </row>
    <row r="22" spans="2:299" ht="21" customHeight="1" x14ac:dyDescent="0.2">
      <c r="B22" s="126" t="s">
        <v>19</v>
      </c>
      <c r="C22" s="313">
        <v>38</v>
      </c>
      <c r="D22" s="82">
        <v>32</v>
      </c>
      <c r="E22" s="83">
        <v>70</v>
      </c>
      <c r="F22" s="241"/>
      <c r="G22" s="82">
        <v>73</v>
      </c>
      <c r="H22" s="82">
        <v>53</v>
      </c>
      <c r="I22" s="82">
        <v>27</v>
      </c>
      <c r="J22" s="82">
        <v>20</v>
      </c>
      <c r="K22" s="82">
        <v>12</v>
      </c>
      <c r="L22" s="84">
        <v>185</v>
      </c>
      <c r="M22" s="85">
        <v>255</v>
      </c>
      <c r="N22" s="86">
        <v>1</v>
      </c>
      <c r="O22" s="71">
        <v>0</v>
      </c>
      <c r="P22" s="72">
        <v>1</v>
      </c>
      <c r="Q22" s="244"/>
      <c r="R22" s="71">
        <v>1</v>
      </c>
      <c r="S22" s="71">
        <v>1</v>
      </c>
      <c r="T22" s="71">
        <v>0</v>
      </c>
      <c r="U22" s="71">
        <v>0</v>
      </c>
      <c r="V22" s="71">
        <v>0</v>
      </c>
      <c r="W22" s="72">
        <v>2</v>
      </c>
      <c r="X22" s="73">
        <v>3</v>
      </c>
      <c r="Y22" s="70">
        <v>2</v>
      </c>
      <c r="Z22" s="71">
        <v>0</v>
      </c>
      <c r="AA22" s="72">
        <v>2</v>
      </c>
      <c r="AB22" s="244"/>
      <c r="AC22" s="71">
        <v>0</v>
      </c>
      <c r="AD22" s="71">
        <v>7</v>
      </c>
      <c r="AE22" s="71">
        <v>0</v>
      </c>
      <c r="AF22" s="71">
        <v>0</v>
      </c>
      <c r="AG22" s="71">
        <v>0</v>
      </c>
      <c r="AH22" s="72">
        <v>7</v>
      </c>
      <c r="AI22" s="73">
        <v>9</v>
      </c>
      <c r="AJ22" s="86">
        <v>2</v>
      </c>
      <c r="AK22" s="71">
        <v>4</v>
      </c>
      <c r="AL22" s="72">
        <v>6</v>
      </c>
      <c r="AM22" s="244"/>
      <c r="AN22" s="71">
        <v>4</v>
      </c>
      <c r="AO22" s="71">
        <v>3</v>
      </c>
      <c r="AP22" s="71">
        <v>2</v>
      </c>
      <c r="AQ22" s="71">
        <v>1</v>
      </c>
      <c r="AR22" s="71">
        <v>2</v>
      </c>
      <c r="AS22" s="72">
        <v>12</v>
      </c>
      <c r="AT22" s="73">
        <v>18</v>
      </c>
      <c r="AU22" s="70">
        <v>9</v>
      </c>
      <c r="AV22" s="71">
        <v>6</v>
      </c>
      <c r="AW22" s="72">
        <v>15</v>
      </c>
      <c r="AX22" s="244"/>
      <c r="AY22" s="71">
        <v>16</v>
      </c>
      <c r="AZ22" s="71">
        <v>8</v>
      </c>
      <c r="BA22" s="71">
        <v>3</v>
      </c>
      <c r="BB22" s="71">
        <v>5</v>
      </c>
      <c r="BC22" s="71">
        <v>2</v>
      </c>
      <c r="BD22" s="72">
        <v>34</v>
      </c>
      <c r="BE22" s="73">
        <v>49</v>
      </c>
      <c r="BF22" s="86">
        <v>11</v>
      </c>
      <c r="BG22" s="71">
        <v>12</v>
      </c>
      <c r="BH22" s="72">
        <v>23</v>
      </c>
      <c r="BI22" s="244"/>
      <c r="BJ22" s="71">
        <v>29</v>
      </c>
      <c r="BK22" s="71">
        <v>19</v>
      </c>
      <c r="BL22" s="71">
        <v>10</v>
      </c>
      <c r="BM22" s="71">
        <v>7</v>
      </c>
      <c r="BN22" s="71">
        <v>4</v>
      </c>
      <c r="BO22" s="72">
        <v>69</v>
      </c>
      <c r="BP22" s="73">
        <v>92</v>
      </c>
      <c r="BQ22" s="70">
        <v>13</v>
      </c>
      <c r="BR22" s="71">
        <v>10</v>
      </c>
      <c r="BS22" s="72">
        <v>23</v>
      </c>
      <c r="BT22" s="244"/>
      <c r="BU22" s="71">
        <v>23</v>
      </c>
      <c r="BV22" s="71">
        <v>15</v>
      </c>
      <c r="BW22" s="71">
        <v>12</v>
      </c>
      <c r="BX22" s="71">
        <v>7</v>
      </c>
      <c r="BY22" s="71">
        <v>4</v>
      </c>
      <c r="BZ22" s="72">
        <v>61</v>
      </c>
      <c r="CA22" s="73">
        <v>84</v>
      </c>
      <c r="CB22" s="70">
        <v>0</v>
      </c>
      <c r="CC22" s="71">
        <v>0</v>
      </c>
      <c r="CD22" s="72">
        <v>0</v>
      </c>
      <c r="CE22" s="244"/>
      <c r="CF22" s="71">
        <v>0</v>
      </c>
      <c r="CG22" s="71">
        <v>0</v>
      </c>
      <c r="CH22" s="71">
        <v>0</v>
      </c>
      <c r="CI22" s="71">
        <v>0</v>
      </c>
      <c r="CJ22" s="71">
        <v>0</v>
      </c>
      <c r="CK22" s="72">
        <v>0</v>
      </c>
      <c r="CL22" s="73">
        <v>0</v>
      </c>
      <c r="CM22" s="70">
        <v>38</v>
      </c>
      <c r="CN22" s="71">
        <v>32</v>
      </c>
      <c r="CO22" s="72">
        <v>70</v>
      </c>
      <c r="CP22" s="244"/>
      <c r="CQ22" s="71">
        <v>73</v>
      </c>
      <c r="CR22" s="71">
        <v>53</v>
      </c>
      <c r="CS22" s="71">
        <v>27</v>
      </c>
      <c r="CT22" s="71">
        <v>20</v>
      </c>
      <c r="CU22" s="71">
        <v>12</v>
      </c>
      <c r="CV22" s="72">
        <v>185</v>
      </c>
      <c r="CW22" s="73">
        <v>255</v>
      </c>
      <c r="CX22" s="123">
        <v>3</v>
      </c>
      <c r="CY22" s="82">
        <v>6</v>
      </c>
      <c r="CZ22" s="83">
        <v>9</v>
      </c>
      <c r="DA22" s="241"/>
      <c r="DB22" s="82">
        <v>8</v>
      </c>
      <c r="DC22" s="82">
        <v>5</v>
      </c>
      <c r="DD22" s="82">
        <v>7</v>
      </c>
      <c r="DE22" s="82">
        <v>3</v>
      </c>
      <c r="DF22" s="82">
        <v>3</v>
      </c>
      <c r="DG22" s="84">
        <v>26</v>
      </c>
      <c r="DH22" s="85">
        <v>35</v>
      </c>
      <c r="DI22" s="86">
        <v>1</v>
      </c>
      <c r="DJ22" s="71">
        <v>0</v>
      </c>
      <c r="DK22" s="72">
        <v>1</v>
      </c>
      <c r="DL22" s="244"/>
      <c r="DM22" s="71">
        <v>0</v>
      </c>
      <c r="DN22" s="71">
        <v>0</v>
      </c>
      <c r="DO22" s="71">
        <v>0</v>
      </c>
      <c r="DP22" s="71">
        <v>1</v>
      </c>
      <c r="DQ22" s="71">
        <v>0</v>
      </c>
      <c r="DR22" s="72">
        <v>1</v>
      </c>
      <c r="DS22" s="73">
        <v>2</v>
      </c>
      <c r="DT22" s="70">
        <v>0</v>
      </c>
      <c r="DU22" s="71">
        <v>0</v>
      </c>
      <c r="DV22" s="72">
        <v>0</v>
      </c>
      <c r="DW22" s="244"/>
      <c r="DX22" s="71">
        <v>0</v>
      </c>
      <c r="DY22" s="71">
        <v>0</v>
      </c>
      <c r="DZ22" s="71">
        <v>0</v>
      </c>
      <c r="EA22" s="71">
        <v>0</v>
      </c>
      <c r="EB22" s="71">
        <v>0</v>
      </c>
      <c r="EC22" s="72">
        <v>0</v>
      </c>
      <c r="ED22" s="73">
        <v>0</v>
      </c>
      <c r="EE22" s="86">
        <v>1</v>
      </c>
      <c r="EF22" s="71">
        <v>1</v>
      </c>
      <c r="EG22" s="72">
        <v>2</v>
      </c>
      <c r="EH22" s="244"/>
      <c r="EI22" s="71">
        <v>1</v>
      </c>
      <c r="EJ22" s="71">
        <v>0</v>
      </c>
      <c r="EK22" s="71">
        <v>0</v>
      </c>
      <c r="EL22" s="71">
        <v>0</v>
      </c>
      <c r="EM22" s="71">
        <v>0</v>
      </c>
      <c r="EN22" s="72">
        <v>1</v>
      </c>
      <c r="EO22" s="73">
        <v>3</v>
      </c>
      <c r="EP22" s="70">
        <v>1</v>
      </c>
      <c r="EQ22" s="71">
        <v>4</v>
      </c>
      <c r="ER22" s="72">
        <v>5</v>
      </c>
      <c r="ES22" s="244"/>
      <c r="ET22" s="71">
        <v>2</v>
      </c>
      <c r="EU22" s="71">
        <v>0</v>
      </c>
      <c r="EV22" s="71">
        <v>2</v>
      </c>
      <c r="EW22" s="71">
        <v>0</v>
      </c>
      <c r="EX22" s="71">
        <v>0</v>
      </c>
      <c r="EY22" s="72">
        <v>4</v>
      </c>
      <c r="EZ22" s="73">
        <v>9</v>
      </c>
      <c r="FA22" s="86">
        <v>0</v>
      </c>
      <c r="FB22" s="71">
        <v>0</v>
      </c>
      <c r="FC22" s="72">
        <v>0</v>
      </c>
      <c r="FD22" s="244"/>
      <c r="FE22" s="71">
        <v>3</v>
      </c>
      <c r="FF22" s="71">
        <v>3</v>
      </c>
      <c r="FG22" s="71">
        <v>2</v>
      </c>
      <c r="FH22" s="71">
        <v>1</v>
      </c>
      <c r="FI22" s="71">
        <v>0</v>
      </c>
      <c r="FJ22" s="72">
        <v>9</v>
      </c>
      <c r="FK22" s="73">
        <v>9</v>
      </c>
      <c r="FL22" s="70">
        <v>0</v>
      </c>
      <c r="FM22" s="71">
        <v>1</v>
      </c>
      <c r="FN22" s="72">
        <v>1</v>
      </c>
      <c r="FO22" s="244"/>
      <c r="FP22" s="71">
        <v>2</v>
      </c>
      <c r="FQ22" s="71">
        <v>2</v>
      </c>
      <c r="FR22" s="71">
        <v>3</v>
      </c>
      <c r="FS22" s="71">
        <v>1</v>
      </c>
      <c r="FT22" s="71">
        <v>3</v>
      </c>
      <c r="FU22" s="72">
        <v>11</v>
      </c>
      <c r="FV22" s="73">
        <v>12</v>
      </c>
      <c r="FW22" s="70">
        <v>0</v>
      </c>
      <c r="FX22" s="71">
        <v>0</v>
      </c>
      <c r="FY22" s="72">
        <v>0</v>
      </c>
      <c r="FZ22" s="244"/>
      <c r="GA22" s="71">
        <v>0</v>
      </c>
      <c r="GB22" s="71">
        <v>0</v>
      </c>
      <c r="GC22" s="71">
        <v>0</v>
      </c>
      <c r="GD22" s="71">
        <v>0</v>
      </c>
      <c r="GE22" s="71">
        <v>0</v>
      </c>
      <c r="GF22" s="72">
        <v>0</v>
      </c>
      <c r="GG22" s="73">
        <v>0</v>
      </c>
      <c r="GH22" s="70">
        <v>3</v>
      </c>
      <c r="GI22" s="71">
        <v>6</v>
      </c>
      <c r="GJ22" s="72">
        <v>9</v>
      </c>
      <c r="GK22" s="244"/>
      <c r="GL22" s="71">
        <v>8</v>
      </c>
      <c r="GM22" s="71">
        <v>5</v>
      </c>
      <c r="GN22" s="71">
        <v>7</v>
      </c>
      <c r="GO22" s="71">
        <v>3</v>
      </c>
      <c r="GP22" s="71">
        <v>3</v>
      </c>
      <c r="GQ22" s="72">
        <v>26</v>
      </c>
      <c r="GR22" s="73">
        <v>35</v>
      </c>
      <c r="GS22" s="123">
        <v>41</v>
      </c>
      <c r="GT22" s="82">
        <v>38</v>
      </c>
      <c r="GU22" s="83">
        <v>79</v>
      </c>
      <c r="GV22" s="241"/>
      <c r="GW22" s="82">
        <v>81</v>
      </c>
      <c r="GX22" s="82">
        <v>58</v>
      </c>
      <c r="GY22" s="82">
        <v>34</v>
      </c>
      <c r="GZ22" s="82">
        <v>23</v>
      </c>
      <c r="HA22" s="82">
        <v>15</v>
      </c>
      <c r="HB22" s="84">
        <v>211</v>
      </c>
      <c r="HC22" s="85">
        <v>290</v>
      </c>
      <c r="HD22" s="86">
        <v>2</v>
      </c>
      <c r="HE22" s="71">
        <v>0</v>
      </c>
      <c r="HF22" s="72">
        <v>2</v>
      </c>
      <c r="HG22" s="244"/>
      <c r="HH22" s="71">
        <v>1</v>
      </c>
      <c r="HI22" s="71">
        <v>1</v>
      </c>
      <c r="HJ22" s="71">
        <v>0</v>
      </c>
      <c r="HK22" s="71">
        <v>1</v>
      </c>
      <c r="HL22" s="71">
        <v>0</v>
      </c>
      <c r="HM22" s="72">
        <v>3</v>
      </c>
      <c r="HN22" s="73">
        <v>5</v>
      </c>
      <c r="HO22" s="70">
        <v>2</v>
      </c>
      <c r="HP22" s="71">
        <v>0</v>
      </c>
      <c r="HQ22" s="72">
        <v>2</v>
      </c>
      <c r="HR22" s="244"/>
      <c r="HS22" s="71">
        <v>0</v>
      </c>
      <c r="HT22" s="71">
        <v>7</v>
      </c>
      <c r="HU22" s="71">
        <v>0</v>
      </c>
      <c r="HV22" s="71">
        <v>0</v>
      </c>
      <c r="HW22" s="71">
        <v>0</v>
      </c>
      <c r="HX22" s="72">
        <v>7</v>
      </c>
      <c r="HY22" s="73">
        <v>9</v>
      </c>
      <c r="HZ22" s="86">
        <v>3</v>
      </c>
      <c r="IA22" s="71">
        <v>5</v>
      </c>
      <c r="IB22" s="72">
        <v>8</v>
      </c>
      <c r="IC22" s="244"/>
      <c r="ID22" s="71">
        <v>5</v>
      </c>
      <c r="IE22" s="71">
        <v>3</v>
      </c>
      <c r="IF22" s="71">
        <v>2</v>
      </c>
      <c r="IG22" s="71">
        <v>1</v>
      </c>
      <c r="IH22" s="71">
        <v>2</v>
      </c>
      <c r="II22" s="72">
        <v>13</v>
      </c>
      <c r="IJ22" s="73">
        <v>21</v>
      </c>
      <c r="IK22" s="70">
        <v>10</v>
      </c>
      <c r="IL22" s="71">
        <v>10</v>
      </c>
      <c r="IM22" s="72">
        <v>20</v>
      </c>
      <c r="IN22" s="244"/>
      <c r="IO22" s="71">
        <v>18</v>
      </c>
      <c r="IP22" s="71">
        <v>8</v>
      </c>
      <c r="IQ22" s="71">
        <v>5</v>
      </c>
      <c r="IR22" s="71">
        <v>5</v>
      </c>
      <c r="IS22" s="71">
        <v>2</v>
      </c>
      <c r="IT22" s="72">
        <v>38</v>
      </c>
      <c r="IU22" s="73">
        <v>58</v>
      </c>
      <c r="IV22" s="86">
        <v>11</v>
      </c>
      <c r="IW22" s="71">
        <v>12</v>
      </c>
      <c r="IX22" s="72">
        <v>23</v>
      </c>
      <c r="IY22" s="244"/>
      <c r="IZ22" s="71">
        <v>32</v>
      </c>
      <c r="JA22" s="71">
        <v>22</v>
      </c>
      <c r="JB22" s="71">
        <v>12</v>
      </c>
      <c r="JC22" s="71">
        <v>8</v>
      </c>
      <c r="JD22" s="71">
        <v>4</v>
      </c>
      <c r="JE22" s="72">
        <v>78</v>
      </c>
      <c r="JF22" s="73">
        <v>101</v>
      </c>
      <c r="JG22" s="70">
        <v>13</v>
      </c>
      <c r="JH22" s="71">
        <v>11</v>
      </c>
      <c r="JI22" s="72">
        <v>24</v>
      </c>
      <c r="JJ22" s="244"/>
      <c r="JK22" s="71">
        <v>25</v>
      </c>
      <c r="JL22" s="71">
        <v>17</v>
      </c>
      <c r="JM22" s="71">
        <v>15</v>
      </c>
      <c r="JN22" s="71">
        <v>8</v>
      </c>
      <c r="JO22" s="71">
        <v>7</v>
      </c>
      <c r="JP22" s="72">
        <v>72</v>
      </c>
      <c r="JQ22" s="73">
        <v>96</v>
      </c>
      <c r="JR22" s="70">
        <v>0</v>
      </c>
      <c r="JS22" s="71">
        <v>0</v>
      </c>
      <c r="JT22" s="72">
        <v>0</v>
      </c>
      <c r="JU22" s="244"/>
      <c r="JV22" s="71">
        <v>0</v>
      </c>
      <c r="JW22" s="71">
        <v>0</v>
      </c>
      <c r="JX22" s="71">
        <v>0</v>
      </c>
      <c r="JY22" s="71">
        <v>0</v>
      </c>
      <c r="JZ22" s="71">
        <v>0</v>
      </c>
      <c r="KA22" s="72">
        <v>0</v>
      </c>
      <c r="KB22" s="73">
        <v>0</v>
      </c>
      <c r="KC22" s="70">
        <v>41</v>
      </c>
      <c r="KD22" s="71">
        <v>38</v>
      </c>
      <c r="KE22" s="72">
        <v>79</v>
      </c>
      <c r="KF22" s="244"/>
      <c r="KG22" s="71">
        <v>81</v>
      </c>
      <c r="KH22" s="71">
        <v>58</v>
      </c>
      <c r="KI22" s="71">
        <v>34</v>
      </c>
      <c r="KJ22" s="71">
        <v>23</v>
      </c>
      <c r="KK22" s="71">
        <v>15</v>
      </c>
      <c r="KL22" s="72">
        <v>211</v>
      </c>
      <c r="KM22" s="73">
        <v>290</v>
      </c>
    </row>
    <row r="23" spans="2:299" ht="21" customHeight="1" x14ac:dyDescent="0.2">
      <c r="B23" s="126" t="s">
        <v>20</v>
      </c>
      <c r="C23" s="313">
        <v>57</v>
      </c>
      <c r="D23" s="82">
        <v>72</v>
      </c>
      <c r="E23" s="83">
        <v>129</v>
      </c>
      <c r="F23" s="241"/>
      <c r="G23" s="82">
        <v>106</v>
      </c>
      <c r="H23" s="82">
        <v>69</v>
      </c>
      <c r="I23" s="82">
        <v>54</v>
      </c>
      <c r="J23" s="82">
        <v>44</v>
      </c>
      <c r="K23" s="82">
        <v>18</v>
      </c>
      <c r="L23" s="84">
        <v>291</v>
      </c>
      <c r="M23" s="85">
        <v>420</v>
      </c>
      <c r="N23" s="70">
        <v>1</v>
      </c>
      <c r="O23" s="71">
        <v>0</v>
      </c>
      <c r="P23" s="72">
        <v>1</v>
      </c>
      <c r="Q23" s="244"/>
      <c r="R23" s="71">
        <v>0</v>
      </c>
      <c r="S23" s="71">
        <v>2</v>
      </c>
      <c r="T23" s="71">
        <v>3</v>
      </c>
      <c r="U23" s="71">
        <v>0</v>
      </c>
      <c r="V23" s="71">
        <v>0</v>
      </c>
      <c r="W23" s="72">
        <v>5</v>
      </c>
      <c r="X23" s="73">
        <v>6</v>
      </c>
      <c r="Y23" s="70">
        <v>1</v>
      </c>
      <c r="Z23" s="71">
        <v>1</v>
      </c>
      <c r="AA23" s="72">
        <v>2</v>
      </c>
      <c r="AB23" s="244"/>
      <c r="AC23" s="71">
        <v>3</v>
      </c>
      <c r="AD23" s="71">
        <v>2</v>
      </c>
      <c r="AE23" s="71">
        <v>1</v>
      </c>
      <c r="AF23" s="71">
        <v>3</v>
      </c>
      <c r="AG23" s="71">
        <v>0</v>
      </c>
      <c r="AH23" s="72">
        <v>9</v>
      </c>
      <c r="AI23" s="73">
        <v>11</v>
      </c>
      <c r="AJ23" s="70">
        <v>8</v>
      </c>
      <c r="AK23" s="71">
        <v>5</v>
      </c>
      <c r="AL23" s="72">
        <v>13</v>
      </c>
      <c r="AM23" s="244"/>
      <c r="AN23" s="71">
        <v>6</v>
      </c>
      <c r="AO23" s="71">
        <v>4</v>
      </c>
      <c r="AP23" s="71">
        <v>8</v>
      </c>
      <c r="AQ23" s="71">
        <v>7</v>
      </c>
      <c r="AR23" s="71">
        <v>3</v>
      </c>
      <c r="AS23" s="72">
        <v>28</v>
      </c>
      <c r="AT23" s="73">
        <v>41</v>
      </c>
      <c r="AU23" s="70">
        <v>13</v>
      </c>
      <c r="AV23" s="71">
        <v>18</v>
      </c>
      <c r="AW23" s="72">
        <v>31</v>
      </c>
      <c r="AX23" s="244"/>
      <c r="AY23" s="71">
        <v>26</v>
      </c>
      <c r="AZ23" s="71">
        <v>16</v>
      </c>
      <c r="BA23" s="71">
        <v>14</v>
      </c>
      <c r="BB23" s="71">
        <v>8</v>
      </c>
      <c r="BC23" s="71">
        <v>3</v>
      </c>
      <c r="BD23" s="72">
        <v>67</v>
      </c>
      <c r="BE23" s="73">
        <v>98</v>
      </c>
      <c r="BF23" s="70">
        <v>21</v>
      </c>
      <c r="BG23" s="71">
        <v>29</v>
      </c>
      <c r="BH23" s="72">
        <v>50</v>
      </c>
      <c r="BI23" s="244"/>
      <c r="BJ23" s="71">
        <v>43</v>
      </c>
      <c r="BK23" s="71">
        <v>21</v>
      </c>
      <c r="BL23" s="71">
        <v>14</v>
      </c>
      <c r="BM23" s="71">
        <v>11</v>
      </c>
      <c r="BN23" s="71">
        <v>5</v>
      </c>
      <c r="BO23" s="72">
        <v>94</v>
      </c>
      <c r="BP23" s="73">
        <v>144</v>
      </c>
      <c r="BQ23" s="70">
        <v>13</v>
      </c>
      <c r="BR23" s="71">
        <v>19</v>
      </c>
      <c r="BS23" s="72">
        <v>32</v>
      </c>
      <c r="BT23" s="244"/>
      <c r="BU23" s="71">
        <v>28</v>
      </c>
      <c r="BV23" s="71">
        <v>24</v>
      </c>
      <c r="BW23" s="71">
        <v>14</v>
      </c>
      <c r="BX23" s="71">
        <v>15</v>
      </c>
      <c r="BY23" s="71">
        <v>7</v>
      </c>
      <c r="BZ23" s="72">
        <v>88</v>
      </c>
      <c r="CA23" s="73">
        <v>120</v>
      </c>
      <c r="CB23" s="70">
        <v>0</v>
      </c>
      <c r="CC23" s="71">
        <v>0</v>
      </c>
      <c r="CD23" s="72">
        <v>0</v>
      </c>
      <c r="CE23" s="244"/>
      <c r="CF23" s="71">
        <v>0</v>
      </c>
      <c r="CG23" s="71">
        <v>0</v>
      </c>
      <c r="CH23" s="71">
        <v>0</v>
      </c>
      <c r="CI23" s="71">
        <v>0</v>
      </c>
      <c r="CJ23" s="71">
        <v>0</v>
      </c>
      <c r="CK23" s="72">
        <v>0</v>
      </c>
      <c r="CL23" s="73">
        <v>0</v>
      </c>
      <c r="CM23" s="70">
        <v>57</v>
      </c>
      <c r="CN23" s="71">
        <v>72</v>
      </c>
      <c r="CO23" s="72">
        <v>129</v>
      </c>
      <c r="CP23" s="244"/>
      <c r="CQ23" s="71">
        <v>106</v>
      </c>
      <c r="CR23" s="71">
        <v>69</v>
      </c>
      <c r="CS23" s="71">
        <v>54</v>
      </c>
      <c r="CT23" s="71">
        <v>44</v>
      </c>
      <c r="CU23" s="71">
        <v>18</v>
      </c>
      <c r="CV23" s="72">
        <v>291</v>
      </c>
      <c r="CW23" s="73">
        <v>420</v>
      </c>
      <c r="CX23" s="123">
        <v>6</v>
      </c>
      <c r="CY23" s="82">
        <v>7</v>
      </c>
      <c r="CZ23" s="83">
        <v>13</v>
      </c>
      <c r="DA23" s="241"/>
      <c r="DB23" s="82">
        <v>14</v>
      </c>
      <c r="DC23" s="82">
        <v>6</v>
      </c>
      <c r="DD23" s="82">
        <v>4</v>
      </c>
      <c r="DE23" s="82">
        <v>6</v>
      </c>
      <c r="DF23" s="82">
        <v>3</v>
      </c>
      <c r="DG23" s="84">
        <v>33</v>
      </c>
      <c r="DH23" s="85">
        <v>46</v>
      </c>
      <c r="DI23" s="70">
        <v>0</v>
      </c>
      <c r="DJ23" s="71">
        <v>0</v>
      </c>
      <c r="DK23" s="72">
        <v>0</v>
      </c>
      <c r="DL23" s="244"/>
      <c r="DM23" s="71">
        <v>0</v>
      </c>
      <c r="DN23" s="71">
        <v>0</v>
      </c>
      <c r="DO23" s="71">
        <v>0</v>
      </c>
      <c r="DP23" s="71">
        <v>0</v>
      </c>
      <c r="DQ23" s="71">
        <v>0</v>
      </c>
      <c r="DR23" s="72">
        <v>0</v>
      </c>
      <c r="DS23" s="73">
        <v>0</v>
      </c>
      <c r="DT23" s="70">
        <v>1</v>
      </c>
      <c r="DU23" s="71">
        <v>0</v>
      </c>
      <c r="DV23" s="72">
        <v>1</v>
      </c>
      <c r="DW23" s="244"/>
      <c r="DX23" s="71">
        <v>0</v>
      </c>
      <c r="DY23" s="71">
        <v>2</v>
      </c>
      <c r="DZ23" s="71">
        <v>0</v>
      </c>
      <c r="EA23" s="71">
        <v>0</v>
      </c>
      <c r="EB23" s="71">
        <v>0</v>
      </c>
      <c r="EC23" s="72">
        <v>2</v>
      </c>
      <c r="ED23" s="73">
        <v>3</v>
      </c>
      <c r="EE23" s="70">
        <v>1</v>
      </c>
      <c r="EF23" s="71">
        <v>0</v>
      </c>
      <c r="EG23" s="72">
        <v>1</v>
      </c>
      <c r="EH23" s="244"/>
      <c r="EI23" s="71">
        <v>2</v>
      </c>
      <c r="EJ23" s="71">
        <v>0</v>
      </c>
      <c r="EK23" s="71">
        <v>1</v>
      </c>
      <c r="EL23" s="71">
        <v>0</v>
      </c>
      <c r="EM23" s="71">
        <v>0</v>
      </c>
      <c r="EN23" s="72">
        <v>3</v>
      </c>
      <c r="EO23" s="73">
        <v>4</v>
      </c>
      <c r="EP23" s="70">
        <v>3</v>
      </c>
      <c r="EQ23" s="71">
        <v>2</v>
      </c>
      <c r="ER23" s="72">
        <v>5</v>
      </c>
      <c r="ES23" s="244"/>
      <c r="ET23" s="71">
        <v>0</v>
      </c>
      <c r="EU23" s="71">
        <v>3</v>
      </c>
      <c r="EV23" s="71">
        <v>1</v>
      </c>
      <c r="EW23" s="71">
        <v>1</v>
      </c>
      <c r="EX23" s="71">
        <v>1</v>
      </c>
      <c r="EY23" s="72">
        <v>6</v>
      </c>
      <c r="EZ23" s="73">
        <v>11</v>
      </c>
      <c r="FA23" s="70">
        <v>0</v>
      </c>
      <c r="FB23" s="71">
        <v>3</v>
      </c>
      <c r="FC23" s="72">
        <v>3</v>
      </c>
      <c r="FD23" s="244"/>
      <c r="FE23" s="71">
        <v>4</v>
      </c>
      <c r="FF23" s="71">
        <v>0</v>
      </c>
      <c r="FG23" s="71">
        <v>2</v>
      </c>
      <c r="FH23" s="71">
        <v>2</v>
      </c>
      <c r="FI23" s="71">
        <v>0</v>
      </c>
      <c r="FJ23" s="72">
        <v>8</v>
      </c>
      <c r="FK23" s="73">
        <v>11</v>
      </c>
      <c r="FL23" s="70">
        <v>1</v>
      </c>
      <c r="FM23" s="71">
        <v>2</v>
      </c>
      <c r="FN23" s="72">
        <v>3</v>
      </c>
      <c r="FO23" s="244"/>
      <c r="FP23" s="71">
        <v>8</v>
      </c>
      <c r="FQ23" s="71">
        <v>1</v>
      </c>
      <c r="FR23" s="71">
        <v>0</v>
      </c>
      <c r="FS23" s="71">
        <v>3</v>
      </c>
      <c r="FT23" s="71">
        <v>2</v>
      </c>
      <c r="FU23" s="72">
        <v>14</v>
      </c>
      <c r="FV23" s="73">
        <v>17</v>
      </c>
      <c r="FW23" s="70">
        <v>0</v>
      </c>
      <c r="FX23" s="71">
        <v>0</v>
      </c>
      <c r="FY23" s="72">
        <v>0</v>
      </c>
      <c r="FZ23" s="244"/>
      <c r="GA23" s="71">
        <v>0</v>
      </c>
      <c r="GB23" s="71">
        <v>0</v>
      </c>
      <c r="GC23" s="71">
        <v>0</v>
      </c>
      <c r="GD23" s="71">
        <v>0</v>
      </c>
      <c r="GE23" s="71">
        <v>0</v>
      </c>
      <c r="GF23" s="72">
        <v>0</v>
      </c>
      <c r="GG23" s="73">
        <v>0</v>
      </c>
      <c r="GH23" s="70">
        <v>6</v>
      </c>
      <c r="GI23" s="71">
        <v>7</v>
      </c>
      <c r="GJ23" s="72">
        <v>13</v>
      </c>
      <c r="GK23" s="244"/>
      <c r="GL23" s="71">
        <v>14</v>
      </c>
      <c r="GM23" s="71">
        <v>6</v>
      </c>
      <c r="GN23" s="71">
        <v>4</v>
      </c>
      <c r="GO23" s="71">
        <v>6</v>
      </c>
      <c r="GP23" s="71">
        <v>3</v>
      </c>
      <c r="GQ23" s="72">
        <v>33</v>
      </c>
      <c r="GR23" s="73">
        <v>46</v>
      </c>
      <c r="GS23" s="123">
        <v>63</v>
      </c>
      <c r="GT23" s="82">
        <v>79</v>
      </c>
      <c r="GU23" s="83">
        <v>142</v>
      </c>
      <c r="GV23" s="241"/>
      <c r="GW23" s="82">
        <v>120</v>
      </c>
      <c r="GX23" s="82">
        <v>75</v>
      </c>
      <c r="GY23" s="82">
        <v>58</v>
      </c>
      <c r="GZ23" s="82">
        <v>50</v>
      </c>
      <c r="HA23" s="82">
        <v>21</v>
      </c>
      <c r="HB23" s="84">
        <v>324</v>
      </c>
      <c r="HC23" s="85">
        <v>466</v>
      </c>
      <c r="HD23" s="70">
        <v>1</v>
      </c>
      <c r="HE23" s="71">
        <v>0</v>
      </c>
      <c r="HF23" s="72">
        <v>1</v>
      </c>
      <c r="HG23" s="244"/>
      <c r="HH23" s="71">
        <v>0</v>
      </c>
      <c r="HI23" s="71">
        <v>2</v>
      </c>
      <c r="HJ23" s="71">
        <v>3</v>
      </c>
      <c r="HK23" s="71">
        <v>0</v>
      </c>
      <c r="HL23" s="71">
        <v>0</v>
      </c>
      <c r="HM23" s="72">
        <v>5</v>
      </c>
      <c r="HN23" s="73">
        <v>6</v>
      </c>
      <c r="HO23" s="70">
        <v>2</v>
      </c>
      <c r="HP23" s="71">
        <v>1</v>
      </c>
      <c r="HQ23" s="72">
        <v>3</v>
      </c>
      <c r="HR23" s="244"/>
      <c r="HS23" s="71">
        <v>3</v>
      </c>
      <c r="HT23" s="71">
        <v>4</v>
      </c>
      <c r="HU23" s="71">
        <v>1</v>
      </c>
      <c r="HV23" s="71">
        <v>3</v>
      </c>
      <c r="HW23" s="71">
        <v>0</v>
      </c>
      <c r="HX23" s="72">
        <v>11</v>
      </c>
      <c r="HY23" s="73">
        <v>14</v>
      </c>
      <c r="HZ23" s="70">
        <v>9</v>
      </c>
      <c r="IA23" s="71">
        <v>5</v>
      </c>
      <c r="IB23" s="72">
        <v>14</v>
      </c>
      <c r="IC23" s="244"/>
      <c r="ID23" s="71">
        <v>8</v>
      </c>
      <c r="IE23" s="71">
        <v>4</v>
      </c>
      <c r="IF23" s="71">
        <v>9</v>
      </c>
      <c r="IG23" s="71">
        <v>7</v>
      </c>
      <c r="IH23" s="71">
        <v>3</v>
      </c>
      <c r="II23" s="72">
        <v>31</v>
      </c>
      <c r="IJ23" s="73">
        <v>45</v>
      </c>
      <c r="IK23" s="70">
        <v>16</v>
      </c>
      <c r="IL23" s="71">
        <v>20</v>
      </c>
      <c r="IM23" s="72">
        <v>36</v>
      </c>
      <c r="IN23" s="244"/>
      <c r="IO23" s="71">
        <v>26</v>
      </c>
      <c r="IP23" s="71">
        <v>19</v>
      </c>
      <c r="IQ23" s="71">
        <v>15</v>
      </c>
      <c r="IR23" s="71">
        <v>9</v>
      </c>
      <c r="IS23" s="71">
        <v>4</v>
      </c>
      <c r="IT23" s="72">
        <v>73</v>
      </c>
      <c r="IU23" s="73">
        <v>109</v>
      </c>
      <c r="IV23" s="70">
        <v>21</v>
      </c>
      <c r="IW23" s="71">
        <v>32</v>
      </c>
      <c r="IX23" s="72">
        <v>53</v>
      </c>
      <c r="IY23" s="244"/>
      <c r="IZ23" s="71">
        <v>47</v>
      </c>
      <c r="JA23" s="71">
        <v>21</v>
      </c>
      <c r="JB23" s="71">
        <v>16</v>
      </c>
      <c r="JC23" s="71">
        <v>13</v>
      </c>
      <c r="JD23" s="71">
        <v>5</v>
      </c>
      <c r="JE23" s="72">
        <v>102</v>
      </c>
      <c r="JF23" s="73">
        <v>155</v>
      </c>
      <c r="JG23" s="70">
        <v>14</v>
      </c>
      <c r="JH23" s="71">
        <v>21</v>
      </c>
      <c r="JI23" s="72">
        <v>35</v>
      </c>
      <c r="JJ23" s="244"/>
      <c r="JK23" s="71">
        <v>36</v>
      </c>
      <c r="JL23" s="71">
        <v>25</v>
      </c>
      <c r="JM23" s="71">
        <v>14</v>
      </c>
      <c r="JN23" s="71">
        <v>18</v>
      </c>
      <c r="JO23" s="71">
        <v>9</v>
      </c>
      <c r="JP23" s="72">
        <v>102</v>
      </c>
      <c r="JQ23" s="73">
        <v>137</v>
      </c>
      <c r="JR23" s="70">
        <v>0</v>
      </c>
      <c r="JS23" s="71">
        <v>0</v>
      </c>
      <c r="JT23" s="72">
        <v>0</v>
      </c>
      <c r="JU23" s="244"/>
      <c r="JV23" s="71">
        <v>0</v>
      </c>
      <c r="JW23" s="71">
        <v>0</v>
      </c>
      <c r="JX23" s="71">
        <v>0</v>
      </c>
      <c r="JY23" s="71">
        <v>0</v>
      </c>
      <c r="JZ23" s="71">
        <v>0</v>
      </c>
      <c r="KA23" s="72">
        <v>0</v>
      </c>
      <c r="KB23" s="73">
        <v>0</v>
      </c>
      <c r="KC23" s="70">
        <v>63</v>
      </c>
      <c r="KD23" s="71">
        <v>79</v>
      </c>
      <c r="KE23" s="72">
        <v>142</v>
      </c>
      <c r="KF23" s="244"/>
      <c r="KG23" s="71">
        <v>120</v>
      </c>
      <c r="KH23" s="71">
        <v>75</v>
      </c>
      <c r="KI23" s="71">
        <v>58</v>
      </c>
      <c r="KJ23" s="71">
        <v>50</v>
      </c>
      <c r="KK23" s="71">
        <v>21</v>
      </c>
      <c r="KL23" s="72">
        <v>324</v>
      </c>
      <c r="KM23" s="73">
        <v>466</v>
      </c>
    </row>
    <row r="24" spans="2:299" ht="21" customHeight="1" x14ac:dyDescent="0.2">
      <c r="B24" s="126" t="s">
        <v>21</v>
      </c>
      <c r="C24" s="313">
        <v>54</v>
      </c>
      <c r="D24" s="82">
        <v>47</v>
      </c>
      <c r="E24" s="83">
        <v>101</v>
      </c>
      <c r="F24" s="241"/>
      <c r="G24" s="82">
        <v>59</v>
      </c>
      <c r="H24" s="82">
        <v>67</v>
      </c>
      <c r="I24" s="82">
        <v>41</v>
      </c>
      <c r="J24" s="82">
        <v>29</v>
      </c>
      <c r="K24" s="82">
        <v>22</v>
      </c>
      <c r="L24" s="84">
        <v>218</v>
      </c>
      <c r="M24" s="85">
        <v>319</v>
      </c>
      <c r="N24" s="70">
        <v>0</v>
      </c>
      <c r="O24" s="71">
        <v>2</v>
      </c>
      <c r="P24" s="72">
        <v>2</v>
      </c>
      <c r="Q24" s="244"/>
      <c r="R24" s="71">
        <v>0</v>
      </c>
      <c r="S24" s="71">
        <v>2</v>
      </c>
      <c r="T24" s="71">
        <v>0</v>
      </c>
      <c r="U24" s="71">
        <v>0</v>
      </c>
      <c r="V24" s="71">
        <v>1</v>
      </c>
      <c r="W24" s="72">
        <v>3</v>
      </c>
      <c r="X24" s="73">
        <v>5</v>
      </c>
      <c r="Y24" s="70">
        <v>2</v>
      </c>
      <c r="Z24" s="71">
        <v>2</v>
      </c>
      <c r="AA24" s="72">
        <v>4</v>
      </c>
      <c r="AB24" s="244"/>
      <c r="AC24" s="71">
        <v>4</v>
      </c>
      <c r="AD24" s="71">
        <v>4</v>
      </c>
      <c r="AE24" s="71">
        <v>2</v>
      </c>
      <c r="AF24" s="71">
        <v>1</v>
      </c>
      <c r="AG24" s="71">
        <v>0</v>
      </c>
      <c r="AH24" s="72">
        <v>11</v>
      </c>
      <c r="AI24" s="73">
        <v>15</v>
      </c>
      <c r="AJ24" s="70">
        <v>5</v>
      </c>
      <c r="AK24" s="71">
        <v>4</v>
      </c>
      <c r="AL24" s="72">
        <v>9</v>
      </c>
      <c r="AM24" s="244"/>
      <c r="AN24" s="71">
        <v>7</v>
      </c>
      <c r="AO24" s="71">
        <v>5</v>
      </c>
      <c r="AP24" s="71">
        <v>5</v>
      </c>
      <c r="AQ24" s="71">
        <v>7</v>
      </c>
      <c r="AR24" s="71">
        <v>0</v>
      </c>
      <c r="AS24" s="72">
        <v>24</v>
      </c>
      <c r="AT24" s="73">
        <v>33</v>
      </c>
      <c r="AU24" s="70">
        <v>12</v>
      </c>
      <c r="AV24" s="71">
        <v>6</v>
      </c>
      <c r="AW24" s="72">
        <v>18</v>
      </c>
      <c r="AX24" s="244"/>
      <c r="AY24" s="71">
        <v>21</v>
      </c>
      <c r="AZ24" s="71">
        <v>18</v>
      </c>
      <c r="BA24" s="71">
        <v>9</v>
      </c>
      <c r="BB24" s="71">
        <v>6</v>
      </c>
      <c r="BC24" s="71">
        <v>0</v>
      </c>
      <c r="BD24" s="72">
        <v>54</v>
      </c>
      <c r="BE24" s="73">
        <v>72</v>
      </c>
      <c r="BF24" s="70">
        <v>21</v>
      </c>
      <c r="BG24" s="71">
        <v>15</v>
      </c>
      <c r="BH24" s="72">
        <v>36</v>
      </c>
      <c r="BI24" s="244"/>
      <c r="BJ24" s="71">
        <v>17</v>
      </c>
      <c r="BK24" s="71">
        <v>18</v>
      </c>
      <c r="BL24" s="71">
        <v>11</v>
      </c>
      <c r="BM24" s="71">
        <v>8</v>
      </c>
      <c r="BN24" s="71">
        <v>17</v>
      </c>
      <c r="BO24" s="72">
        <v>71</v>
      </c>
      <c r="BP24" s="73">
        <v>107</v>
      </c>
      <c r="BQ24" s="70">
        <v>14</v>
      </c>
      <c r="BR24" s="71">
        <v>18</v>
      </c>
      <c r="BS24" s="72">
        <v>32</v>
      </c>
      <c r="BT24" s="244"/>
      <c r="BU24" s="71">
        <v>10</v>
      </c>
      <c r="BV24" s="71">
        <v>20</v>
      </c>
      <c r="BW24" s="71">
        <v>14</v>
      </c>
      <c r="BX24" s="71">
        <v>7</v>
      </c>
      <c r="BY24" s="71">
        <v>4</v>
      </c>
      <c r="BZ24" s="72">
        <v>55</v>
      </c>
      <c r="CA24" s="73">
        <v>87</v>
      </c>
      <c r="CB24" s="70">
        <v>0</v>
      </c>
      <c r="CC24" s="71">
        <v>0</v>
      </c>
      <c r="CD24" s="72">
        <v>0</v>
      </c>
      <c r="CE24" s="244"/>
      <c r="CF24" s="71">
        <v>0</v>
      </c>
      <c r="CG24" s="71">
        <v>0</v>
      </c>
      <c r="CH24" s="71">
        <v>0</v>
      </c>
      <c r="CI24" s="71">
        <v>0</v>
      </c>
      <c r="CJ24" s="71">
        <v>0</v>
      </c>
      <c r="CK24" s="72">
        <v>0</v>
      </c>
      <c r="CL24" s="73">
        <v>0</v>
      </c>
      <c r="CM24" s="70">
        <v>54</v>
      </c>
      <c r="CN24" s="71">
        <v>47</v>
      </c>
      <c r="CO24" s="72">
        <v>101</v>
      </c>
      <c r="CP24" s="244"/>
      <c r="CQ24" s="71">
        <v>59</v>
      </c>
      <c r="CR24" s="71">
        <v>67</v>
      </c>
      <c r="CS24" s="71">
        <v>41</v>
      </c>
      <c r="CT24" s="71">
        <v>29</v>
      </c>
      <c r="CU24" s="71">
        <v>22</v>
      </c>
      <c r="CV24" s="72">
        <v>218</v>
      </c>
      <c r="CW24" s="73">
        <v>319</v>
      </c>
      <c r="CX24" s="123">
        <v>3</v>
      </c>
      <c r="CY24" s="82">
        <v>3</v>
      </c>
      <c r="CZ24" s="83">
        <v>6</v>
      </c>
      <c r="DA24" s="241"/>
      <c r="DB24" s="82">
        <v>10</v>
      </c>
      <c r="DC24" s="82">
        <v>9</v>
      </c>
      <c r="DD24" s="82">
        <v>10</v>
      </c>
      <c r="DE24" s="82">
        <v>9</v>
      </c>
      <c r="DF24" s="82">
        <v>5</v>
      </c>
      <c r="DG24" s="84">
        <v>43</v>
      </c>
      <c r="DH24" s="85">
        <v>49</v>
      </c>
      <c r="DI24" s="70">
        <v>0</v>
      </c>
      <c r="DJ24" s="71">
        <v>0</v>
      </c>
      <c r="DK24" s="72">
        <v>0</v>
      </c>
      <c r="DL24" s="244"/>
      <c r="DM24" s="71">
        <v>1</v>
      </c>
      <c r="DN24" s="71">
        <v>1</v>
      </c>
      <c r="DO24" s="71">
        <v>0</v>
      </c>
      <c r="DP24" s="71">
        <v>0</v>
      </c>
      <c r="DQ24" s="71">
        <v>0</v>
      </c>
      <c r="DR24" s="72">
        <v>2</v>
      </c>
      <c r="DS24" s="73">
        <v>2</v>
      </c>
      <c r="DT24" s="70">
        <v>0</v>
      </c>
      <c r="DU24" s="71">
        <v>0</v>
      </c>
      <c r="DV24" s="72">
        <v>0</v>
      </c>
      <c r="DW24" s="244"/>
      <c r="DX24" s="71">
        <v>0</v>
      </c>
      <c r="DY24" s="71">
        <v>1</v>
      </c>
      <c r="DZ24" s="71">
        <v>1</v>
      </c>
      <c r="EA24" s="71">
        <v>0</v>
      </c>
      <c r="EB24" s="71">
        <v>0</v>
      </c>
      <c r="EC24" s="72">
        <v>2</v>
      </c>
      <c r="ED24" s="73">
        <v>2</v>
      </c>
      <c r="EE24" s="70">
        <v>0</v>
      </c>
      <c r="EF24" s="71">
        <v>1</v>
      </c>
      <c r="EG24" s="72">
        <v>1</v>
      </c>
      <c r="EH24" s="244"/>
      <c r="EI24" s="71">
        <v>0</v>
      </c>
      <c r="EJ24" s="71">
        <v>0</v>
      </c>
      <c r="EK24" s="71">
        <v>0</v>
      </c>
      <c r="EL24" s="71">
        <v>0</v>
      </c>
      <c r="EM24" s="71">
        <v>0</v>
      </c>
      <c r="EN24" s="72">
        <v>0</v>
      </c>
      <c r="EO24" s="73">
        <v>1</v>
      </c>
      <c r="EP24" s="70">
        <v>0</v>
      </c>
      <c r="EQ24" s="71">
        <v>0</v>
      </c>
      <c r="ER24" s="72">
        <v>0</v>
      </c>
      <c r="ES24" s="244"/>
      <c r="ET24" s="71">
        <v>1</v>
      </c>
      <c r="EU24" s="71">
        <v>1</v>
      </c>
      <c r="EV24" s="71">
        <v>2</v>
      </c>
      <c r="EW24" s="71">
        <v>0</v>
      </c>
      <c r="EX24" s="71">
        <v>0</v>
      </c>
      <c r="EY24" s="72">
        <v>4</v>
      </c>
      <c r="EZ24" s="73">
        <v>4</v>
      </c>
      <c r="FA24" s="70">
        <v>2</v>
      </c>
      <c r="FB24" s="71">
        <v>0</v>
      </c>
      <c r="FC24" s="72">
        <v>2</v>
      </c>
      <c r="FD24" s="244"/>
      <c r="FE24" s="71">
        <v>4</v>
      </c>
      <c r="FF24" s="71">
        <v>2</v>
      </c>
      <c r="FG24" s="71">
        <v>2</v>
      </c>
      <c r="FH24" s="71">
        <v>4</v>
      </c>
      <c r="FI24" s="71">
        <v>2</v>
      </c>
      <c r="FJ24" s="72">
        <v>14</v>
      </c>
      <c r="FK24" s="73">
        <v>16</v>
      </c>
      <c r="FL24" s="70">
        <v>1</v>
      </c>
      <c r="FM24" s="71">
        <v>2</v>
      </c>
      <c r="FN24" s="72">
        <v>3</v>
      </c>
      <c r="FO24" s="244"/>
      <c r="FP24" s="71">
        <v>4</v>
      </c>
      <c r="FQ24" s="71">
        <v>4</v>
      </c>
      <c r="FR24" s="71">
        <v>5</v>
      </c>
      <c r="FS24" s="71">
        <v>5</v>
      </c>
      <c r="FT24" s="71">
        <v>3</v>
      </c>
      <c r="FU24" s="72">
        <v>21</v>
      </c>
      <c r="FV24" s="73">
        <v>24</v>
      </c>
      <c r="FW24" s="70">
        <v>0</v>
      </c>
      <c r="FX24" s="71">
        <v>0</v>
      </c>
      <c r="FY24" s="72">
        <v>0</v>
      </c>
      <c r="FZ24" s="244"/>
      <c r="GA24" s="71">
        <v>0</v>
      </c>
      <c r="GB24" s="71">
        <v>0</v>
      </c>
      <c r="GC24" s="71">
        <v>0</v>
      </c>
      <c r="GD24" s="71">
        <v>0</v>
      </c>
      <c r="GE24" s="71">
        <v>0</v>
      </c>
      <c r="GF24" s="72">
        <v>0</v>
      </c>
      <c r="GG24" s="73">
        <v>0</v>
      </c>
      <c r="GH24" s="70">
        <v>3</v>
      </c>
      <c r="GI24" s="71">
        <v>3</v>
      </c>
      <c r="GJ24" s="72">
        <v>6</v>
      </c>
      <c r="GK24" s="244"/>
      <c r="GL24" s="71">
        <v>10</v>
      </c>
      <c r="GM24" s="71">
        <v>9</v>
      </c>
      <c r="GN24" s="71">
        <v>10</v>
      </c>
      <c r="GO24" s="71">
        <v>9</v>
      </c>
      <c r="GP24" s="71">
        <v>5</v>
      </c>
      <c r="GQ24" s="72">
        <v>43</v>
      </c>
      <c r="GR24" s="73">
        <v>49</v>
      </c>
      <c r="GS24" s="123">
        <v>57</v>
      </c>
      <c r="GT24" s="82">
        <v>50</v>
      </c>
      <c r="GU24" s="83">
        <v>107</v>
      </c>
      <c r="GV24" s="241"/>
      <c r="GW24" s="82">
        <v>69</v>
      </c>
      <c r="GX24" s="82">
        <v>76</v>
      </c>
      <c r="GY24" s="82">
        <v>51</v>
      </c>
      <c r="GZ24" s="82">
        <v>38</v>
      </c>
      <c r="HA24" s="82">
        <v>27</v>
      </c>
      <c r="HB24" s="84">
        <v>261</v>
      </c>
      <c r="HC24" s="85">
        <v>368</v>
      </c>
      <c r="HD24" s="70">
        <v>0</v>
      </c>
      <c r="HE24" s="71">
        <v>2</v>
      </c>
      <c r="HF24" s="72">
        <v>2</v>
      </c>
      <c r="HG24" s="244"/>
      <c r="HH24" s="71">
        <v>1</v>
      </c>
      <c r="HI24" s="71">
        <v>3</v>
      </c>
      <c r="HJ24" s="71">
        <v>0</v>
      </c>
      <c r="HK24" s="71">
        <v>0</v>
      </c>
      <c r="HL24" s="71">
        <v>1</v>
      </c>
      <c r="HM24" s="72">
        <v>5</v>
      </c>
      <c r="HN24" s="73">
        <v>7</v>
      </c>
      <c r="HO24" s="70">
        <v>2</v>
      </c>
      <c r="HP24" s="71">
        <v>2</v>
      </c>
      <c r="HQ24" s="72">
        <v>4</v>
      </c>
      <c r="HR24" s="244"/>
      <c r="HS24" s="71">
        <v>4</v>
      </c>
      <c r="HT24" s="71">
        <v>5</v>
      </c>
      <c r="HU24" s="71">
        <v>3</v>
      </c>
      <c r="HV24" s="71">
        <v>1</v>
      </c>
      <c r="HW24" s="71">
        <v>0</v>
      </c>
      <c r="HX24" s="72">
        <v>13</v>
      </c>
      <c r="HY24" s="73">
        <v>17</v>
      </c>
      <c r="HZ24" s="70">
        <v>5</v>
      </c>
      <c r="IA24" s="71">
        <v>5</v>
      </c>
      <c r="IB24" s="72">
        <v>10</v>
      </c>
      <c r="IC24" s="244"/>
      <c r="ID24" s="71">
        <v>7</v>
      </c>
      <c r="IE24" s="71">
        <v>5</v>
      </c>
      <c r="IF24" s="71">
        <v>5</v>
      </c>
      <c r="IG24" s="71">
        <v>7</v>
      </c>
      <c r="IH24" s="71">
        <v>0</v>
      </c>
      <c r="II24" s="72">
        <v>24</v>
      </c>
      <c r="IJ24" s="73">
        <v>34</v>
      </c>
      <c r="IK24" s="70">
        <v>12</v>
      </c>
      <c r="IL24" s="71">
        <v>6</v>
      </c>
      <c r="IM24" s="72">
        <v>18</v>
      </c>
      <c r="IN24" s="244"/>
      <c r="IO24" s="71">
        <v>22</v>
      </c>
      <c r="IP24" s="71">
        <v>19</v>
      </c>
      <c r="IQ24" s="71">
        <v>11</v>
      </c>
      <c r="IR24" s="71">
        <v>6</v>
      </c>
      <c r="IS24" s="71">
        <v>0</v>
      </c>
      <c r="IT24" s="72">
        <v>58</v>
      </c>
      <c r="IU24" s="73">
        <v>76</v>
      </c>
      <c r="IV24" s="70">
        <v>23</v>
      </c>
      <c r="IW24" s="71">
        <v>15</v>
      </c>
      <c r="IX24" s="72">
        <v>38</v>
      </c>
      <c r="IY24" s="244"/>
      <c r="IZ24" s="71">
        <v>21</v>
      </c>
      <c r="JA24" s="71">
        <v>20</v>
      </c>
      <c r="JB24" s="71">
        <v>13</v>
      </c>
      <c r="JC24" s="71">
        <v>12</v>
      </c>
      <c r="JD24" s="71">
        <v>19</v>
      </c>
      <c r="JE24" s="72">
        <v>85</v>
      </c>
      <c r="JF24" s="73">
        <v>123</v>
      </c>
      <c r="JG24" s="70">
        <v>15</v>
      </c>
      <c r="JH24" s="71">
        <v>20</v>
      </c>
      <c r="JI24" s="72">
        <v>35</v>
      </c>
      <c r="JJ24" s="244"/>
      <c r="JK24" s="71">
        <v>14</v>
      </c>
      <c r="JL24" s="71">
        <v>24</v>
      </c>
      <c r="JM24" s="71">
        <v>19</v>
      </c>
      <c r="JN24" s="71">
        <v>12</v>
      </c>
      <c r="JO24" s="71">
        <v>7</v>
      </c>
      <c r="JP24" s="72">
        <v>76</v>
      </c>
      <c r="JQ24" s="73">
        <v>111</v>
      </c>
      <c r="JR24" s="70">
        <v>0</v>
      </c>
      <c r="JS24" s="71">
        <v>0</v>
      </c>
      <c r="JT24" s="72">
        <v>0</v>
      </c>
      <c r="JU24" s="244"/>
      <c r="JV24" s="71">
        <v>0</v>
      </c>
      <c r="JW24" s="71">
        <v>0</v>
      </c>
      <c r="JX24" s="71">
        <v>0</v>
      </c>
      <c r="JY24" s="71">
        <v>0</v>
      </c>
      <c r="JZ24" s="71">
        <v>0</v>
      </c>
      <c r="KA24" s="72">
        <v>0</v>
      </c>
      <c r="KB24" s="73">
        <v>0</v>
      </c>
      <c r="KC24" s="70">
        <v>57</v>
      </c>
      <c r="KD24" s="71">
        <v>50</v>
      </c>
      <c r="KE24" s="72">
        <v>107</v>
      </c>
      <c r="KF24" s="244"/>
      <c r="KG24" s="71">
        <v>69</v>
      </c>
      <c r="KH24" s="71">
        <v>76</v>
      </c>
      <c r="KI24" s="71">
        <v>51</v>
      </c>
      <c r="KJ24" s="71">
        <v>38</v>
      </c>
      <c r="KK24" s="71">
        <v>27</v>
      </c>
      <c r="KL24" s="72">
        <v>261</v>
      </c>
      <c r="KM24" s="73">
        <v>368</v>
      </c>
    </row>
    <row r="25" spans="2:299" ht="21" customHeight="1" x14ac:dyDescent="0.2">
      <c r="B25" s="126" t="s">
        <v>22</v>
      </c>
      <c r="C25" s="313">
        <v>17</v>
      </c>
      <c r="D25" s="82">
        <v>15</v>
      </c>
      <c r="E25" s="83">
        <v>32</v>
      </c>
      <c r="F25" s="241"/>
      <c r="G25" s="82">
        <v>42</v>
      </c>
      <c r="H25" s="82">
        <v>30</v>
      </c>
      <c r="I25" s="82">
        <v>18</v>
      </c>
      <c r="J25" s="82">
        <v>20</v>
      </c>
      <c r="K25" s="82">
        <v>9</v>
      </c>
      <c r="L25" s="84">
        <v>119</v>
      </c>
      <c r="M25" s="85">
        <v>151</v>
      </c>
      <c r="N25" s="70">
        <v>0</v>
      </c>
      <c r="O25" s="71">
        <v>0</v>
      </c>
      <c r="P25" s="72">
        <v>0</v>
      </c>
      <c r="Q25" s="244"/>
      <c r="R25" s="71">
        <v>0</v>
      </c>
      <c r="S25" s="71">
        <v>0</v>
      </c>
      <c r="T25" s="71">
        <v>0</v>
      </c>
      <c r="U25" s="71">
        <v>0</v>
      </c>
      <c r="V25" s="71">
        <v>0</v>
      </c>
      <c r="W25" s="72">
        <v>0</v>
      </c>
      <c r="X25" s="73">
        <v>0</v>
      </c>
      <c r="Y25" s="70">
        <v>1</v>
      </c>
      <c r="Z25" s="71">
        <v>0</v>
      </c>
      <c r="AA25" s="72">
        <v>1</v>
      </c>
      <c r="AB25" s="244"/>
      <c r="AC25" s="71">
        <v>2</v>
      </c>
      <c r="AD25" s="71">
        <v>1</v>
      </c>
      <c r="AE25" s="71">
        <v>2</v>
      </c>
      <c r="AF25" s="71">
        <v>2</v>
      </c>
      <c r="AG25" s="71">
        <v>0</v>
      </c>
      <c r="AH25" s="72">
        <v>7</v>
      </c>
      <c r="AI25" s="73">
        <v>8</v>
      </c>
      <c r="AJ25" s="70">
        <v>0</v>
      </c>
      <c r="AK25" s="71">
        <v>3</v>
      </c>
      <c r="AL25" s="72">
        <v>3</v>
      </c>
      <c r="AM25" s="244"/>
      <c r="AN25" s="71">
        <v>3</v>
      </c>
      <c r="AO25" s="71">
        <v>2</v>
      </c>
      <c r="AP25" s="71">
        <v>4</v>
      </c>
      <c r="AQ25" s="71">
        <v>2</v>
      </c>
      <c r="AR25" s="71">
        <v>1</v>
      </c>
      <c r="AS25" s="72">
        <v>12</v>
      </c>
      <c r="AT25" s="73">
        <v>15</v>
      </c>
      <c r="AU25" s="70">
        <v>2</v>
      </c>
      <c r="AV25" s="71">
        <v>1</v>
      </c>
      <c r="AW25" s="72">
        <v>3</v>
      </c>
      <c r="AX25" s="244"/>
      <c r="AY25" s="71">
        <v>6</v>
      </c>
      <c r="AZ25" s="71">
        <v>4</v>
      </c>
      <c r="BA25" s="71">
        <v>3</v>
      </c>
      <c r="BB25" s="71">
        <v>5</v>
      </c>
      <c r="BC25" s="71">
        <v>4</v>
      </c>
      <c r="BD25" s="72">
        <v>22</v>
      </c>
      <c r="BE25" s="73">
        <v>25</v>
      </c>
      <c r="BF25" s="70">
        <v>7</v>
      </c>
      <c r="BG25" s="71">
        <v>6</v>
      </c>
      <c r="BH25" s="72">
        <v>13</v>
      </c>
      <c r="BI25" s="244"/>
      <c r="BJ25" s="71">
        <v>14</v>
      </c>
      <c r="BK25" s="71">
        <v>12</v>
      </c>
      <c r="BL25" s="71">
        <v>4</v>
      </c>
      <c r="BM25" s="71">
        <v>6</v>
      </c>
      <c r="BN25" s="71">
        <v>1</v>
      </c>
      <c r="BO25" s="72">
        <v>37</v>
      </c>
      <c r="BP25" s="73">
        <v>50</v>
      </c>
      <c r="BQ25" s="70">
        <v>7</v>
      </c>
      <c r="BR25" s="71">
        <v>5</v>
      </c>
      <c r="BS25" s="72">
        <v>12</v>
      </c>
      <c r="BT25" s="244"/>
      <c r="BU25" s="71">
        <v>17</v>
      </c>
      <c r="BV25" s="71">
        <v>11</v>
      </c>
      <c r="BW25" s="71">
        <v>5</v>
      </c>
      <c r="BX25" s="71">
        <v>5</v>
      </c>
      <c r="BY25" s="71">
        <v>3</v>
      </c>
      <c r="BZ25" s="72">
        <v>41</v>
      </c>
      <c r="CA25" s="73">
        <v>53</v>
      </c>
      <c r="CB25" s="70">
        <v>0</v>
      </c>
      <c r="CC25" s="71">
        <v>0</v>
      </c>
      <c r="CD25" s="72">
        <v>0</v>
      </c>
      <c r="CE25" s="244"/>
      <c r="CF25" s="71">
        <v>0</v>
      </c>
      <c r="CG25" s="71">
        <v>0</v>
      </c>
      <c r="CH25" s="71">
        <v>0</v>
      </c>
      <c r="CI25" s="71">
        <v>0</v>
      </c>
      <c r="CJ25" s="71">
        <v>0</v>
      </c>
      <c r="CK25" s="72">
        <v>0</v>
      </c>
      <c r="CL25" s="73">
        <v>0</v>
      </c>
      <c r="CM25" s="70">
        <v>17</v>
      </c>
      <c r="CN25" s="71">
        <v>15</v>
      </c>
      <c r="CO25" s="72">
        <v>32</v>
      </c>
      <c r="CP25" s="244"/>
      <c r="CQ25" s="71">
        <v>42</v>
      </c>
      <c r="CR25" s="71">
        <v>30</v>
      </c>
      <c r="CS25" s="71">
        <v>18</v>
      </c>
      <c r="CT25" s="71">
        <v>20</v>
      </c>
      <c r="CU25" s="71">
        <v>9</v>
      </c>
      <c r="CV25" s="72">
        <v>119</v>
      </c>
      <c r="CW25" s="73">
        <v>151</v>
      </c>
      <c r="CX25" s="123">
        <v>2</v>
      </c>
      <c r="CY25" s="82">
        <v>3</v>
      </c>
      <c r="CZ25" s="83">
        <v>5</v>
      </c>
      <c r="DA25" s="241"/>
      <c r="DB25" s="82">
        <v>6</v>
      </c>
      <c r="DC25" s="82">
        <v>4</v>
      </c>
      <c r="DD25" s="82">
        <v>3</v>
      </c>
      <c r="DE25" s="82">
        <v>2</v>
      </c>
      <c r="DF25" s="82">
        <v>0</v>
      </c>
      <c r="DG25" s="84">
        <v>15</v>
      </c>
      <c r="DH25" s="85">
        <v>20</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0</v>
      </c>
      <c r="EF25" s="71">
        <v>1</v>
      </c>
      <c r="EG25" s="72">
        <v>1</v>
      </c>
      <c r="EH25" s="244"/>
      <c r="EI25" s="71">
        <v>0</v>
      </c>
      <c r="EJ25" s="71">
        <v>1</v>
      </c>
      <c r="EK25" s="71">
        <v>2</v>
      </c>
      <c r="EL25" s="71">
        <v>0</v>
      </c>
      <c r="EM25" s="71">
        <v>0</v>
      </c>
      <c r="EN25" s="72">
        <v>3</v>
      </c>
      <c r="EO25" s="73">
        <v>4</v>
      </c>
      <c r="EP25" s="70">
        <v>2</v>
      </c>
      <c r="EQ25" s="71">
        <v>0</v>
      </c>
      <c r="ER25" s="72">
        <v>2</v>
      </c>
      <c r="ES25" s="244"/>
      <c r="ET25" s="71">
        <v>0</v>
      </c>
      <c r="EU25" s="71">
        <v>0</v>
      </c>
      <c r="EV25" s="71">
        <v>0</v>
      </c>
      <c r="EW25" s="71">
        <v>0</v>
      </c>
      <c r="EX25" s="71">
        <v>0</v>
      </c>
      <c r="EY25" s="72">
        <v>0</v>
      </c>
      <c r="EZ25" s="73">
        <v>2</v>
      </c>
      <c r="FA25" s="70">
        <v>0</v>
      </c>
      <c r="FB25" s="71">
        <v>0</v>
      </c>
      <c r="FC25" s="72">
        <v>0</v>
      </c>
      <c r="FD25" s="244"/>
      <c r="FE25" s="71">
        <v>2</v>
      </c>
      <c r="FF25" s="71">
        <v>1</v>
      </c>
      <c r="FG25" s="71">
        <v>0</v>
      </c>
      <c r="FH25" s="71">
        <v>0</v>
      </c>
      <c r="FI25" s="71">
        <v>0</v>
      </c>
      <c r="FJ25" s="72">
        <v>3</v>
      </c>
      <c r="FK25" s="73">
        <v>3</v>
      </c>
      <c r="FL25" s="70">
        <v>0</v>
      </c>
      <c r="FM25" s="71">
        <v>2</v>
      </c>
      <c r="FN25" s="72">
        <v>2</v>
      </c>
      <c r="FO25" s="244"/>
      <c r="FP25" s="71">
        <v>4</v>
      </c>
      <c r="FQ25" s="71">
        <v>2</v>
      </c>
      <c r="FR25" s="71">
        <v>1</v>
      </c>
      <c r="FS25" s="71">
        <v>2</v>
      </c>
      <c r="FT25" s="71">
        <v>0</v>
      </c>
      <c r="FU25" s="72">
        <v>9</v>
      </c>
      <c r="FV25" s="73">
        <v>11</v>
      </c>
      <c r="FW25" s="70">
        <v>0</v>
      </c>
      <c r="FX25" s="71">
        <v>0</v>
      </c>
      <c r="FY25" s="72">
        <v>0</v>
      </c>
      <c r="FZ25" s="244"/>
      <c r="GA25" s="71">
        <v>0</v>
      </c>
      <c r="GB25" s="71">
        <v>0</v>
      </c>
      <c r="GC25" s="71">
        <v>0</v>
      </c>
      <c r="GD25" s="71">
        <v>0</v>
      </c>
      <c r="GE25" s="71">
        <v>0</v>
      </c>
      <c r="GF25" s="72">
        <v>0</v>
      </c>
      <c r="GG25" s="73">
        <v>0</v>
      </c>
      <c r="GH25" s="70">
        <v>2</v>
      </c>
      <c r="GI25" s="71">
        <v>3</v>
      </c>
      <c r="GJ25" s="72">
        <v>5</v>
      </c>
      <c r="GK25" s="244"/>
      <c r="GL25" s="71">
        <v>6</v>
      </c>
      <c r="GM25" s="71">
        <v>4</v>
      </c>
      <c r="GN25" s="71">
        <v>3</v>
      </c>
      <c r="GO25" s="71">
        <v>2</v>
      </c>
      <c r="GP25" s="71">
        <v>0</v>
      </c>
      <c r="GQ25" s="72">
        <v>15</v>
      </c>
      <c r="GR25" s="73">
        <v>20</v>
      </c>
      <c r="GS25" s="123">
        <v>19</v>
      </c>
      <c r="GT25" s="82">
        <v>18</v>
      </c>
      <c r="GU25" s="83">
        <v>37</v>
      </c>
      <c r="GV25" s="241"/>
      <c r="GW25" s="82">
        <v>48</v>
      </c>
      <c r="GX25" s="82">
        <v>34</v>
      </c>
      <c r="GY25" s="82">
        <v>21</v>
      </c>
      <c r="GZ25" s="82">
        <v>22</v>
      </c>
      <c r="HA25" s="82">
        <v>9</v>
      </c>
      <c r="HB25" s="84">
        <v>134</v>
      </c>
      <c r="HC25" s="85">
        <v>171</v>
      </c>
      <c r="HD25" s="70">
        <v>0</v>
      </c>
      <c r="HE25" s="71">
        <v>0</v>
      </c>
      <c r="HF25" s="72">
        <v>0</v>
      </c>
      <c r="HG25" s="244"/>
      <c r="HH25" s="71">
        <v>0</v>
      </c>
      <c r="HI25" s="71">
        <v>0</v>
      </c>
      <c r="HJ25" s="71">
        <v>0</v>
      </c>
      <c r="HK25" s="71">
        <v>0</v>
      </c>
      <c r="HL25" s="71">
        <v>0</v>
      </c>
      <c r="HM25" s="72">
        <v>0</v>
      </c>
      <c r="HN25" s="73">
        <v>0</v>
      </c>
      <c r="HO25" s="70">
        <v>1</v>
      </c>
      <c r="HP25" s="71">
        <v>0</v>
      </c>
      <c r="HQ25" s="72">
        <v>1</v>
      </c>
      <c r="HR25" s="244"/>
      <c r="HS25" s="71">
        <v>2</v>
      </c>
      <c r="HT25" s="71">
        <v>1</v>
      </c>
      <c r="HU25" s="71">
        <v>2</v>
      </c>
      <c r="HV25" s="71">
        <v>2</v>
      </c>
      <c r="HW25" s="71">
        <v>0</v>
      </c>
      <c r="HX25" s="72">
        <v>7</v>
      </c>
      <c r="HY25" s="73">
        <v>8</v>
      </c>
      <c r="HZ25" s="70">
        <v>0</v>
      </c>
      <c r="IA25" s="71">
        <v>4</v>
      </c>
      <c r="IB25" s="72">
        <v>4</v>
      </c>
      <c r="IC25" s="244"/>
      <c r="ID25" s="71">
        <v>3</v>
      </c>
      <c r="IE25" s="71">
        <v>3</v>
      </c>
      <c r="IF25" s="71">
        <v>6</v>
      </c>
      <c r="IG25" s="71">
        <v>2</v>
      </c>
      <c r="IH25" s="71">
        <v>1</v>
      </c>
      <c r="II25" s="72">
        <v>15</v>
      </c>
      <c r="IJ25" s="73">
        <v>19</v>
      </c>
      <c r="IK25" s="70">
        <v>4</v>
      </c>
      <c r="IL25" s="71">
        <v>1</v>
      </c>
      <c r="IM25" s="72">
        <v>5</v>
      </c>
      <c r="IN25" s="244"/>
      <c r="IO25" s="71">
        <v>6</v>
      </c>
      <c r="IP25" s="71">
        <v>4</v>
      </c>
      <c r="IQ25" s="71">
        <v>3</v>
      </c>
      <c r="IR25" s="71">
        <v>5</v>
      </c>
      <c r="IS25" s="71">
        <v>4</v>
      </c>
      <c r="IT25" s="72">
        <v>22</v>
      </c>
      <c r="IU25" s="73">
        <v>27</v>
      </c>
      <c r="IV25" s="70">
        <v>7</v>
      </c>
      <c r="IW25" s="71">
        <v>6</v>
      </c>
      <c r="IX25" s="72">
        <v>13</v>
      </c>
      <c r="IY25" s="244"/>
      <c r="IZ25" s="71">
        <v>16</v>
      </c>
      <c r="JA25" s="71">
        <v>13</v>
      </c>
      <c r="JB25" s="71">
        <v>4</v>
      </c>
      <c r="JC25" s="71">
        <v>6</v>
      </c>
      <c r="JD25" s="71">
        <v>1</v>
      </c>
      <c r="JE25" s="72">
        <v>40</v>
      </c>
      <c r="JF25" s="73">
        <v>53</v>
      </c>
      <c r="JG25" s="70">
        <v>7</v>
      </c>
      <c r="JH25" s="71">
        <v>7</v>
      </c>
      <c r="JI25" s="72">
        <v>14</v>
      </c>
      <c r="JJ25" s="244"/>
      <c r="JK25" s="71">
        <v>21</v>
      </c>
      <c r="JL25" s="71">
        <v>13</v>
      </c>
      <c r="JM25" s="71">
        <v>6</v>
      </c>
      <c r="JN25" s="71">
        <v>7</v>
      </c>
      <c r="JO25" s="71">
        <v>3</v>
      </c>
      <c r="JP25" s="72">
        <v>50</v>
      </c>
      <c r="JQ25" s="73">
        <v>64</v>
      </c>
      <c r="JR25" s="70">
        <v>0</v>
      </c>
      <c r="JS25" s="71">
        <v>0</v>
      </c>
      <c r="JT25" s="72">
        <v>0</v>
      </c>
      <c r="JU25" s="244"/>
      <c r="JV25" s="71">
        <v>0</v>
      </c>
      <c r="JW25" s="71">
        <v>0</v>
      </c>
      <c r="JX25" s="71">
        <v>0</v>
      </c>
      <c r="JY25" s="71">
        <v>0</v>
      </c>
      <c r="JZ25" s="71">
        <v>0</v>
      </c>
      <c r="KA25" s="72">
        <v>0</v>
      </c>
      <c r="KB25" s="73">
        <v>0</v>
      </c>
      <c r="KC25" s="70">
        <v>19</v>
      </c>
      <c r="KD25" s="71">
        <v>18</v>
      </c>
      <c r="KE25" s="72">
        <v>37</v>
      </c>
      <c r="KF25" s="244"/>
      <c r="KG25" s="71">
        <v>48</v>
      </c>
      <c r="KH25" s="71">
        <v>34</v>
      </c>
      <c r="KI25" s="71">
        <v>21</v>
      </c>
      <c r="KJ25" s="71">
        <v>22</v>
      </c>
      <c r="KK25" s="71">
        <v>9</v>
      </c>
      <c r="KL25" s="72">
        <v>134</v>
      </c>
      <c r="KM25" s="73">
        <v>171</v>
      </c>
    </row>
    <row r="26" spans="2:299" ht="21" customHeight="1" x14ac:dyDescent="0.2">
      <c r="B26" s="126" t="s">
        <v>23</v>
      </c>
      <c r="C26" s="313">
        <v>34</v>
      </c>
      <c r="D26" s="82">
        <v>29</v>
      </c>
      <c r="E26" s="83">
        <v>63</v>
      </c>
      <c r="F26" s="241"/>
      <c r="G26" s="82">
        <v>55</v>
      </c>
      <c r="H26" s="82">
        <v>37</v>
      </c>
      <c r="I26" s="82">
        <v>19</v>
      </c>
      <c r="J26" s="82">
        <v>20</v>
      </c>
      <c r="K26" s="82">
        <v>8</v>
      </c>
      <c r="L26" s="84">
        <v>139</v>
      </c>
      <c r="M26" s="85">
        <v>202</v>
      </c>
      <c r="N26" s="70">
        <v>0</v>
      </c>
      <c r="O26" s="71">
        <v>0</v>
      </c>
      <c r="P26" s="72">
        <v>0</v>
      </c>
      <c r="Q26" s="244"/>
      <c r="R26" s="71">
        <v>2</v>
      </c>
      <c r="S26" s="71">
        <v>1</v>
      </c>
      <c r="T26" s="71">
        <v>1</v>
      </c>
      <c r="U26" s="71">
        <v>0</v>
      </c>
      <c r="V26" s="71">
        <v>0</v>
      </c>
      <c r="W26" s="72">
        <v>4</v>
      </c>
      <c r="X26" s="73">
        <v>4</v>
      </c>
      <c r="Y26" s="70">
        <v>2</v>
      </c>
      <c r="Z26" s="71">
        <v>1</v>
      </c>
      <c r="AA26" s="72">
        <v>3</v>
      </c>
      <c r="AB26" s="244"/>
      <c r="AC26" s="71">
        <v>2</v>
      </c>
      <c r="AD26" s="71">
        <v>2</v>
      </c>
      <c r="AE26" s="71">
        <v>0</v>
      </c>
      <c r="AF26" s="71">
        <v>2</v>
      </c>
      <c r="AG26" s="71">
        <v>1</v>
      </c>
      <c r="AH26" s="72">
        <v>7</v>
      </c>
      <c r="AI26" s="73">
        <v>10</v>
      </c>
      <c r="AJ26" s="70">
        <v>8</v>
      </c>
      <c r="AK26" s="71">
        <v>1</v>
      </c>
      <c r="AL26" s="72">
        <v>9</v>
      </c>
      <c r="AM26" s="244"/>
      <c r="AN26" s="71">
        <v>7</v>
      </c>
      <c r="AO26" s="71">
        <v>4</v>
      </c>
      <c r="AP26" s="71">
        <v>1</v>
      </c>
      <c r="AQ26" s="71">
        <v>2</v>
      </c>
      <c r="AR26" s="71">
        <v>0</v>
      </c>
      <c r="AS26" s="72">
        <v>14</v>
      </c>
      <c r="AT26" s="73">
        <v>23</v>
      </c>
      <c r="AU26" s="70">
        <v>8</v>
      </c>
      <c r="AV26" s="71">
        <v>13</v>
      </c>
      <c r="AW26" s="72">
        <v>21</v>
      </c>
      <c r="AX26" s="244"/>
      <c r="AY26" s="71">
        <v>15</v>
      </c>
      <c r="AZ26" s="71">
        <v>10</v>
      </c>
      <c r="BA26" s="71">
        <v>5</v>
      </c>
      <c r="BB26" s="71">
        <v>7</v>
      </c>
      <c r="BC26" s="71">
        <v>1</v>
      </c>
      <c r="BD26" s="72">
        <v>38</v>
      </c>
      <c r="BE26" s="73">
        <v>59</v>
      </c>
      <c r="BF26" s="70">
        <v>10</v>
      </c>
      <c r="BG26" s="71">
        <v>11</v>
      </c>
      <c r="BH26" s="72">
        <v>21</v>
      </c>
      <c r="BI26" s="244"/>
      <c r="BJ26" s="71">
        <v>16</v>
      </c>
      <c r="BK26" s="71">
        <v>7</v>
      </c>
      <c r="BL26" s="71">
        <v>6</v>
      </c>
      <c r="BM26" s="71">
        <v>3</v>
      </c>
      <c r="BN26" s="71">
        <v>4</v>
      </c>
      <c r="BO26" s="72">
        <v>36</v>
      </c>
      <c r="BP26" s="73">
        <v>57</v>
      </c>
      <c r="BQ26" s="70">
        <v>6</v>
      </c>
      <c r="BR26" s="71">
        <v>3</v>
      </c>
      <c r="BS26" s="72">
        <v>9</v>
      </c>
      <c r="BT26" s="244"/>
      <c r="BU26" s="71">
        <v>13</v>
      </c>
      <c r="BV26" s="71">
        <v>13</v>
      </c>
      <c r="BW26" s="71">
        <v>6</v>
      </c>
      <c r="BX26" s="71">
        <v>6</v>
      </c>
      <c r="BY26" s="71">
        <v>2</v>
      </c>
      <c r="BZ26" s="72">
        <v>40</v>
      </c>
      <c r="CA26" s="73">
        <v>49</v>
      </c>
      <c r="CB26" s="70">
        <v>0</v>
      </c>
      <c r="CC26" s="71">
        <v>0</v>
      </c>
      <c r="CD26" s="72">
        <v>0</v>
      </c>
      <c r="CE26" s="244"/>
      <c r="CF26" s="71">
        <v>0</v>
      </c>
      <c r="CG26" s="71">
        <v>0</v>
      </c>
      <c r="CH26" s="71">
        <v>0</v>
      </c>
      <c r="CI26" s="71">
        <v>0</v>
      </c>
      <c r="CJ26" s="71">
        <v>0</v>
      </c>
      <c r="CK26" s="72">
        <v>0</v>
      </c>
      <c r="CL26" s="73">
        <v>0</v>
      </c>
      <c r="CM26" s="70">
        <v>34</v>
      </c>
      <c r="CN26" s="71">
        <v>29</v>
      </c>
      <c r="CO26" s="72">
        <v>63</v>
      </c>
      <c r="CP26" s="244"/>
      <c r="CQ26" s="71">
        <v>55</v>
      </c>
      <c r="CR26" s="71">
        <v>37</v>
      </c>
      <c r="CS26" s="71">
        <v>19</v>
      </c>
      <c r="CT26" s="71">
        <v>20</v>
      </c>
      <c r="CU26" s="71">
        <v>8</v>
      </c>
      <c r="CV26" s="72">
        <v>139</v>
      </c>
      <c r="CW26" s="73">
        <v>202</v>
      </c>
      <c r="CX26" s="123">
        <v>3</v>
      </c>
      <c r="CY26" s="82">
        <v>4</v>
      </c>
      <c r="CZ26" s="83">
        <v>7</v>
      </c>
      <c r="DA26" s="241"/>
      <c r="DB26" s="82">
        <v>8</v>
      </c>
      <c r="DC26" s="82">
        <v>5</v>
      </c>
      <c r="DD26" s="82">
        <v>2</v>
      </c>
      <c r="DE26" s="82">
        <v>6</v>
      </c>
      <c r="DF26" s="82">
        <v>5</v>
      </c>
      <c r="DG26" s="84">
        <v>26</v>
      </c>
      <c r="DH26" s="85">
        <v>33</v>
      </c>
      <c r="DI26" s="70">
        <v>0</v>
      </c>
      <c r="DJ26" s="71">
        <v>0</v>
      </c>
      <c r="DK26" s="72">
        <v>0</v>
      </c>
      <c r="DL26" s="244"/>
      <c r="DM26" s="71">
        <v>0</v>
      </c>
      <c r="DN26" s="71">
        <v>0</v>
      </c>
      <c r="DO26" s="71">
        <v>0</v>
      </c>
      <c r="DP26" s="71">
        <v>0</v>
      </c>
      <c r="DQ26" s="71">
        <v>0</v>
      </c>
      <c r="DR26" s="72">
        <v>0</v>
      </c>
      <c r="DS26" s="73">
        <v>0</v>
      </c>
      <c r="DT26" s="70">
        <v>1</v>
      </c>
      <c r="DU26" s="71">
        <v>1</v>
      </c>
      <c r="DV26" s="72">
        <v>2</v>
      </c>
      <c r="DW26" s="244"/>
      <c r="DX26" s="71">
        <v>1</v>
      </c>
      <c r="DY26" s="71">
        <v>1</v>
      </c>
      <c r="DZ26" s="71">
        <v>1</v>
      </c>
      <c r="EA26" s="71">
        <v>1</v>
      </c>
      <c r="EB26" s="71">
        <v>0</v>
      </c>
      <c r="EC26" s="72">
        <v>4</v>
      </c>
      <c r="ED26" s="73">
        <v>6</v>
      </c>
      <c r="EE26" s="70">
        <v>1</v>
      </c>
      <c r="EF26" s="71">
        <v>1</v>
      </c>
      <c r="EG26" s="72">
        <v>2</v>
      </c>
      <c r="EH26" s="244"/>
      <c r="EI26" s="71">
        <v>1</v>
      </c>
      <c r="EJ26" s="71">
        <v>2</v>
      </c>
      <c r="EK26" s="71">
        <v>0</v>
      </c>
      <c r="EL26" s="71">
        <v>1</v>
      </c>
      <c r="EM26" s="71">
        <v>2</v>
      </c>
      <c r="EN26" s="72">
        <v>6</v>
      </c>
      <c r="EO26" s="73">
        <v>8</v>
      </c>
      <c r="EP26" s="70">
        <v>1</v>
      </c>
      <c r="EQ26" s="71">
        <v>1</v>
      </c>
      <c r="ER26" s="72">
        <v>2</v>
      </c>
      <c r="ES26" s="244"/>
      <c r="ET26" s="71">
        <v>3</v>
      </c>
      <c r="EU26" s="71">
        <v>0</v>
      </c>
      <c r="EV26" s="71">
        <v>0</v>
      </c>
      <c r="EW26" s="71">
        <v>0</v>
      </c>
      <c r="EX26" s="71">
        <v>1</v>
      </c>
      <c r="EY26" s="72">
        <v>4</v>
      </c>
      <c r="EZ26" s="73">
        <v>6</v>
      </c>
      <c r="FA26" s="70">
        <v>0</v>
      </c>
      <c r="FB26" s="71">
        <v>1</v>
      </c>
      <c r="FC26" s="72">
        <v>1</v>
      </c>
      <c r="FD26" s="244"/>
      <c r="FE26" s="71">
        <v>3</v>
      </c>
      <c r="FF26" s="71">
        <v>2</v>
      </c>
      <c r="FG26" s="71">
        <v>0</v>
      </c>
      <c r="FH26" s="71">
        <v>3</v>
      </c>
      <c r="FI26" s="71">
        <v>1</v>
      </c>
      <c r="FJ26" s="72">
        <v>9</v>
      </c>
      <c r="FK26" s="73">
        <v>10</v>
      </c>
      <c r="FL26" s="70">
        <v>0</v>
      </c>
      <c r="FM26" s="71">
        <v>0</v>
      </c>
      <c r="FN26" s="72">
        <v>0</v>
      </c>
      <c r="FO26" s="244"/>
      <c r="FP26" s="71">
        <v>0</v>
      </c>
      <c r="FQ26" s="71">
        <v>0</v>
      </c>
      <c r="FR26" s="71">
        <v>1</v>
      </c>
      <c r="FS26" s="71">
        <v>1</v>
      </c>
      <c r="FT26" s="71">
        <v>1</v>
      </c>
      <c r="FU26" s="72">
        <v>3</v>
      </c>
      <c r="FV26" s="73">
        <v>3</v>
      </c>
      <c r="FW26" s="70">
        <v>0</v>
      </c>
      <c r="FX26" s="71">
        <v>0</v>
      </c>
      <c r="FY26" s="72">
        <v>0</v>
      </c>
      <c r="FZ26" s="244"/>
      <c r="GA26" s="71">
        <v>0</v>
      </c>
      <c r="GB26" s="71">
        <v>0</v>
      </c>
      <c r="GC26" s="71">
        <v>0</v>
      </c>
      <c r="GD26" s="71">
        <v>0</v>
      </c>
      <c r="GE26" s="71">
        <v>0</v>
      </c>
      <c r="GF26" s="72">
        <v>0</v>
      </c>
      <c r="GG26" s="73">
        <v>0</v>
      </c>
      <c r="GH26" s="70">
        <v>3</v>
      </c>
      <c r="GI26" s="71">
        <v>4</v>
      </c>
      <c r="GJ26" s="72">
        <v>7</v>
      </c>
      <c r="GK26" s="244"/>
      <c r="GL26" s="71">
        <v>8</v>
      </c>
      <c r="GM26" s="71">
        <v>5</v>
      </c>
      <c r="GN26" s="71">
        <v>2</v>
      </c>
      <c r="GO26" s="71">
        <v>6</v>
      </c>
      <c r="GP26" s="71">
        <v>5</v>
      </c>
      <c r="GQ26" s="72">
        <v>26</v>
      </c>
      <c r="GR26" s="73">
        <v>33</v>
      </c>
      <c r="GS26" s="123">
        <v>37</v>
      </c>
      <c r="GT26" s="82">
        <v>33</v>
      </c>
      <c r="GU26" s="83">
        <v>70</v>
      </c>
      <c r="GV26" s="241"/>
      <c r="GW26" s="82">
        <v>63</v>
      </c>
      <c r="GX26" s="82">
        <v>42</v>
      </c>
      <c r="GY26" s="82">
        <v>21</v>
      </c>
      <c r="GZ26" s="82">
        <v>26</v>
      </c>
      <c r="HA26" s="82">
        <v>13</v>
      </c>
      <c r="HB26" s="84">
        <v>165</v>
      </c>
      <c r="HC26" s="85">
        <v>235</v>
      </c>
      <c r="HD26" s="70">
        <v>0</v>
      </c>
      <c r="HE26" s="71">
        <v>0</v>
      </c>
      <c r="HF26" s="72">
        <v>0</v>
      </c>
      <c r="HG26" s="244"/>
      <c r="HH26" s="71">
        <v>2</v>
      </c>
      <c r="HI26" s="71">
        <v>1</v>
      </c>
      <c r="HJ26" s="71">
        <v>1</v>
      </c>
      <c r="HK26" s="71">
        <v>0</v>
      </c>
      <c r="HL26" s="71">
        <v>0</v>
      </c>
      <c r="HM26" s="72">
        <v>4</v>
      </c>
      <c r="HN26" s="73">
        <v>4</v>
      </c>
      <c r="HO26" s="70">
        <v>3</v>
      </c>
      <c r="HP26" s="71">
        <v>2</v>
      </c>
      <c r="HQ26" s="72">
        <v>5</v>
      </c>
      <c r="HR26" s="244"/>
      <c r="HS26" s="71">
        <v>3</v>
      </c>
      <c r="HT26" s="71">
        <v>3</v>
      </c>
      <c r="HU26" s="71">
        <v>1</v>
      </c>
      <c r="HV26" s="71">
        <v>3</v>
      </c>
      <c r="HW26" s="71">
        <v>1</v>
      </c>
      <c r="HX26" s="72">
        <v>11</v>
      </c>
      <c r="HY26" s="73">
        <v>16</v>
      </c>
      <c r="HZ26" s="70">
        <v>9</v>
      </c>
      <c r="IA26" s="71">
        <v>2</v>
      </c>
      <c r="IB26" s="72">
        <v>11</v>
      </c>
      <c r="IC26" s="244"/>
      <c r="ID26" s="71">
        <v>8</v>
      </c>
      <c r="IE26" s="71">
        <v>6</v>
      </c>
      <c r="IF26" s="71">
        <v>1</v>
      </c>
      <c r="IG26" s="71">
        <v>3</v>
      </c>
      <c r="IH26" s="71">
        <v>2</v>
      </c>
      <c r="II26" s="72">
        <v>20</v>
      </c>
      <c r="IJ26" s="73">
        <v>31</v>
      </c>
      <c r="IK26" s="70">
        <v>9</v>
      </c>
      <c r="IL26" s="71">
        <v>14</v>
      </c>
      <c r="IM26" s="72">
        <v>23</v>
      </c>
      <c r="IN26" s="244"/>
      <c r="IO26" s="71">
        <v>18</v>
      </c>
      <c r="IP26" s="71">
        <v>10</v>
      </c>
      <c r="IQ26" s="71">
        <v>5</v>
      </c>
      <c r="IR26" s="71">
        <v>7</v>
      </c>
      <c r="IS26" s="71">
        <v>2</v>
      </c>
      <c r="IT26" s="72">
        <v>42</v>
      </c>
      <c r="IU26" s="73">
        <v>65</v>
      </c>
      <c r="IV26" s="70">
        <v>10</v>
      </c>
      <c r="IW26" s="71">
        <v>12</v>
      </c>
      <c r="IX26" s="72">
        <v>22</v>
      </c>
      <c r="IY26" s="244"/>
      <c r="IZ26" s="71">
        <v>19</v>
      </c>
      <c r="JA26" s="71">
        <v>9</v>
      </c>
      <c r="JB26" s="71">
        <v>6</v>
      </c>
      <c r="JC26" s="71">
        <v>6</v>
      </c>
      <c r="JD26" s="71">
        <v>5</v>
      </c>
      <c r="JE26" s="72">
        <v>45</v>
      </c>
      <c r="JF26" s="73">
        <v>67</v>
      </c>
      <c r="JG26" s="70">
        <v>6</v>
      </c>
      <c r="JH26" s="71">
        <v>3</v>
      </c>
      <c r="JI26" s="72">
        <v>9</v>
      </c>
      <c r="JJ26" s="244"/>
      <c r="JK26" s="71">
        <v>13</v>
      </c>
      <c r="JL26" s="71">
        <v>13</v>
      </c>
      <c r="JM26" s="71">
        <v>7</v>
      </c>
      <c r="JN26" s="71">
        <v>7</v>
      </c>
      <c r="JO26" s="71">
        <v>3</v>
      </c>
      <c r="JP26" s="72">
        <v>43</v>
      </c>
      <c r="JQ26" s="73">
        <v>52</v>
      </c>
      <c r="JR26" s="70">
        <v>0</v>
      </c>
      <c r="JS26" s="71">
        <v>0</v>
      </c>
      <c r="JT26" s="72">
        <v>0</v>
      </c>
      <c r="JU26" s="244"/>
      <c r="JV26" s="71">
        <v>0</v>
      </c>
      <c r="JW26" s="71">
        <v>0</v>
      </c>
      <c r="JX26" s="71">
        <v>0</v>
      </c>
      <c r="JY26" s="71">
        <v>0</v>
      </c>
      <c r="JZ26" s="71">
        <v>0</v>
      </c>
      <c r="KA26" s="72">
        <v>0</v>
      </c>
      <c r="KB26" s="73">
        <v>0</v>
      </c>
      <c r="KC26" s="70">
        <v>37</v>
      </c>
      <c r="KD26" s="71">
        <v>33</v>
      </c>
      <c r="KE26" s="72">
        <v>70</v>
      </c>
      <c r="KF26" s="244"/>
      <c r="KG26" s="71">
        <v>63</v>
      </c>
      <c r="KH26" s="71">
        <v>42</v>
      </c>
      <c r="KI26" s="71">
        <v>21</v>
      </c>
      <c r="KJ26" s="71">
        <v>26</v>
      </c>
      <c r="KK26" s="71">
        <v>13</v>
      </c>
      <c r="KL26" s="72">
        <v>165</v>
      </c>
      <c r="KM26" s="73">
        <v>235</v>
      </c>
    </row>
    <row r="27" spans="2:299" ht="21" customHeight="1" x14ac:dyDescent="0.2">
      <c r="B27" s="126" t="s">
        <v>24</v>
      </c>
      <c r="C27" s="313">
        <v>39</v>
      </c>
      <c r="D27" s="82">
        <v>22</v>
      </c>
      <c r="E27" s="83">
        <v>61</v>
      </c>
      <c r="F27" s="241"/>
      <c r="G27" s="82">
        <v>40</v>
      </c>
      <c r="H27" s="82">
        <v>32</v>
      </c>
      <c r="I27" s="82">
        <v>17</v>
      </c>
      <c r="J27" s="82">
        <v>11</v>
      </c>
      <c r="K27" s="82">
        <v>8</v>
      </c>
      <c r="L27" s="84">
        <v>108</v>
      </c>
      <c r="M27" s="85">
        <v>169</v>
      </c>
      <c r="N27" s="70">
        <v>1</v>
      </c>
      <c r="O27" s="71">
        <v>0</v>
      </c>
      <c r="P27" s="72">
        <v>1</v>
      </c>
      <c r="Q27" s="244"/>
      <c r="R27" s="71">
        <v>0</v>
      </c>
      <c r="S27" s="71">
        <v>0</v>
      </c>
      <c r="T27" s="71">
        <v>0</v>
      </c>
      <c r="U27" s="71">
        <v>0</v>
      </c>
      <c r="V27" s="71">
        <v>0</v>
      </c>
      <c r="W27" s="72">
        <v>0</v>
      </c>
      <c r="X27" s="73">
        <v>1</v>
      </c>
      <c r="Y27" s="70">
        <v>0</v>
      </c>
      <c r="Z27" s="71">
        <v>1</v>
      </c>
      <c r="AA27" s="72">
        <v>1</v>
      </c>
      <c r="AB27" s="244"/>
      <c r="AC27" s="71">
        <v>2</v>
      </c>
      <c r="AD27" s="71">
        <v>3</v>
      </c>
      <c r="AE27" s="71">
        <v>2</v>
      </c>
      <c r="AF27" s="71">
        <v>0</v>
      </c>
      <c r="AG27" s="71">
        <v>1</v>
      </c>
      <c r="AH27" s="72">
        <v>8</v>
      </c>
      <c r="AI27" s="73">
        <v>9</v>
      </c>
      <c r="AJ27" s="70">
        <v>2</v>
      </c>
      <c r="AK27" s="71">
        <v>1</v>
      </c>
      <c r="AL27" s="72">
        <v>3</v>
      </c>
      <c r="AM27" s="244"/>
      <c r="AN27" s="71">
        <v>2</v>
      </c>
      <c r="AO27" s="71">
        <v>2</v>
      </c>
      <c r="AP27" s="71">
        <v>2</v>
      </c>
      <c r="AQ27" s="71">
        <v>1</v>
      </c>
      <c r="AR27" s="71">
        <v>0</v>
      </c>
      <c r="AS27" s="72">
        <v>7</v>
      </c>
      <c r="AT27" s="73">
        <v>10</v>
      </c>
      <c r="AU27" s="70">
        <v>4</v>
      </c>
      <c r="AV27" s="71">
        <v>4</v>
      </c>
      <c r="AW27" s="72">
        <v>8</v>
      </c>
      <c r="AX27" s="244"/>
      <c r="AY27" s="71">
        <v>7</v>
      </c>
      <c r="AZ27" s="71">
        <v>5</v>
      </c>
      <c r="BA27" s="71">
        <v>2</v>
      </c>
      <c r="BB27" s="71">
        <v>1</v>
      </c>
      <c r="BC27" s="71">
        <v>2</v>
      </c>
      <c r="BD27" s="72">
        <v>17</v>
      </c>
      <c r="BE27" s="73">
        <v>25</v>
      </c>
      <c r="BF27" s="70">
        <v>13</v>
      </c>
      <c r="BG27" s="71">
        <v>7</v>
      </c>
      <c r="BH27" s="72">
        <v>20</v>
      </c>
      <c r="BI27" s="244"/>
      <c r="BJ27" s="71">
        <v>15</v>
      </c>
      <c r="BK27" s="71">
        <v>11</v>
      </c>
      <c r="BL27" s="71">
        <v>4</v>
      </c>
      <c r="BM27" s="71">
        <v>6</v>
      </c>
      <c r="BN27" s="71">
        <v>2</v>
      </c>
      <c r="BO27" s="72">
        <v>38</v>
      </c>
      <c r="BP27" s="73">
        <v>58</v>
      </c>
      <c r="BQ27" s="70">
        <v>19</v>
      </c>
      <c r="BR27" s="71">
        <v>9</v>
      </c>
      <c r="BS27" s="72">
        <v>28</v>
      </c>
      <c r="BT27" s="244"/>
      <c r="BU27" s="71">
        <v>14</v>
      </c>
      <c r="BV27" s="71">
        <v>11</v>
      </c>
      <c r="BW27" s="71">
        <v>7</v>
      </c>
      <c r="BX27" s="71">
        <v>3</v>
      </c>
      <c r="BY27" s="71">
        <v>3</v>
      </c>
      <c r="BZ27" s="72">
        <v>38</v>
      </c>
      <c r="CA27" s="73">
        <v>66</v>
      </c>
      <c r="CB27" s="70">
        <v>0</v>
      </c>
      <c r="CC27" s="71">
        <v>0</v>
      </c>
      <c r="CD27" s="72">
        <v>0</v>
      </c>
      <c r="CE27" s="244"/>
      <c r="CF27" s="71">
        <v>0</v>
      </c>
      <c r="CG27" s="71">
        <v>0</v>
      </c>
      <c r="CH27" s="71">
        <v>0</v>
      </c>
      <c r="CI27" s="71">
        <v>0</v>
      </c>
      <c r="CJ27" s="71">
        <v>0</v>
      </c>
      <c r="CK27" s="72">
        <v>0</v>
      </c>
      <c r="CL27" s="73">
        <v>0</v>
      </c>
      <c r="CM27" s="70">
        <v>39</v>
      </c>
      <c r="CN27" s="71">
        <v>22</v>
      </c>
      <c r="CO27" s="72">
        <v>61</v>
      </c>
      <c r="CP27" s="244"/>
      <c r="CQ27" s="71">
        <v>40</v>
      </c>
      <c r="CR27" s="71">
        <v>32</v>
      </c>
      <c r="CS27" s="71">
        <v>17</v>
      </c>
      <c r="CT27" s="71">
        <v>11</v>
      </c>
      <c r="CU27" s="71">
        <v>8</v>
      </c>
      <c r="CV27" s="72">
        <v>108</v>
      </c>
      <c r="CW27" s="73">
        <v>169</v>
      </c>
      <c r="CX27" s="123">
        <v>4</v>
      </c>
      <c r="CY27" s="82">
        <v>3</v>
      </c>
      <c r="CZ27" s="83">
        <v>7</v>
      </c>
      <c r="DA27" s="241"/>
      <c r="DB27" s="82">
        <v>4</v>
      </c>
      <c r="DC27" s="82">
        <v>2</v>
      </c>
      <c r="DD27" s="82">
        <v>6</v>
      </c>
      <c r="DE27" s="82">
        <v>4</v>
      </c>
      <c r="DF27" s="82">
        <v>2</v>
      </c>
      <c r="DG27" s="84">
        <v>18</v>
      </c>
      <c r="DH27" s="85">
        <v>25</v>
      </c>
      <c r="DI27" s="70">
        <v>0</v>
      </c>
      <c r="DJ27" s="71">
        <v>0</v>
      </c>
      <c r="DK27" s="72">
        <v>0</v>
      </c>
      <c r="DL27" s="244"/>
      <c r="DM27" s="71">
        <v>0</v>
      </c>
      <c r="DN27" s="71">
        <v>0</v>
      </c>
      <c r="DO27" s="71">
        <v>0</v>
      </c>
      <c r="DP27" s="71">
        <v>0</v>
      </c>
      <c r="DQ27" s="71">
        <v>0</v>
      </c>
      <c r="DR27" s="72">
        <v>0</v>
      </c>
      <c r="DS27" s="73">
        <v>0</v>
      </c>
      <c r="DT27" s="70">
        <v>0</v>
      </c>
      <c r="DU27" s="71">
        <v>0</v>
      </c>
      <c r="DV27" s="72">
        <v>0</v>
      </c>
      <c r="DW27" s="244"/>
      <c r="DX27" s="71">
        <v>0</v>
      </c>
      <c r="DY27" s="71">
        <v>0</v>
      </c>
      <c r="DZ27" s="71">
        <v>0</v>
      </c>
      <c r="EA27" s="71">
        <v>0</v>
      </c>
      <c r="EB27" s="71">
        <v>0</v>
      </c>
      <c r="EC27" s="72">
        <v>0</v>
      </c>
      <c r="ED27" s="73">
        <v>0</v>
      </c>
      <c r="EE27" s="70">
        <v>0</v>
      </c>
      <c r="EF27" s="71">
        <v>1</v>
      </c>
      <c r="EG27" s="72">
        <v>1</v>
      </c>
      <c r="EH27" s="244"/>
      <c r="EI27" s="71">
        <v>0</v>
      </c>
      <c r="EJ27" s="71">
        <v>0</v>
      </c>
      <c r="EK27" s="71">
        <v>1</v>
      </c>
      <c r="EL27" s="71">
        <v>0</v>
      </c>
      <c r="EM27" s="71">
        <v>0</v>
      </c>
      <c r="EN27" s="72">
        <v>1</v>
      </c>
      <c r="EO27" s="73">
        <v>2</v>
      </c>
      <c r="EP27" s="70">
        <v>0</v>
      </c>
      <c r="EQ27" s="71">
        <v>0</v>
      </c>
      <c r="ER27" s="72">
        <v>0</v>
      </c>
      <c r="ES27" s="244"/>
      <c r="ET27" s="71">
        <v>1</v>
      </c>
      <c r="EU27" s="71">
        <v>0</v>
      </c>
      <c r="EV27" s="71">
        <v>1</v>
      </c>
      <c r="EW27" s="71">
        <v>1</v>
      </c>
      <c r="EX27" s="71">
        <v>0</v>
      </c>
      <c r="EY27" s="72">
        <v>3</v>
      </c>
      <c r="EZ27" s="73">
        <v>3</v>
      </c>
      <c r="FA27" s="70">
        <v>3</v>
      </c>
      <c r="FB27" s="71">
        <v>2</v>
      </c>
      <c r="FC27" s="72">
        <v>5</v>
      </c>
      <c r="FD27" s="244"/>
      <c r="FE27" s="71">
        <v>0</v>
      </c>
      <c r="FF27" s="71">
        <v>1</v>
      </c>
      <c r="FG27" s="71">
        <v>2</v>
      </c>
      <c r="FH27" s="71">
        <v>2</v>
      </c>
      <c r="FI27" s="71">
        <v>0</v>
      </c>
      <c r="FJ27" s="72">
        <v>5</v>
      </c>
      <c r="FK27" s="73">
        <v>10</v>
      </c>
      <c r="FL27" s="70">
        <v>1</v>
      </c>
      <c r="FM27" s="71">
        <v>0</v>
      </c>
      <c r="FN27" s="72">
        <v>1</v>
      </c>
      <c r="FO27" s="244"/>
      <c r="FP27" s="71">
        <v>3</v>
      </c>
      <c r="FQ27" s="71">
        <v>1</v>
      </c>
      <c r="FR27" s="71">
        <v>2</v>
      </c>
      <c r="FS27" s="71">
        <v>1</v>
      </c>
      <c r="FT27" s="71">
        <v>2</v>
      </c>
      <c r="FU27" s="72">
        <v>9</v>
      </c>
      <c r="FV27" s="73">
        <v>10</v>
      </c>
      <c r="FW27" s="70">
        <v>0</v>
      </c>
      <c r="FX27" s="71">
        <v>0</v>
      </c>
      <c r="FY27" s="72">
        <v>0</v>
      </c>
      <c r="FZ27" s="244"/>
      <c r="GA27" s="71">
        <v>0</v>
      </c>
      <c r="GB27" s="71">
        <v>0</v>
      </c>
      <c r="GC27" s="71">
        <v>0</v>
      </c>
      <c r="GD27" s="71">
        <v>0</v>
      </c>
      <c r="GE27" s="71">
        <v>0</v>
      </c>
      <c r="GF27" s="72">
        <v>0</v>
      </c>
      <c r="GG27" s="73">
        <v>0</v>
      </c>
      <c r="GH27" s="70">
        <v>4</v>
      </c>
      <c r="GI27" s="71">
        <v>3</v>
      </c>
      <c r="GJ27" s="72">
        <v>7</v>
      </c>
      <c r="GK27" s="244"/>
      <c r="GL27" s="71">
        <v>4</v>
      </c>
      <c r="GM27" s="71">
        <v>2</v>
      </c>
      <c r="GN27" s="71">
        <v>6</v>
      </c>
      <c r="GO27" s="71">
        <v>4</v>
      </c>
      <c r="GP27" s="71">
        <v>2</v>
      </c>
      <c r="GQ27" s="72">
        <v>18</v>
      </c>
      <c r="GR27" s="73">
        <v>25</v>
      </c>
      <c r="GS27" s="123">
        <v>43</v>
      </c>
      <c r="GT27" s="82">
        <v>25</v>
      </c>
      <c r="GU27" s="83">
        <v>68</v>
      </c>
      <c r="GV27" s="241"/>
      <c r="GW27" s="82">
        <v>44</v>
      </c>
      <c r="GX27" s="82">
        <v>34</v>
      </c>
      <c r="GY27" s="82">
        <v>23</v>
      </c>
      <c r="GZ27" s="82">
        <v>15</v>
      </c>
      <c r="HA27" s="82">
        <v>10</v>
      </c>
      <c r="HB27" s="84">
        <v>126</v>
      </c>
      <c r="HC27" s="85">
        <v>194</v>
      </c>
      <c r="HD27" s="70">
        <v>1</v>
      </c>
      <c r="HE27" s="71">
        <v>0</v>
      </c>
      <c r="HF27" s="72">
        <v>1</v>
      </c>
      <c r="HG27" s="244"/>
      <c r="HH27" s="71">
        <v>0</v>
      </c>
      <c r="HI27" s="71">
        <v>0</v>
      </c>
      <c r="HJ27" s="71">
        <v>0</v>
      </c>
      <c r="HK27" s="71">
        <v>0</v>
      </c>
      <c r="HL27" s="71">
        <v>0</v>
      </c>
      <c r="HM27" s="72">
        <v>0</v>
      </c>
      <c r="HN27" s="73">
        <v>1</v>
      </c>
      <c r="HO27" s="70">
        <v>0</v>
      </c>
      <c r="HP27" s="71">
        <v>1</v>
      </c>
      <c r="HQ27" s="72">
        <v>1</v>
      </c>
      <c r="HR27" s="244"/>
      <c r="HS27" s="71">
        <v>2</v>
      </c>
      <c r="HT27" s="71">
        <v>3</v>
      </c>
      <c r="HU27" s="71">
        <v>2</v>
      </c>
      <c r="HV27" s="71">
        <v>0</v>
      </c>
      <c r="HW27" s="71">
        <v>1</v>
      </c>
      <c r="HX27" s="72">
        <v>8</v>
      </c>
      <c r="HY27" s="73">
        <v>9</v>
      </c>
      <c r="HZ27" s="70">
        <v>2</v>
      </c>
      <c r="IA27" s="71">
        <v>2</v>
      </c>
      <c r="IB27" s="72">
        <v>4</v>
      </c>
      <c r="IC27" s="244"/>
      <c r="ID27" s="71">
        <v>2</v>
      </c>
      <c r="IE27" s="71">
        <v>2</v>
      </c>
      <c r="IF27" s="71">
        <v>3</v>
      </c>
      <c r="IG27" s="71">
        <v>1</v>
      </c>
      <c r="IH27" s="71">
        <v>0</v>
      </c>
      <c r="II27" s="72">
        <v>8</v>
      </c>
      <c r="IJ27" s="73">
        <v>12</v>
      </c>
      <c r="IK27" s="70">
        <v>4</v>
      </c>
      <c r="IL27" s="71">
        <v>4</v>
      </c>
      <c r="IM27" s="72">
        <v>8</v>
      </c>
      <c r="IN27" s="244"/>
      <c r="IO27" s="71">
        <v>8</v>
      </c>
      <c r="IP27" s="71">
        <v>5</v>
      </c>
      <c r="IQ27" s="71">
        <v>3</v>
      </c>
      <c r="IR27" s="71">
        <v>2</v>
      </c>
      <c r="IS27" s="71">
        <v>2</v>
      </c>
      <c r="IT27" s="72">
        <v>20</v>
      </c>
      <c r="IU27" s="73">
        <v>28</v>
      </c>
      <c r="IV27" s="70">
        <v>16</v>
      </c>
      <c r="IW27" s="71">
        <v>9</v>
      </c>
      <c r="IX27" s="72">
        <v>25</v>
      </c>
      <c r="IY27" s="244"/>
      <c r="IZ27" s="71">
        <v>15</v>
      </c>
      <c r="JA27" s="71">
        <v>12</v>
      </c>
      <c r="JB27" s="71">
        <v>6</v>
      </c>
      <c r="JC27" s="71">
        <v>8</v>
      </c>
      <c r="JD27" s="71">
        <v>2</v>
      </c>
      <c r="JE27" s="72">
        <v>43</v>
      </c>
      <c r="JF27" s="73">
        <v>68</v>
      </c>
      <c r="JG27" s="70">
        <v>20</v>
      </c>
      <c r="JH27" s="71">
        <v>9</v>
      </c>
      <c r="JI27" s="72">
        <v>29</v>
      </c>
      <c r="JJ27" s="244"/>
      <c r="JK27" s="71">
        <v>17</v>
      </c>
      <c r="JL27" s="71">
        <v>12</v>
      </c>
      <c r="JM27" s="71">
        <v>9</v>
      </c>
      <c r="JN27" s="71">
        <v>4</v>
      </c>
      <c r="JO27" s="71">
        <v>5</v>
      </c>
      <c r="JP27" s="72">
        <v>47</v>
      </c>
      <c r="JQ27" s="73">
        <v>76</v>
      </c>
      <c r="JR27" s="70">
        <v>0</v>
      </c>
      <c r="JS27" s="71">
        <v>0</v>
      </c>
      <c r="JT27" s="72">
        <v>0</v>
      </c>
      <c r="JU27" s="244"/>
      <c r="JV27" s="71">
        <v>0</v>
      </c>
      <c r="JW27" s="71">
        <v>0</v>
      </c>
      <c r="JX27" s="71">
        <v>0</v>
      </c>
      <c r="JY27" s="71">
        <v>0</v>
      </c>
      <c r="JZ27" s="71">
        <v>0</v>
      </c>
      <c r="KA27" s="72">
        <v>0</v>
      </c>
      <c r="KB27" s="73">
        <v>0</v>
      </c>
      <c r="KC27" s="70">
        <v>43</v>
      </c>
      <c r="KD27" s="71">
        <v>25</v>
      </c>
      <c r="KE27" s="72">
        <v>68</v>
      </c>
      <c r="KF27" s="244"/>
      <c r="KG27" s="71">
        <v>44</v>
      </c>
      <c r="KH27" s="71">
        <v>34</v>
      </c>
      <c r="KI27" s="71">
        <v>23</v>
      </c>
      <c r="KJ27" s="71">
        <v>15</v>
      </c>
      <c r="KK27" s="71">
        <v>10</v>
      </c>
      <c r="KL27" s="72">
        <v>126</v>
      </c>
      <c r="KM27" s="73">
        <v>194</v>
      </c>
    </row>
    <row r="28" spans="2:299" ht="21" customHeight="1" x14ac:dyDescent="0.2">
      <c r="B28" s="126" t="s">
        <v>25</v>
      </c>
      <c r="C28" s="313">
        <v>18</v>
      </c>
      <c r="D28" s="82">
        <v>22</v>
      </c>
      <c r="E28" s="83">
        <v>40</v>
      </c>
      <c r="F28" s="241"/>
      <c r="G28" s="82">
        <v>29</v>
      </c>
      <c r="H28" s="82">
        <v>11</v>
      </c>
      <c r="I28" s="82">
        <v>17</v>
      </c>
      <c r="J28" s="82">
        <v>12</v>
      </c>
      <c r="K28" s="82">
        <v>10</v>
      </c>
      <c r="L28" s="84">
        <v>79</v>
      </c>
      <c r="M28" s="85">
        <v>119</v>
      </c>
      <c r="N28" s="70">
        <v>1</v>
      </c>
      <c r="O28" s="71">
        <v>1</v>
      </c>
      <c r="P28" s="72">
        <v>2</v>
      </c>
      <c r="Q28" s="244"/>
      <c r="R28" s="71">
        <v>2</v>
      </c>
      <c r="S28" s="71">
        <v>0</v>
      </c>
      <c r="T28" s="71">
        <v>0</v>
      </c>
      <c r="U28" s="71">
        <v>0</v>
      </c>
      <c r="V28" s="71">
        <v>0</v>
      </c>
      <c r="W28" s="72">
        <v>2</v>
      </c>
      <c r="X28" s="73">
        <v>4</v>
      </c>
      <c r="Y28" s="70">
        <v>2</v>
      </c>
      <c r="Z28" s="71">
        <v>3</v>
      </c>
      <c r="AA28" s="72">
        <v>5</v>
      </c>
      <c r="AB28" s="244"/>
      <c r="AC28" s="71">
        <v>4</v>
      </c>
      <c r="AD28" s="71">
        <v>0</v>
      </c>
      <c r="AE28" s="71">
        <v>0</v>
      </c>
      <c r="AF28" s="71">
        <v>1</v>
      </c>
      <c r="AG28" s="71">
        <v>0</v>
      </c>
      <c r="AH28" s="72">
        <v>5</v>
      </c>
      <c r="AI28" s="73">
        <v>10</v>
      </c>
      <c r="AJ28" s="70">
        <v>2</v>
      </c>
      <c r="AK28" s="71">
        <v>3</v>
      </c>
      <c r="AL28" s="72">
        <v>5</v>
      </c>
      <c r="AM28" s="244"/>
      <c r="AN28" s="71">
        <v>2</v>
      </c>
      <c r="AO28" s="71">
        <v>2</v>
      </c>
      <c r="AP28" s="71">
        <v>1</v>
      </c>
      <c r="AQ28" s="71">
        <v>3</v>
      </c>
      <c r="AR28" s="71">
        <v>1</v>
      </c>
      <c r="AS28" s="72">
        <v>9</v>
      </c>
      <c r="AT28" s="73">
        <v>14</v>
      </c>
      <c r="AU28" s="70">
        <v>3</v>
      </c>
      <c r="AV28" s="71">
        <v>7</v>
      </c>
      <c r="AW28" s="72">
        <v>10</v>
      </c>
      <c r="AX28" s="244"/>
      <c r="AY28" s="71">
        <v>5</v>
      </c>
      <c r="AZ28" s="71">
        <v>2</v>
      </c>
      <c r="BA28" s="71">
        <v>4</v>
      </c>
      <c r="BB28" s="71">
        <v>1</v>
      </c>
      <c r="BC28" s="71">
        <v>2</v>
      </c>
      <c r="BD28" s="72">
        <v>14</v>
      </c>
      <c r="BE28" s="73">
        <v>24</v>
      </c>
      <c r="BF28" s="70">
        <v>3</v>
      </c>
      <c r="BG28" s="71">
        <v>5</v>
      </c>
      <c r="BH28" s="72">
        <v>8</v>
      </c>
      <c r="BI28" s="244"/>
      <c r="BJ28" s="71">
        <v>8</v>
      </c>
      <c r="BK28" s="71">
        <v>4</v>
      </c>
      <c r="BL28" s="71">
        <v>7</v>
      </c>
      <c r="BM28" s="71">
        <v>3</v>
      </c>
      <c r="BN28" s="71">
        <v>3</v>
      </c>
      <c r="BO28" s="72">
        <v>25</v>
      </c>
      <c r="BP28" s="73">
        <v>33</v>
      </c>
      <c r="BQ28" s="70">
        <v>7</v>
      </c>
      <c r="BR28" s="71">
        <v>3</v>
      </c>
      <c r="BS28" s="72">
        <v>10</v>
      </c>
      <c r="BT28" s="244"/>
      <c r="BU28" s="71">
        <v>8</v>
      </c>
      <c r="BV28" s="71">
        <v>3</v>
      </c>
      <c r="BW28" s="71">
        <v>5</v>
      </c>
      <c r="BX28" s="71">
        <v>4</v>
      </c>
      <c r="BY28" s="71">
        <v>4</v>
      </c>
      <c r="BZ28" s="72">
        <v>24</v>
      </c>
      <c r="CA28" s="73">
        <v>34</v>
      </c>
      <c r="CB28" s="70">
        <v>0</v>
      </c>
      <c r="CC28" s="71">
        <v>0</v>
      </c>
      <c r="CD28" s="72">
        <v>0</v>
      </c>
      <c r="CE28" s="244"/>
      <c r="CF28" s="71">
        <v>0</v>
      </c>
      <c r="CG28" s="71">
        <v>0</v>
      </c>
      <c r="CH28" s="71">
        <v>0</v>
      </c>
      <c r="CI28" s="71">
        <v>0</v>
      </c>
      <c r="CJ28" s="71">
        <v>0</v>
      </c>
      <c r="CK28" s="72">
        <v>0</v>
      </c>
      <c r="CL28" s="73">
        <v>0</v>
      </c>
      <c r="CM28" s="70">
        <v>18</v>
      </c>
      <c r="CN28" s="71">
        <v>22</v>
      </c>
      <c r="CO28" s="72">
        <v>40</v>
      </c>
      <c r="CP28" s="244"/>
      <c r="CQ28" s="71">
        <v>29</v>
      </c>
      <c r="CR28" s="71">
        <v>11</v>
      </c>
      <c r="CS28" s="71">
        <v>17</v>
      </c>
      <c r="CT28" s="71">
        <v>12</v>
      </c>
      <c r="CU28" s="71">
        <v>10</v>
      </c>
      <c r="CV28" s="72">
        <v>79</v>
      </c>
      <c r="CW28" s="73">
        <v>119</v>
      </c>
      <c r="CX28" s="123">
        <v>3</v>
      </c>
      <c r="CY28" s="82">
        <v>4</v>
      </c>
      <c r="CZ28" s="83">
        <v>7</v>
      </c>
      <c r="DA28" s="241"/>
      <c r="DB28" s="82">
        <v>3</v>
      </c>
      <c r="DC28" s="82">
        <v>3</v>
      </c>
      <c r="DD28" s="82">
        <v>0</v>
      </c>
      <c r="DE28" s="82">
        <v>0</v>
      </c>
      <c r="DF28" s="82">
        <v>0</v>
      </c>
      <c r="DG28" s="84">
        <v>6</v>
      </c>
      <c r="DH28" s="85">
        <v>13</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0</v>
      </c>
      <c r="DZ28" s="71">
        <v>0</v>
      </c>
      <c r="EA28" s="71">
        <v>0</v>
      </c>
      <c r="EB28" s="71">
        <v>0</v>
      </c>
      <c r="EC28" s="72">
        <v>0</v>
      </c>
      <c r="ED28" s="73">
        <v>0</v>
      </c>
      <c r="EE28" s="70">
        <v>0</v>
      </c>
      <c r="EF28" s="71">
        <v>1</v>
      </c>
      <c r="EG28" s="72">
        <v>1</v>
      </c>
      <c r="EH28" s="244"/>
      <c r="EI28" s="71">
        <v>0</v>
      </c>
      <c r="EJ28" s="71">
        <v>1</v>
      </c>
      <c r="EK28" s="71">
        <v>0</v>
      </c>
      <c r="EL28" s="71">
        <v>0</v>
      </c>
      <c r="EM28" s="71">
        <v>0</v>
      </c>
      <c r="EN28" s="72">
        <v>1</v>
      </c>
      <c r="EO28" s="73">
        <v>2</v>
      </c>
      <c r="EP28" s="70">
        <v>0</v>
      </c>
      <c r="EQ28" s="71">
        <v>2</v>
      </c>
      <c r="ER28" s="72">
        <v>2</v>
      </c>
      <c r="ES28" s="244"/>
      <c r="ET28" s="71">
        <v>0</v>
      </c>
      <c r="EU28" s="71">
        <v>1</v>
      </c>
      <c r="EV28" s="71">
        <v>0</v>
      </c>
      <c r="EW28" s="71">
        <v>0</v>
      </c>
      <c r="EX28" s="71">
        <v>0</v>
      </c>
      <c r="EY28" s="72">
        <v>1</v>
      </c>
      <c r="EZ28" s="73">
        <v>3</v>
      </c>
      <c r="FA28" s="70">
        <v>1</v>
      </c>
      <c r="FB28" s="71">
        <v>1</v>
      </c>
      <c r="FC28" s="72">
        <v>2</v>
      </c>
      <c r="FD28" s="244"/>
      <c r="FE28" s="71">
        <v>1</v>
      </c>
      <c r="FF28" s="71">
        <v>0</v>
      </c>
      <c r="FG28" s="71">
        <v>0</v>
      </c>
      <c r="FH28" s="71">
        <v>0</v>
      </c>
      <c r="FI28" s="71">
        <v>0</v>
      </c>
      <c r="FJ28" s="72">
        <v>1</v>
      </c>
      <c r="FK28" s="73">
        <v>3</v>
      </c>
      <c r="FL28" s="70">
        <v>2</v>
      </c>
      <c r="FM28" s="71">
        <v>0</v>
      </c>
      <c r="FN28" s="72">
        <v>2</v>
      </c>
      <c r="FO28" s="244"/>
      <c r="FP28" s="71">
        <v>2</v>
      </c>
      <c r="FQ28" s="71">
        <v>1</v>
      </c>
      <c r="FR28" s="71">
        <v>0</v>
      </c>
      <c r="FS28" s="71">
        <v>0</v>
      </c>
      <c r="FT28" s="71">
        <v>0</v>
      </c>
      <c r="FU28" s="72">
        <v>3</v>
      </c>
      <c r="FV28" s="73">
        <v>5</v>
      </c>
      <c r="FW28" s="70">
        <v>0</v>
      </c>
      <c r="FX28" s="71">
        <v>0</v>
      </c>
      <c r="FY28" s="72">
        <v>0</v>
      </c>
      <c r="FZ28" s="244"/>
      <c r="GA28" s="71">
        <v>0</v>
      </c>
      <c r="GB28" s="71">
        <v>0</v>
      </c>
      <c r="GC28" s="71">
        <v>0</v>
      </c>
      <c r="GD28" s="71">
        <v>0</v>
      </c>
      <c r="GE28" s="71">
        <v>0</v>
      </c>
      <c r="GF28" s="72">
        <v>0</v>
      </c>
      <c r="GG28" s="73">
        <v>0</v>
      </c>
      <c r="GH28" s="70">
        <v>3</v>
      </c>
      <c r="GI28" s="71">
        <v>4</v>
      </c>
      <c r="GJ28" s="72">
        <v>7</v>
      </c>
      <c r="GK28" s="244"/>
      <c r="GL28" s="71">
        <v>3</v>
      </c>
      <c r="GM28" s="71">
        <v>3</v>
      </c>
      <c r="GN28" s="71">
        <v>0</v>
      </c>
      <c r="GO28" s="71">
        <v>0</v>
      </c>
      <c r="GP28" s="71">
        <v>0</v>
      </c>
      <c r="GQ28" s="72">
        <v>6</v>
      </c>
      <c r="GR28" s="73">
        <v>13</v>
      </c>
      <c r="GS28" s="123">
        <v>21</v>
      </c>
      <c r="GT28" s="82">
        <v>26</v>
      </c>
      <c r="GU28" s="83">
        <v>47</v>
      </c>
      <c r="GV28" s="241"/>
      <c r="GW28" s="82">
        <v>32</v>
      </c>
      <c r="GX28" s="82">
        <v>14</v>
      </c>
      <c r="GY28" s="82">
        <v>17</v>
      </c>
      <c r="GZ28" s="82">
        <v>12</v>
      </c>
      <c r="HA28" s="82">
        <v>10</v>
      </c>
      <c r="HB28" s="84">
        <v>85</v>
      </c>
      <c r="HC28" s="85">
        <v>132</v>
      </c>
      <c r="HD28" s="70">
        <v>1</v>
      </c>
      <c r="HE28" s="71">
        <v>1</v>
      </c>
      <c r="HF28" s="72">
        <v>2</v>
      </c>
      <c r="HG28" s="244"/>
      <c r="HH28" s="71">
        <v>2</v>
      </c>
      <c r="HI28" s="71">
        <v>0</v>
      </c>
      <c r="HJ28" s="71">
        <v>0</v>
      </c>
      <c r="HK28" s="71">
        <v>0</v>
      </c>
      <c r="HL28" s="71">
        <v>0</v>
      </c>
      <c r="HM28" s="72">
        <v>2</v>
      </c>
      <c r="HN28" s="73">
        <v>4</v>
      </c>
      <c r="HO28" s="70">
        <v>2</v>
      </c>
      <c r="HP28" s="71">
        <v>3</v>
      </c>
      <c r="HQ28" s="72">
        <v>5</v>
      </c>
      <c r="HR28" s="244"/>
      <c r="HS28" s="71">
        <v>4</v>
      </c>
      <c r="HT28" s="71">
        <v>0</v>
      </c>
      <c r="HU28" s="71">
        <v>0</v>
      </c>
      <c r="HV28" s="71">
        <v>1</v>
      </c>
      <c r="HW28" s="71">
        <v>0</v>
      </c>
      <c r="HX28" s="72">
        <v>5</v>
      </c>
      <c r="HY28" s="73">
        <v>10</v>
      </c>
      <c r="HZ28" s="70">
        <v>2</v>
      </c>
      <c r="IA28" s="71">
        <v>4</v>
      </c>
      <c r="IB28" s="72">
        <v>6</v>
      </c>
      <c r="IC28" s="244"/>
      <c r="ID28" s="71">
        <v>2</v>
      </c>
      <c r="IE28" s="71">
        <v>3</v>
      </c>
      <c r="IF28" s="71">
        <v>1</v>
      </c>
      <c r="IG28" s="71">
        <v>3</v>
      </c>
      <c r="IH28" s="71">
        <v>1</v>
      </c>
      <c r="II28" s="72">
        <v>10</v>
      </c>
      <c r="IJ28" s="73">
        <v>16</v>
      </c>
      <c r="IK28" s="70">
        <v>3</v>
      </c>
      <c r="IL28" s="71">
        <v>9</v>
      </c>
      <c r="IM28" s="72">
        <v>12</v>
      </c>
      <c r="IN28" s="244"/>
      <c r="IO28" s="71">
        <v>5</v>
      </c>
      <c r="IP28" s="71">
        <v>3</v>
      </c>
      <c r="IQ28" s="71">
        <v>4</v>
      </c>
      <c r="IR28" s="71">
        <v>1</v>
      </c>
      <c r="IS28" s="71">
        <v>2</v>
      </c>
      <c r="IT28" s="72">
        <v>15</v>
      </c>
      <c r="IU28" s="73">
        <v>27</v>
      </c>
      <c r="IV28" s="70">
        <v>4</v>
      </c>
      <c r="IW28" s="71">
        <v>6</v>
      </c>
      <c r="IX28" s="72">
        <v>10</v>
      </c>
      <c r="IY28" s="244"/>
      <c r="IZ28" s="71">
        <v>9</v>
      </c>
      <c r="JA28" s="71">
        <v>4</v>
      </c>
      <c r="JB28" s="71">
        <v>7</v>
      </c>
      <c r="JC28" s="71">
        <v>3</v>
      </c>
      <c r="JD28" s="71">
        <v>3</v>
      </c>
      <c r="JE28" s="72">
        <v>26</v>
      </c>
      <c r="JF28" s="73">
        <v>36</v>
      </c>
      <c r="JG28" s="70">
        <v>9</v>
      </c>
      <c r="JH28" s="71">
        <v>3</v>
      </c>
      <c r="JI28" s="72">
        <v>12</v>
      </c>
      <c r="JJ28" s="244"/>
      <c r="JK28" s="71">
        <v>10</v>
      </c>
      <c r="JL28" s="71">
        <v>4</v>
      </c>
      <c r="JM28" s="71">
        <v>5</v>
      </c>
      <c r="JN28" s="71">
        <v>4</v>
      </c>
      <c r="JO28" s="71">
        <v>4</v>
      </c>
      <c r="JP28" s="72">
        <v>27</v>
      </c>
      <c r="JQ28" s="73">
        <v>39</v>
      </c>
      <c r="JR28" s="70">
        <v>0</v>
      </c>
      <c r="JS28" s="71">
        <v>0</v>
      </c>
      <c r="JT28" s="72">
        <v>0</v>
      </c>
      <c r="JU28" s="244"/>
      <c r="JV28" s="71">
        <v>0</v>
      </c>
      <c r="JW28" s="71">
        <v>0</v>
      </c>
      <c r="JX28" s="71">
        <v>0</v>
      </c>
      <c r="JY28" s="71">
        <v>0</v>
      </c>
      <c r="JZ28" s="71">
        <v>0</v>
      </c>
      <c r="KA28" s="72">
        <v>0</v>
      </c>
      <c r="KB28" s="73">
        <v>0</v>
      </c>
      <c r="KC28" s="70">
        <v>21</v>
      </c>
      <c r="KD28" s="71">
        <v>26</v>
      </c>
      <c r="KE28" s="72">
        <v>47</v>
      </c>
      <c r="KF28" s="244"/>
      <c r="KG28" s="71">
        <v>32</v>
      </c>
      <c r="KH28" s="71">
        <v>14</v>
      </c>
      <c r="KI28" s="71">
        <v>17</v>
      </c>
      <c r="KJ28" s="71">
        <v>12</v>
      </c>
      <c r="KK28" s="71">
        <v>10</v>
      </c>
      <c r="KL28" s="72">
        <v>85</v>
      </c>
      <c r="KM28" s="73">
        <v>132</v>
      </c>
    </row>
    <row r="29" spans="2:299" ht="21" customHeight="1" x14ac:dyDescent="0.2">
      <c r="B29" s="126" t="s">
        <v>26</v>
      </c>
      <c r="C29" s="313">
        <v>21</v>
      </c>
      <c r="D29" s="82">
        <v>12</v>
      </c>
      <c r="E29" s="83">
        <v>33</v>
      </c>
      <c r="F29" s="241"/>
      <c r="G29" s="82">
        <v>26</v>
      </c>
      <c r="H29" s="82">
        <v>27</v>
      </c>
      <c r="I29" s="82">
        <v>19</v>
      </c>
      <c r="J29" s="82">
        <v>10</v>
      </c>
      <c r="K29" s="82">
        <v>2</v>
      </c>
      <c r="L29" s="84">
        <v>84</v>
      </c>
      <c r="M29" s="85">
        <v>117</v>
      </c>
      <c r="N29" s="70">
        <v>0</v>
      </c>
      <c r="O29" s="71">
        <v>0</v>
      </c>
      <c r="P29" s="72">
        <v>0</v>
      </c>
      <c r="Q29" s="244"/>
      <c r="R29" s="71">
        <v>1</v>
      </c>
      <c r="S29" s="71">
        <v>0</v>
      </c>
      <c r="T29" s="71">
        <v>0</v>
      </c>
      <c r="U29" s="71">
        <v>0</v>
      </c>
      <c r="V29" s="71">
        <v>0</v>
      </c>
      <c r="W29" s="72">
        <v>1</v>
      </c>
      <c r="X29" s="73">
        <v>1</v>
      </c>
      <c r="Y29" s="70">
        <v>1</v>
      </c>
      <c r="Z29" s="71">
        <v>0</v>
      </c>
      <c r="AA29" s="72">
        <v>1</v>
      </c>
      <c r="AB29" s="244"/>
      <c r="AC29" s="71">
        <v>0</v>
      </c>
      <c r="AD29" s="71">
        <v>2</v>
      </c>
      <c r="AE29" s="71">
        <v>0</v>
      </c>
      <c r="AF29" s="71">
        <v>1</v>
      </c>
      <c r="AG29" s="71">
        <v>0</v>
      </c>
      <c r="AH29" s="72">
        <v>3</v>
      </c>
      <c r="AI29" s="73">
        <v>4</v>
      </c>
      <c r="AJ29" s="70">
        <v>1</v>
      </c>
      <c r="AK29" s="71">
        <v>1</v>
      </c>
      <c r="AL29" s="72">
        <v>2</v>
      </c>
      <c r="AM29" s="244"/>
      <c r="AN29" s="71">
        <v>5</v>
      </c>
      <c r="AO29" s="71">
        <v>3</v>
      </c>
      <c r="AP29" s="71">
        <v>2</v>
      </c>
      <c r="AQ29" s="71">
        <v>1</v>
      </c>
      <c r="AR29" s="71">
        <v>0</v>
      </c>
      <c r="AS29" s="72">
        <v>11</v>
      </c>
      <c r="AT29" s="73">
        <v>13</v>
      </c>
      <c r="AU29" s="70">
        <v>3</v>
      </c>
      <c r="AV29" s="71">
        <v>2</v>
      </c>
      <c r="AW29" s="72">
        <v>5</v>
      </c>
      <c r="AX29" s="244"/>
      <c r="AY29" s="71">
        <v>9</v>
      </c>
      <c r="AZ29" s="71">
        <v>7</v>
      </c>
      <c r="BA29" s="71">
        <v>5</v>
      </c>
      <c r="BB29" s="71">
        <v>2</v>
      </c>
      <c r="BC29" s="71">
        <v>0</v>
      </c>
      <c r="BD29" s="72">
        <v>23</v>
      </c>
      <c r="BE29" s="73">
        <v>28</v>
      </c>
      <c r="BF29" s="70">
        <v>5</v>
      </c>
      <c r="BG29" s="71">
        <v>6</v>
      </c>
      <c r="BH29" s="72">
        <v>11</v>
      </c>
      <c r="BI29" s="244"/>
      <c r="BJ29" s="71">
        <v>7</v>
      </c>
      <c r="BK29" s="71">
        <v>8</v>
      </c>
      <c r="BL29" s="71">
        <v>7</v>
      </c>
      <c r="BM29" s="71">
        <v>3</v>
      </c>
      <c r="BN29" s="71">
        <v>1</v>
      </c>
      <c r="BO29" s="72">
        <v>26</v>
      </c>
      <c r="BP29" s="73">
        <v>37</v>
      </c>
      <c r="BQ29" s="70">
        <v>11</v>
      </c>
      <c r="BR29" s="71">
        <v>3</v>
      </c>
      <c r="BS29" s="72">
        <v>14</v>
      </c>
      <c r="BT29" s="244"/>
      <c r="BU29" s="71">
        <v>4</v>
      </c>
      <c r="BV29" s="71">
        <v>7</v>
      </c>
      <c r="BW29" s="71">
        <v>5</v>
      </c>
      <c r="BX29" s="71">
        <v>3</v>
      </c>
      <c r="BY29" s="71">
        <v>1</v>
      </c>
      <c r="BZ29" s="72">
        <v>20</v>
      </c>
      <c r="CA29" s="73">
        <v>34</v>
      </c>
      <c r="CB29" s="70">
        <v>0</v>
      </c>
      <c r="CC29" s="71">
        <v>0</v>
      </c>
      <c r="CD29" s="72">
        <v>0</v>
      </c>
      <c r="CE29" s="244"/>
      <c r="CF29" s="71">
        <v>0</v>
      </c>
      <c r="CG29" s="71">
        <v>0</v>
      </c>
      <c r="CH29" s="71">
        <v>0</v>
      </c>
      <c r="CI29" s="71">
        <v>0</v>
      </c>
      <c r="CJ29" s="71">
        <v>0</v>
      </c>
      <c r="CK29" s="72">
        <v>0</v>
      </c>
      <c r="CL29" s="73">
        <v>0</v>
      </c>
      <c r="CM29" s="70">
        <v>21</v>
      </c>
      <c r="CN29" s="71">
        <v>12</v>
      </c>
      <c r="CO29" s="72">
        <v>33</v>
      </c>
      <c r="CP29" s="244"/>
      <c r="CQ29" s="71">
        <v>26</v>
      </c>
      <c r="CR29" s="71">
        <v>27</v>
      </c>
      <c r="CS29" s="71">
        <v>19</v>
      </c>
      <c r="CT29" s="71">
        <v>10</v>
      </c>
      <c r="CU29" s="71">
        <v>2</v>
      </c>
      <c r="CV29" s="72">
        <v>84</v>
      </c>
      <c r="CW29" s="73">
        <v>117</v>
      </c>
      <c r="CX29" s="123">
        <v>2</v>
      </c>
      <c r="CY29" s="82">
        <v>2</v>
      </c>
      <c r="CZ29" s="83">
        <v>4</v>
      </c>
      <c r="DA29" s="241"/>
      <c r="DB29" s="82">
        <v>4</v>
      </c>
      <c r="DC29" s="82">
        <v>5</v>
      </c>
      <c r="DD29" s="82">
        <v>3</v>
      </c>
      <c r="DE29" s="82">
        <v>0</v>
      </c>
      <c r="DF29" s="82">
        <v>0</v>
      </c>
      <c r="DG29" s="84">
        <v>12</v>
      </c>
      <c r="DH29" s="85">
        <v>16</v>
      </c>
      <c r="DI29" s="70">
        <v>0</v>
      </c>
      <c r="DJ29" s="71">
        <v>0</v>
      </c>
      <c r="DK29" s="72">
        <v>0</v>
      </c>
      <c r="DL29" s="244"/>
      <c r="DM29" s="71">
        <v>0</v>
      </c>
      <c r="DN29" s="71">
        <v>0</v>
      </c>
      <c r="DO29" s="71">
        <v>0</v>
      </c>
      <c r="DP29" s="71">
        <v>0</v>
      </c>
      <c r="DQ29" s="71">
        <v>0</v>
      </c>
      <c r="DR29" s="72">
        <v>0</v>
      </c>
      <c r="DS29" s="73">
        <v>0</v>
      </c>
      <c r="DT29" s="70">
        <v>1</v>
      </c>
      <c r="DU29" s="71">
        <v>0</v>
      </c>
      <c r="DV29" s="72">
        <v>1</v>
      </c>
      <c r="DW29" s="244"/>
      <c r="DX29" s="71">
        <v>0</v>
      </c>
      <c r="DY29" s="71">
        <v>0</v>
      </c>
      <c r="DZ29" s="71">
        <v>0</v>
      </c>
      <c r="EA29" s="71">
        <v>0</v>
      </c>
      <c r="EB29" s="71">
        <v>0</v>
      </c>
      <c r="EC29" s="72">
        <v>0</v>
      </c>
      <c r="ED29" s="73">
        <v>1</v>
      </c>
      <c r="EE29" s="70">
        <v>0</v>
      </c>
      <c r="EF29" s="71">
        <v>0</v>
      </c>
      <c r="EG29" s="72">
        <v>0</v>
      </c>
      <c r="EH29" s="244"/>
      <c r="EI29" s="71">
        <v>0</v>
      </c>
      <c r="EJ29" s="71">
        <v>0</v>
      </c>
      <c r="EK29" s="71">
        <v>0</v>
      </c>
      <c r="EL29" s="71">
        <v>0</v>
      </c>
      <c r="EM29" s="71">
        <v>0</v>
      </c>
      <c r="EN29" s="72">
        <v>0</v>
      </c>
      <c r="EO29" s="73">
        <v>0</v>
      </c>
      <c r="EP29" s="70">
        <v>0</v>
      </c>
      <c r="EQ29" s="71">
        <v>0</v>
      </c>
      <c r="ER29" s="72">
        <v>0</v>
      </c>
      <c r="ES29" s="244"/>
      <c r="ET29" s="71">
        <v>1</v>
      </c>
      <c r="EU29" s="71">
        <v>0</v>
      </c>
      <c r="EV29" s="71">
        <v>1</v>
      </c>
      <c r="EW29" s="71">
        <v>0</v>
      </c>
      <c r="EX29" s="71">
        <v>0</v>
      </c>
      <c r="EY29" s="72">
        <v>2</v>
      </c>
      <c r="EZ29" s="73">
        <v>2</v>
      </c>
      <c r="FA29" s="70">
        <v>0</v>
      </c>
      <c r="FB29" s="71">
        <v>1</v>
      </c>
      <c r="FC29" s="72">
        <v>1</v>
      </c>
      <c r="FD29" s="244"/>
      <c r="FE29" s="71">
        <v>2</v>
      </c>
      <c r="FF29" s="71">
        <v>2</v>
      </c>
      <c r="FG29" s="71">
        <v>0</v>
      </c>
      <c r="FH29" s="71">
        <v>0</v>
      </c>
      <c r="FI29" s="71">
        <v>0</v>
      </c>
      <c r="FJ29" s="72">
        <v>4</v>
      </c>
      <c r="FK29" s="73">
        <v>5</v>
      </c>
      <c r="FL29" s="70">
        <v>1</v>
      </c>
      <c r="FM29" s="71">
        <v>1</v>
      </c>
      <c r="FN29" s="72">
        <v>2</v>
      </c>
      <c r="FO29" s="244"/>
      <c r="FP29" s="71">
        <v>1</v>
      </c>
      <c r="FQ29" s="71">
        <v>3</v>
      </c>
      <c r="FR29" s="71">
        <v>2</v>
      </c>
      <c r="FS29" s="71">
        <v>0</v>
      </c>
      <c r="FT29" s="71">
        <v>0</v>
      </c>
      <c r="FU29" s="72">
        <v>6</v>
      </c>
      <c r="FV29" s="73">
        <v>8</v>
      </c>
      <c r="FW29" s="70">
        <v>0</v>
      </c>
      <c r="FX29" s="71">
        <v>0</v>
      </c>
      <c r="FY29" s="72">
        <v>0</v>
      </c>
      <c r="FZ29" s="244"/>
      <c r="GA29" s="71">
        <v>0</v>
      </c>
      <c r="GB29" s="71">
        <v>0</v>
      </c>
      <c r="GC29" s="71">
        <v>0</v>
      </c>
      <c r="GD29" s="71">
        <v>0</v>
      </c>
      <c r="GE29" s="71">
        <v>0</v>
      </c>
      <c r="GF29" s="72">
        <v>0</v>
      </c>
      <c r="GG29" s="73">
        <v>0</v>
      </c>
      <c r="GH29" s="70">
        <v>2</v>
      </c>
      <c r="GI29" s="71">
        <v>2</v>
      </c>
      <c r="GJ29" s="72">
        <v>4</v>
      </c>
      <c r="GK29" s="244"/>
      <c r="GL29" s="71">
        <v>4</v>
      </c>
      <c r="GM29" s="71">
        <v>5</v>
      </c>
      <c r="GN29" s="71">
        <v>3</v>
      </c>
      <c r="GO29" s="71">
        <v>0</v>
      </c>
      <c r="GP29" s="71">
        <v>0</v>
      </c>
      <c r="GQ29" s="72">
        <v>12</v>
      </c>
      <c r="GR29" s="73">
        <v>16</v>
      </c>
      <c r="GS29" s="123">
        <v>23</v>
      </c>
      <c r="GT29" s="82">
        <v>14</v>
      </c>
      <c r="GU29" s="83">
        <v>37</v>
      </c>
      <c r="GV29" s="241"/>
      <c r="GW29" s="82">
        <v>30</v>
      </c>
      <c r="GX29" s="82">
        <v>32</v>
      </c>
      <c r="GY29" s="82">
        <v>22</v>
      </c>
      <c r="GZ29" s="82">
        <v>10</v>
      </c>
      <c r="HA29" s="82">
        <v>2</v>
      </c>
      <c r="HB29" s="84">
        <v>96</v>
      </c>
      <c r="HC29" s="85">
        <v>133</v>
      </c>
      <c r="HD29" s="70">
        <v>0</v>
      </c>
      <c r="HE29" s="71">
        <v>0</v>
      </c>
      <c r="HF29" s="72">
        <v>0</v>
      </c>
      <c r="HG29" s="244"/>
      <c r="HH29" s="71">
        <v>1</v>
      </c>
      <c r="HI29" s="71">
        <v>0</v>
      </c>
      <c r="HJ29" s="71">
        <v>0</v>
      </c>
      <c r="HK29" s="71">
        <v>0</v>
      </c>
      <c r="HL29" s="71">
        <v>0</v>
      </c>
      <c r="HM29" s="72">
        <v>1</v>
      </c>
      <c r="HN29" s="73">
        <v>1</v>
      </c>
      <c r="HO29" s="70">
        <v>2</v>
      </c>
      <c r="HP29" s="71">
        <v>0</v>
      </c>
      <c r="HQ29" s="72">
        <v>2</v>
      </c>
      <c r="HR29" s="244"/>
      <c r="HS29" s="71">
        <v>0</v>
      </c>
      <c r="HT29" s="71">
        <v>2</v>
      </c>
      <c r="HU29" s="71">
        <v>0</v>
      </c>
      <c r="HV29" s="71">
        <v>1</v>
      </c>
      <c r="HW29" s="71">
        <v>0</v>
      </c>
      <c r="HX29" s="72">
        <v>3</v>
      </c>
      <c r="HY29" s="73">
        <v>5</v>
      </c>
      <c r="HZ29" s="70">
        <v>1</v>
      </c>
      <c r="IA29" s="71">
        <v>1</v>
      </c>
      <c r="IB29" s="72">
        <v>2</v>
      </c>
      <c r="IC29" s="244"/>
      <c r="ID29" s="71">
        <v>5</v>
      </c>
      <c r="IE29" s="71">
        <v>3</v>
      </c>
      <c r="IF29" s="71">
        <v>2</v>
      </c>
      <c r="IG29" s="71">
        <v>1</v>
      </c>
      <c r="IH29" s="71">
        <v>0</v>
      </c>
      <c r="II29" s="72">
        <v>11</v>
      </c>
      <c r="IJ29" s="73">
        <v>13</v>
      </c>
      <c r="IK29" s="70">
        <v>3</v>
      </c>
      <c r="IL29" s="71">
        <v>2</v>
      </c>
      <c r="IM29" s="72">
        <v>5</v>
      </c>
      <c r="IN29" s="244"/>
      <c r="IO29" s="71">
        <v>10</v>
      </c>
      <c r="IP29" s="71">
        <v>7</v>
      </c>
      <c r="IQ29" s="71">
        <v>6</v>
      </c>
      <c r="IR29" s="71">
        <v>2</v>
      </c>
      <c r="IS29" s="71">
        <v>0</v>
      </c>
      <c r="IT29" s="72">
        <v>25</v>
      </c>
      <c r="IU29" s="73">
        <v>30</v>
      </c>
      <c r="IV29" s="70">
        <v>5</v>
      </c>
      <c r="IW29" s="71">
        <v>7</v>
      </c>
      <c r="IX29" s="72">
        <v>12</v>
      </c>
      <c r="IY29" s="244"/>
      <c r="IZ29" s="71">
        <v>9</v>
      </c>
      <c r="JA29" s="71">
        <v>10</v>
      </c>
      <c r="JB29" s="71">
        <v>7</v>
      </c>
      <c r="JC29" s="71">
        <v>3</v>
      </c>
      <c r="JD29" s="71">
        <v>1</v>
      </c>
      <c r="JE29" s="72">
        <v>30</v>
      </c>
      <c r="JF29" s="73">
        <v>42</v>
      </c>
      <c r="JG29" s="70">
        <v>12</v>
      </c>
      <c r="JH29" s="71">
        <v>4</v>
      </c>
      <c r="JI29" s="72">
        <v>16</v>
      </c>
      <c r="JJ29" s="244"/>
      <c r="JK29" s="71">
        <v>5</v>
      </c>
      <c r="JL29" s="71">
        <v>10</v>
      </c>
      <c r="JM29" s="71">
        <v>7</v>
      </c>
      <c r="JN29" s="71">
        <v>3</v>
      </c>
      <c r="JO29" s="71">
        <v>1</v>
      </c>
      <c r="JP29" s="72">
        <v>26</v>
      </c>
      <c r="JQ29" s="73">
        <v>42</v>
      </c>
      <c r="JR29" s="70">
        <v>0</v>
      </c>
      <c r="JS29" s="71">
        <v>0</v>
      </c>
      <c r="JT29" s="72">
        <v>0</v>
      </c>
      <c r="JU29" s="244"/>
      <c r="JV29" s="71">
        <v>0</v>
      </c>
      <c r="JW29" s="71">
        <v>0</v>
      </c>
      <c r="JX29" s="71">
        <v>0</v>
      </c>
      <c r="JY29" s="71">
        <v>0</v>
      </c>
      <c r="JZ29" s="71">
        <v>0</v>
      </c>
      <c r="KA29" s="72">
        <v>0</v>
      </c>
      <c r="KB29" s="73">
        <v>0</v>
      </c>
      <c r="KC29" s="70">
        <v>23</v>
      </c>
      <c r="KD29" s="71">
        <v>14</v>
      </c>
      <c r="KE29" s="72">
        <v>37</v>
      </c>
      <c r="KF29" s="244"/>
      <c r="KG29" s="71">
        <v>30</v>
      </c>
      <c r="KH29" s="71">
        <v>32</v>
      </c>
      <c r="KI29" s="71">
        <v>22</v>
      </c>
      <c r="KJ29" s="71">
        <v>10</v>
      </c>
      <c r="KK29" s="71">
        <v>2</v>
      </c>
      <c r="KL29" s="72">
        <v>96</v>
      </c>
      <c r="KM29" s="73">
        <v>133</v>
      </c>
    </row>
    <row r="30" spans="2:299" ht="21" customHeight="1" x14ac:dyDescent="0.2">
      <c r="B30" s="126" t="s">
        <v>27</v>
      </c>
      <c r="C30" s="313">
        <v>16</v>
      </c>
      <c r="D30" s="82">
        <v>26</v>
      </c>
      <c r="E30" s="83">
        <v>42</v>
      </c>
      <c r="F30" s="241"/>
      <c r="G30" s="82">
        <v>15</v>
      </c>
      <c r="H30" s="82">
        <v>18</v>
      </c>
      <c r="I30" s="82">
        <v>19</v>
      </c>
      <c r="J30" s="82">
        <v>16</v>
      </c>
      <c r="K30" s="82">
        <v>5</v>
      </c>
      <c r="L30" s="84">
        <v>73</v>
      </c>
      <c r="M30" s="85">
        <v>115</v>
      </c>
      <c r="N30" s="70">
        <v>0</v>
      </c>
      <c r="O30" s="71">
        <v>0</v>
      </c>
      <c r="P30" s="72">
        <v>0</v>
      </c>
      <c r="Q30" s="244"/>
      <c r="R30" s="71">
        <v>0</v>
      </c>
      <c r="S30" s="71">
        <v>1</v>
      </c>
      <c r="T30" s="71">
        <v>0</v>
      </c>
      <c r="U30" s="71">
        <v>0</v>
      </c>
      <c r="V30" s="71">
        <v>0</v>
      </c>
      <c r="W30" s="72">
        <v>1</v>
      </c>
      <c r="X30" s="73">
        <v>1</v>
      </c>
      <c r="Y30" s="70">
        <v>0</v>
      </c>
      <c r="Z30" s="71">
        <v>2</v>
      </c>
      <c r="AA30" s="72">
        <v>2</v>
      </c>
      <c r="AB30" s="244"/>
      <c r="AC30" s="71">
        <v>0</v>
      </c>
      <c r="AD30" s="71">
        <v>1</v>
      </c>
      <c r="AE30" s="71">
        <v>0</v>
      </c>
      <c r="AF30" s="71">
        <v>0</v>
      </c>
      <c r="AG30" s="71">
        <v>0</v>
      </c>
      <c r="AH30" s="72">
        <v>1</v>
      </c>
      <c r="AI30" s="73">
        <v>3</v>
      </c>
      <c r="AJ30" s="70">
        <v>2</v>
      </c>
      <c r="AK30" s="71">
        <v>2</v>
      </c>
      <c r="AL30" s="72">
        <v>4</v>
      </c>
      <c r="AM30" s="244"/>
      <c r="AN30" s="71">
        <v>0</v>
      </c>
      <c r="AO30" s="71">
        <v>0</v>
      </c>
      <c r="AP30" s="71">
        <v>2</v>
      </c>
      <c r="AQ30" s="71">
        <v>1</v>
      </c>
      <c r="AR30" s="71">
        <v>1</v>
      </c>
      <c r="AS30" s="72">
        <v>4</v>
      </c>
      <c r="AT30" s="73">
        <v>8</v>
      </c>
      <c r="AU30" s="70">
        <v>6</v>
      </c>
      <c r="AV30" s="71">
        <v>4</v>
      </c>
      <c r="AW30" s="72">
        <v>10</v>
      </c>
      <c r="AX30" s="244"/>
      <c r="AY30" s="71">
        <v>6</v>
      </c>
      <c r="AZ30" s="71">
        <v>4</v>
      </c>
      <c r="BA30" s="71">
        <v>5</v>
      </c>
      <c r="BB30" s="71">
        <v>3</v>
      </c>
      <c r="BC30" s="71">
        <v>1</v>
      </c>
      <c r="BD30" s="72">
        <v>19</v>
      </c>
      <c r="BE30" s="73">
        <v>29</v>
      </c>
      <c r="BF30" s="70">
        <v>3</v>
      </c>
      <c r="BG30" s="71">
        <v>8</v>
      </c>
      <c r="BH30" s="72">
        <v>11</v>
      </c>
      <c r="BI30" s="244"/>
      <c r="BJ30" s="71">
        <v>3</v>
      </c>
      <c r="BK30" s="71">
        <v>5</v>
      </c>
      <c r="BL30" s="71">
        <v>8</v>
      </c>
      <c r="BM30" s="71">
        <v>4</v>
      </c>
      <c r="BN30" s="71">
        <v>1</v>
      </c>
      <c r="BO30" s="72">
        <v>21</v>
      </c>
      <c r="BP30" s="73">
        <v>32</v>
      </c>
      <c r="BQ30" s="70">
        <v>5</v>
      </c>
      <c r="BR30" s="71">
        <v>10</v>
      </c>
      <c r="BS30" s="72">
        <v>15</v>
      </c>
      <c r="BT30" s="244"/>
      <c r="BU30" s="71">
        <v>6</v>
      </c>
      <c r="BV30" s="71">
        <v>7</v>
      </c>
      <c r="BW30" s="71">
        <v>4</v>
      </c>
      <c r="BX30" s="71">
        <v>8</v>
      </c>
      <c r="BY30" s="71">
        <v>2</v>
      </c>
      <c r="BZ30" s="72">
        <v>27</v>
      </c>
      <c r="CA30" s="73">
        <v>42</v>
      </c>
      <c r="CB30" s="70">
        <v>0</v>
      </c>
      <c r="CC30" s="71">
        <v>0</v>
      </c>
      <c r="CD30" s="72">
        <v>0</v>
      </c>
      <c r="CE30" s="244"/>
      <c r="CF30" s="71">
        <v>0</v>
      </c>
      <c r="CG30" s="71">
        <v>0</v>
      </c>
      <c r="CH30" s="71">
        <v>0</v>
      </c>
      <c r="CI30" s="71">
        <v>0</v>
      </c>
      <c r="CJ30" s="71">
        <v>0</v>
      </c>
      <c r="CK30" s="72">
        <v>0</v>
      </c>
      <c r="CL30" s="73">
        <v>0</v>
      </c>
      <c r="CM30" s="70">
        <v>16</v>
      </c>
      <c r="CN30" s="71">
        <v>26</v>
      </c>
      <c r="CO30" s="72">
        <v>42</v>
      </c>
      <c r="CP30" s="244"/>
      <c r="CQ30" s="71">
        <v>15</v>
      </c>
      <c r="CR30" s="71">
        <v>18</v>
      </c>
      <c r="CS30" s="71">
        <v>19</v>
      </c>
      <c r="CT30" s="71">
        <v>16</v>
      </c>
      <c r="CU30" s="71">
        <v>5</v>
      </c>
      <c r="CV30" s="72">
        <v>73</v>
      </c>
      <c r="CW30" s="73">
        <v>115</v>
      </c>
      <c r="CX30" s="123">
        <v>3</v>
      </c>
      <c r="CY30" s="82">
        <v>4</v>
      </c>
      <c r="CZ30" s="83">
        <v>7</v>
      </c>
      <c r="DA30" s="241"/>
      <c r="DB30" s="82">
        <v>4</v>
      </c>
      <c r="DC30" s="82">
        <v>2</v>
      </c>
      <c r="DD30" s="82">
        <v>2</v>
      </c>
      <c r="DE30" s="82">
        <v>4</v>
      </c>
      <c r="DF30" s="82">
        <v>1</v>
      </c>
      <c r="DG30" s="84">
        <v>13</v>
      </c>
      <c r="DH30" s="85">
        <v>20</v>
      </c>
      <c r="DI30" s="70">
        <v>0</v>
      </c>
      <c r="DJ30" s="71">
        <v>1</v>
      </c>
      <c r="DK30" s="72">
        <v>1</v>
      </c>
      <c r="DL30" s="244"/>
      <c r="DM30" s="71">
        <v>0</v>
      </c>
      <c r="DN30" s="71">
        <v>0</v>
      </c>
      <c r="DO30" s="71">
        <v>0</v>
      </c>
      <c r="DP30" s="71">
        <v>0</v>
      </c>
      <c r="DQ30" s="71">
        <v>0</v>
      </c>
      <c r="DR30" s="72">
        <v>0</v>
      </c>
      <c r="DS30" s="73">
        <v>1</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1</v>
      </c>
      <c r="EU30" s="71">
        <v>0</v>
      </c>
      <c r="EV30" s="71">
        <v>0</v>
      </c>
      <c r="EW30" s="71">
        <v>0</v>
      </c>
      <c r="EX30" s="71">
        <v>0</v>
      </c>
      <c r="EY30" s="72">
        <v>1</v>
      </c>
      <c r="EZ30" s="73">
        <v>1</v>
      </c>
      <c r="FA30" s="70">
        <v>2</v>
      </c>
      <c r="FB30" s="71">
        <v>0</v>
      </c>
      <c r="FC30" s="72">
        <v>2</v>
      </c>
      <c r="FD30" s="244"/>
      <c r="FE30" s="71">
        <v>2</v>
      </c>
      <c r="FF30" s="71">
        <v>2</v>
      </c>
      <c r="FG30" s="71">
        <v>0</v>
      </c>
      <c r="FH30" s="71">
        <v>0</v>
      </c>
      <c r="FI30" s="71">
        <v>0</v>
      </c>
      <c r="FJ30" s="72">
        <v>4</v>
      </c>
      <c r="FK30" s="73">
        <v>6</v>
      </c>
      <c r="FL30" s="70">
        <v>1</v>
      </c>
      <c r="FM30" s="71">
        <v>3</v>
      </c>
      <c r="FN30" s="72">
        <v>4</v>
      </c>
      <c r="FO30" s="244"/>
      <c r="FP30" s="71">
        <v>1</v>
      </c>
      <c r="FQ30" s="71">
        <v>0</v>
      </c>
      <c r="FR30" s="71">
        <v>2</v>
      </c>
      <c r="FS30" s="71">
        <v>4</v>
      </c>
      <c r="FT30" s="71">
        <v>1</v>
      </c>
      <c r="FU30" s="72">
        <v>8</v>
      </c>
      <c r="FV30" s="73">
        <v>12</v>
      </c>
      <c r="FW30" s="70">
        <v>0</v>
      </c>
      <c r="FX30" s="71">
        <v>0</v>
      </c>
      <c r="FY30" s="72">
        <v>0</v>
      </c>
      <c r="FZ30" s="244"/>
      <c r="GA30" s="71">
        <v>0</v>
      </c>
      <c r="GB30" s="71">
        <v>0</v>
      </c>
      <c r="GC30" s="71">
        <v>0</v>
      </c>
      <c r="GD30" s="71">
        <v>0</v>
      </c>
      <c r="GE30" s="71">
        <v>0</v>
      </c>
      <c r="GF30" s="72">
        <v>0</v>
      </c>
      <c r="GG30" s="73">
        <v>0</v>
      </c>
      <c r="GH30" s="70">
        <v>3</v>
      </c>
      <c r="GI30" s="71">
        <v>4</v>
      </c>
      <c r="GJ30" s="72">
        <v>7</v>
      </c>
      <c r="GK30" s="244"/>
      <c r="GL30" s="71">
        <v>4</v>
      </c>
      <c r="GM30" s="71">
        <v>2</v>
      </c>
      <c r="GN30" s="71">
        <v>2</v>
      </c>
      <c r="GO30" s="71">
        <v>4</v>
      </c>
      <c r="GP30" s="71">
        <v>1</v>
      </c>
      <c r="GQ30" s="72">
        <v>13</v>
      </c>
      <c r="GR30" s="73">
        <v>20</v>
      </c>
      <c r="GS30" s="123">
        <v>19</v>
      </c>
      <c r="GT30" s="82">
        <v>30</v>
      </c>
      <c r="GU30" s="83">
        <v>49</v>
      </c>
      <c r="GV30" s="241"/>
      <c r="GW30" s="82">
        <v>19</v>
      </c>
      <c r="GX30" s="82">
        <v>20</v>
      </c>
      <c r="GY30" s="82">
        <v>21</v>
      </c>
      <c r="GZ30" s="82">
        <v>20</v>
      </c>
      <c r="HA30" s="82">
        <v>6</v>
      </c>
      <c r="HB30" s="84">
        <v>86</v>
      </c>
      <c r="HC30" s="85">
        <v>135</v>
      </c>
      <c r="HD30" s="70">
        <v>0</v>
      </c>
      <c r="HE30" s="71">
        <v>1</v>
      </c>
      <c r="HF30" s="72">
        <v>1</v>
      </c>
      <c r="HG30" s="244"/>
      <c r="HH30" s="71">
        <v>0</v>
      </c>
      <c r="HI30" s="71">
        <v>1</v>
      </c>
      <c r="HJ30" s="71">
        <v>0</v>
      </c>
      <c r="HK30" s="71">
        <v>0</v>
      </c>
      <c r="HL30" s="71">
        <v>0</v>
      </c>
      <c r="HM30" s="72">
        <v>1</v>
      </c>
      <c r="HN30" s="73">
        <v>2</v>
      </c>
      <c r="HO30" s="70">
        <v>0</v>
      </c>
      <c r="HP30" s="71">
        <v>2</v>
      </c>
      <c r="HQ30" s="72">
        <v>2</v>
      </c>
      <c r="HR30" s="244"/>
      <c r="HS30" s="71">
        <v>0</v>
      </c>
      <c r="HT30" s="71">
        <v>1</v>
      </c>
      <c r="HU30" s="71">
        <v>0</v>
      </c>
      <c r="HV30" s="71">
        <v>0</v>
      </c>
      <c r="HW30" s="71">
        <v>0</v>
      </c>
      <c r="HX30" s="72">
        <v>1</v>
      </c>
      <c r="HY30" s="73">
        <v>3</v>
      </c>
      <c r="HZ30" s="70">
        <v>2</v>
      </c>
      <c r="IA30" s="71">
        <v>2</v>
      </c>
      <c r="IB30" s="72">
        <v>4</v>
      </c>
      <c r="IC30" s="244"/>
      <c r="ID30" s="71">
        <v>0</v>
      </c>
      <c r="IE30" s="71">
        <v>0</v>
      </c>
      <c r="IF30" s="71">
        <v>2</v>
      </c>
      <c r="IG30" s="71">
        <v>1</v>
      </c>
      <c r="IH30" s="71">
        <v>1</v>
      </c>
      <c r="II30" s="72">
        <v>4</v>
      </c>
      <c r="IJ30" s="73">
        <v>8</v>
      </c>
      <c r="IK30" s="70">
        <v>6</v>
      </c>
      <c r="IL30" s="71">
        <v>4</v>
      </c>
      <c r="IM30" s="72">
        <v>10</v>
      </c>
      <c r="IN30" s="244"/>
      <c r="IO30" s="71">
        <v>7</v>
      </c>
      <c r="IP30" s="71">
        <v>4</v>
      </c>
      <c r="IQ30" s="71">
        <v>5</v>
      </c>
      <c r="IR30" s="71">
        <v>3</v>
      </c>
      <c r="IS30" s="71">
        <v>1</v>
      </c>
      <c r="IT30" s="72">
        <v>20</v>
      </c>
      <c r="IU30" s="73">
        <v>30</v>
      </c>
      <c r="IV30" s="70">
        <v>5</v>
      </c>
      <c r="IW30" s="71">
        <v>8</v>
      </c>
      <c r="IX30" s="72">
        <v>13</v>
      </c>
      <c r="IY30" s="244"/>
      <c r="IZ30" s="71">
        <v>5</v>
      </c>
      <c r="JA30" s="71">
        <v>7</v>
      </c>
      <c r="JB30" s="71">
        <v>8</v>
      </c>
      <c r="JC30" s="71">
        <v>4</v>
      </c>
      <c r="JD30" s="71">
        <v>1</v>
      </c>
      <c r="JE30" s="72">
        <v>25</v>
      </c>
      <c r="JF30" s="73">
        <v>38</v>
      </c>
      <c r="JG30" s="70">
        <v>6</v>
      </c>
      <c r="JH30" s="71">
        <v>13</v>
      </c>
      <c r="JI30" s="72">
        <v>19</v>
      </c>
      <c r="JJ30" s="244"/>
      <c r="JK30" s="71">
        <v>7</v>
      </c>
      <c r="JL30" s="71">
        <v>7</v>
      </c>
      <c r="JM30" s="71">
        <v>6</v>
      </c>
      <c r="JN30" s="71">
        <v>12</v>
      </c>
      <c r="JO30" s="71">
        <v>3</v>
      </c>
      <c r="JP30" s="72">
        <v>35</v>
      </c>
      <c r="JQ30" s="73">
        <v>54</v>
      </c>
      <c r="JR30" s="70">
        <v>0</v>
      </c>
      <c r="JS30" s="71">
        <v>0</v>
      </c>
      <c r="JT30" s="72">
        <v>0</v>
      </c>
      <c r="JU30" s="244"/>
      <c r="JV30" s="71">
        <v>0</v>
      </c>
      <c r="JW30" s="71">
        <v>0</v>
      </c>
      <c r="JX30" s="71">
        <v>0</v>
      </c>
      <c r="JY30" s="71">
        <v>0</v>
      </c>
      <c r="JZ30" s="71">
        <v>0</v>
      </c>
      <c r="KA30" s="72">
        <v>0</v>
      </c>
      <c r="KB30" s="73">
        <v>0</v>
      </c>
      <c r="KC30" s="70">
        <v>19</v>
      </c>
      <c r="KD30" s="71">
        <v>30</v>
      </c>
      <c r="KE30" s="72">
        <v>49</v>
      </c>
      <c r="KF30" s="244"/>
      <c r="KG30" s="71">
        <v>19</v>
      </c>
      <c r="KH30" s="71">
        <v>20</v>
      </c>
      <c r="KI30" s="71">
        <v>21</v>
      </c>
      <c r="KJ30" s="71">
        <v>20</v>
      </c>
      <c r="KK30" s="71">
        <v>6</v>
      </c>
      <c r="KL30" s="72">
        <v>86</v>
      </c>
      <c r="KM30" s="73">
        <v>135</v>
      </c>
    </row>
    <row r="31" spans="2:299" ht="21" customHeight="1" x14ac:dyDescent="0.2">
      <c r="B31" s="126" t="s">
        <v>28</v>
      </c>
      <c r="C31" s="313">
        <v>1</v>
      </c>
      <c r="D31" s="82">
        <v>2</v>
      </c>
      <c r="E31" s="83">
        <v>3</v>
      </c>
      <c r="F31" s="241"/>
      <c r="G31" s="82">
        <v>9</v>
      </c>
      <c r="H31" s="82">
        <v>9</v>
      </c>
      <c r="I31" s="82">
        <v>1</v>
      </c>
      <c r="J31" s="82">
        <v>1</v>
      </c>
      <c r="K31" s="82">
        <v>0</v>
      </c>
      <c r="L31" s="84">
        <v>20</v>
      </c>
      <c r="M31" s="85">
        <v>23</v>
      </c>
      <c r="N31" s="70">
        <v>0</v>
      </c>
      <c r="O31" s="71">
        <v>0</v>
      </c>
      <c r="P31" s="72">
        <v>0</v>
      </c>
      <c r="Q31" s="244"/>
      <c r="R31" s="71">
        <v>0</v>
      </c>
      <c r="S31" s="71">
        <v>0</v>
      </c>
      <c r="T31" s="71">
        <v>0</v>
      </c>
      <c r="U31" s="71">
        <v>0</v>
      </c>
      <c r="V31" s="71">
        <v>0</v>
      </c>
      <c r="W31" s="72">
        <v>0</v>
      </c>
      <c r="X31" s="73">
        <v>0</v>
      </c>
      <c r="Y31" s="70">
        <v>0</v>
      </c>
      <c r="Z31" s="71">
        <v>0</v>
      </c>
      <c r="AA31" s="72">
        <v>0</v>
      </c>
      <c r="AB31" s="244"/>
      <c r="AC31" s="71">
        <v>2</v>
      </c>
      <c r="AD31" s="71">
        <v>0</v>
      </c>
      <c r="AE31" s="71">
        <v>0</v>
      </c>
      <c r="AF31" s="71">
        <v>0</v>
      </c>
      <c r="AG31" s="71">
        <v>0</v>
      </c>
      <c r="AH31" s="72">
        <v>2</v>
      </c>
      <c r="AI31" s="73">
        <v>2</v>
      </c>
      <c r="AJ31" s="70">
        <v>0</v>
      </c>
      <c r="AK31" s="71">
        <v>0</v>
      </c>
      <c r="AL31" s="72">
        <v>0</v>
      </c>
      <c r="AM31" s="244"/>
      <c r="AN31" s="71">
        <v>1</v>
      </c>
      <c r="AO31" s="71">
        <v>1</v>
      </c>
      <c r="AP31" s="71">
        <v>0</v>
      </c>
      <c r="AQ31" s="71">
        <v>0</v>
      </c>
      <c r="AR31" s="71">
        <v>0</v>
      </c>
      <c r="AS31" s="72">
        <v>2</v>
      </c>
      <c r="AT31" s="73">
        <v>2</v>
      </c>
      <c r="AU31" s="70">
        <v>1</v>
      </c>
      <c r="AV31" s="71">
        <v>0</v>
      </c>
      <c r="AW31" s="72">
        <v>1</v>
      </c>
      <c r="AX31" s="244"/>
      <c r="AY31" s="71">
        <v>2</v>
      </c>
      <c r="AZ31" s="71">
        <v>3</v>
      </c>
      <c r="BA31" s="71">
        <v>0</v>
      </c>
      <c r="BB31" s="71">
        <v>0</v>
      </c>
      <c r="BC31" s="71">
        <v>0</v>
      </c>
      <c r="BD31" s="72">
        <v>5</v>
      </c>
      <c r="BE31" s="73">
        <v>6</v>
      </c>
      <c r="BF31" s="70">
        <v>0</v>
      </c>
      <c r="BG31" s="71">
        <v>2</v>
      </c>
      <c r="BH31" s="72">
        <v>2</v>
      </c>
      <c r="BI31" s="244"/>
      <c r="BJ31" s="71">
        <v>2</v>
      </c>
      <c r="BK31" s="71">
        <v>3</v>
      </c>
      <c r="BL31" s="71">
        <v>1</v>
      </c>
      <c r="BM31" s="71">
        <v>0</v>
      </c>
      <c r="BN31" s="71">
        <v>0</v>
      </c>
      <c r="BO31" s="72">
        <v>6</v>
      </c>
      <c r="BP31" s="73">
        <v>8</v>
      </c>
      <c r="BQ31" s="70">
        <v>0</v>
      </c>
      <c r="BR31" s="71">
        <v>0</v>
      </c>
      <c r="BS31" s="72">
        <v>0</v>
      </c>
      <c r="BT31" s="244"/>
      <c r="BU31" s="71">
        <v>2</v>
      </c>
      <c r="BV31" s="71">
        <v>2</v>
      </c>
      <c r="BW31" s="71">
        <v>0</v>
      </c>
      <c r="BX31" s="71">
        <v>1</v>
      </c>
      <c r="BY31" s="71">
        <v>0</v>
      </c>
      <c r="BZ31" s="72">
        <v>5</v>
      </c>
      <c r="CA31" s="73">
        <v>5</v>
      </c>
      <c r="CB31" s="70">
        <v>0</v>
      </c>
      <c r="CC31" s="71">
        <v>0</v>
      </c>
      <c r="CD31" s="72">
        <v>0</v>
      </c>
      <c r="CE31" s="244"/>
      <c r="CF31" s="71">
        <v>0</v>
      </c>
      <c r="CG31" s="71">
        <v>0</v>
      </c>
      <c r="CH31" s="71">
        <v>0</v>
      </c>
      <c r="CI31" s="71">
        <v>0</v>
      </c>
      <c r="CJ31" s="71">
        <v>0</v>
      </c>
      <c r="CK31" s="72">
        <v>0</v>
      </c>
      <c r="CL31" s="73">
        <v>0</v>
      </c>
      <c r="CM31" s="70">
        <v>1</v>
      </c>
      <c r="CN31" s="71">
        <v>2</v>
      </c>
      <c r="CO31" s="72">
        <v>3</v>
      </c>
      <c r="CP31" s="244"/>
      <c r="CQ31" s="71">
        <v>9</v>
      </c>
      <c r="CR31" s="71">
        <v>9</v>
      </c>
      <c r="CS31" s="71">
        <v>1</v>
      </c>
      <c r="CT31" s="71">
        <v>1</v>
      </c>
      <c r="CU31" s="71">
        <v>0</v>
      </c>
      <c r="CV31" s="72">
        <v>20</v>
      </c>
      <c r="CW31" s="73">
        <v>23</v>
      </c>
      <c r="CX31" s="123">
        <v>0</v>
      </c>
      <c r="CY31" s="82">
        <v>2</v>
      </c>
      <c r="CZ31" s="83">
        <v>2</v>
      </c>
      <c r="DA31" s="241"/>
      <c r="DB31" s="82">
        <v>3</v>
      </c>
      <c r="DC31" s="82">
        <v>1</v>
      </c>
      <c r="DD31" s="82">
        <v>0</v>
      </c>
      <c r="DE31" s="82">
        <v>1</v>
      </c>
      <c r="DF31" s="82">
        <v>2</v>
      </c>
      <c r="DG31" s="84">
        <v>7</v>
      </c>
      <c r="DH31" s="85">
        <v>9</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0</v>
      </c>
      <c r="EU31" s="71">
        <v>0</v>
      </c>
      <c r="EV31" s="71">
        <v>0</v>
      </c>
      <c r="EW31" s="71">
        <v>0</v>
      </c>
      <c r="EX31" s="71">
        <v>0</v>
      </c>
      <c r="EY31" s="72">
        <v>0</v>
      </c>
      <c r="EZ31" s="73">
        <v>0</v>
      </c>
      <c r="FA31" s="70">
        <v>0</v>
      </c>
      <c r="FB31" s="71">
        <v>0</v>
      </c>
      <c r="FC31" s="72">
        <v>0</v>
      </c>
      <c r="FD31" s="244"/>
      <c r="FE31" s="71">
        <v>1</v>
      </c>
      <c r="FF31" s="71">
        <v>1</v>
      </c>
      <c r="FG31" s="71">
        <v>0</v>
      </c>
      <c r="FH31" s="71">
        <v>0</v>
      </c>
      <c r="FI31" s="71">
        <v>2</v>
      </c>
      <c r="FJ31" s="72">
        <v>4</v>
      </c>
      <c r="FK31" s="73">
        <v>4</v>
      </c>
      <c r="FL31" s="70">
        <v>0</v>
      </c>
      <c r="FM31" s="71">
        <v>1</v>
      </c>
      <c r="FN31" s="72">
        <v>1</v>
      </c>
      <c r="FO31" s="244"/>
      <c r="FP31" s="71">
        <v>2</v>
      </c>
      <c r="FQ31" s="71">
        <v>0</v>
      </c>
      <c r="FR31" s="71">
        <v>0</v>
      </c>
      <c r="FS31" s="71">
        <v>1</v>
      </c>
      <c r="FT31" s="71">
        <v>0</v>
      </c>
      <c r="FU31" s="72">
        <v>3</v>
      </c>
      <c r="FV31" s="73">
        <v>4</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2</v>
      </c>
      <c r="GQ31" s="72">
        <v>7</v>
      </c>
      <c r="GR31" s="73">
        <v>9</v>
      </c>
      <c r="GS31" s="123">
        <v>1</v>
      </c>
      <c r="GT31" s="82">
        <v>4</v>
      </c>
      <c r="GU31" s="83">
        <v>5</v>
      </c>
      <c r="GV31" s="241"/>
      <c r="GW31" s="82">
        <v>12</v>
      </c>
      <c r="GX31" s="82">
        <v>10</v>
      </c>
      <c r="GY31" s="82">
        <v>1</v>
      </c>
      <c r="GZ31" s="82">
        <v>2</v>
      </c>
      <c r="HA31" s="82">
        <v>2</v>
      </c>
      <c r="HB31" s="84">
        <v>27</v>
      </c>
      <c r="HC31" s="85">
        <v>32</v>
      </c>
      <c r="HD31" s="70">
        <v>0</v>
      </c>
      <c r="HE31" s="71">
        <v>0</v>
      </c>
      <c r="HF31" s="72">
        <v>0</v>
      </c>
      <c r="HG31" s="244"/>
      <c r="HH31" s="71">
        <v>0</v>
      </c>
      <c r="HI31" s="71">
        <v>0</v>
      </c>
      <c r="HJ31" s="71">
        <v>0</v>
      </c>
      <c r="HK31" s="71">
        <v>0</v>
      </c>
      <c r="HL31" s="71">
        <v>0</v>
      </c>
      <c r="HM31" s="72">
        <v>0</v>
      </c>
      <c r="HN31" s="73">
        <v>0</v>
      </c>
      <c r="HO31" s="70">
        <v>0</v>
      </c>
      <c r="HP31" s="71">
        <v>0</v>
      </c>
      <c r="HQ31" s="72">
        <v>0</v>
      </c>
      <c r="HR31" s="244"/>
      <c r="HS31" s="71">
        <v>2</v>
      </c>
      <c r="HT31" s="71">
        <v>0</v>
      </c>
      <c r="HU31" s="71">
        <v>0</v>
      </c>
      <c r="HV31" s="71">
        <v>0</v>
      </c>
      <c r="HW31" s="71">
        <v>0</v>
      </c>
      <c r="HX31" s="72">
        <v>2</v>
      </c>
      <c r="HY31" s="73">
        <v>2</v>
      </c>
      <c r="HZ31" s="70">
        <v>0</v>
      </c>
      <c r="IA31" s="71">
        <v>1</v>
      </c>
      <c r="IB31" s="72">
        <v>1</v>
      </c>
      <c r="IC31" s="244"/>
      <c r="ID31" s="71">
        <v>1</v>
      </c>
      <c r="IE31" s="71">
        <v>1</v>
      </c>
      <c r="IF31" s="71">
        <v>0</v>
      </c>
      <c r="IG31" s="71">
        <v>0</v>
      </c>
      <c r="IH31" s="71">
        <v>0</v>
      </c>
      <c r="II31" s="72">
        <v>2</v>
      </c>
      <c r="IJ31" s="73">
        <v>3</v>
      </c>
      <c r="IK31" s="70">
        <v>1</v>
      </c>
      <c r="IL31" s="71">
        <v>0</v>
      </c>
      <c r="IM31" s="72">
        <v>1</v>
      </c>
      <c r="IN31" s="244"/>
      <c r="IO31" s="71">
        <v>2</v>
      </c>
      <c r="IP31" s="71">
        <v>3</v>
      </c>
      <c r="IQ31" s="71">
        <v>0</v>
      </c>
      <c r="IR31" s="71">
        <v>0</v>
      </c>
      <c r="IS31" s="71">
        <v>0</v>
      </c>
      <c r="IT31" s="72">
        <v>5</v>
      </c>
      <c r="IU31" s="73">
        <v>6</v>
      </c>
      <c r="IV31" s="70">
        <v>0</v>
      </c>
      <c r="IW31" s="71">
        <v>2</v>
      </c>
      <c r="IX31" s="72">
        <v>2</v>
      </c>
      <c r="IY31" s="244"/>
      <c r="IZ31" s="71">
        <v>3</v>
      </c>
      <c r="JA31" s="71">
        <v>4</v>
      </c>
      <c r="JB31" s="71">
        <v>1</v>
      </c>
      <c r="JC31" s="71">
        <v>0</v>
      </c>
      <c r="JD31" s="71">
        <v>2</v>
      </c>
      <c r="JE31" s="72">
        <v>10</v>
      </c>
      <c r="JF31" s="73">
        <v>12</v>
      </c>
      <c r="JG31" s="70">
        <v>0</v>
      </c>
      <c r="JH31" s="71">
        <v>1</v>
      </c>
      <c r="JI31" s="72">
        <v>1</v>
      </c>
      <c r="JJ31" s="244"/>
      <c r="JK31" s="71">
        <v>4</v>
      </c>
      <c r="JL31" s="71">
        <v>2</v>
      </c>
      <c r="JM31" s="71">
        <v>0</v>
      </c>
      <c r="JN31" s="71">
        <v>2</v>
      </c>
      <c r="JO31" s="71">
        <v>0</v>
      </c>
      <c r="JP31" s="72">
        <v>8</v>
      </c>
      <c r="JQ31" s="73">
        <v>9</v>
      </c>
      <c r="JR31" s="70">
        <v>0</v>
      </c>
      <c r="JS31" s="71">
        <v>0</v>
      </c>
      <c r="JT31" s="72">
        <v>0</v>
      </c>
      <c r="JU31" s="244"/>
      <c r="JV31" s="71">
        <v>0</v>
      </c>
      <c r="JW31" s="71">
        <v>0</v>
      </c>
      <c r="JX31" s="71">
        <v>0</v>
      </c>
      <c r="JY31" s="71">
        <v>0</v>
      </c>
      <c r="JZ31" s="71">
        <v>0</v>
      </c>
      <c r="KA31" s="72">
        <v>0</v>
      </c>
      <c r="KB31" s="73">
        <v>0</v>
      </c>
      <c r="KC31" s="70">
        <v>1</v>
      </c>
      <c r="KD31" s="71">
        <v>4</v>
      </c>
      <c r="KE31" s="72">
        <v>5</v>
      </c>
      <c r="KF31" s="244"/>
      <c r="KG31" s="71">
        <v>12</v>
      </c>
      <c r="KH31" s="71">
        <v>10</v>
      </c>
      <c r="KI31" s="71">
        <v>1</v>
      </c>
      <c r="KJ31" s="71">
        <v>2</v>
      </c>
      <c r="KK31" s="71">
        <v>2</v>
      </c>
      <c r="KL31" s="72">
        <v>27</v>
      </c>
      <c r="KM31" s="73">
        <v>32</v>
      </c>
    </row>
    <row r="32" spans="2:299" ht="21" customHeight="1" x14ac:dyDescent="0.2">
      <c r="B32" s="126" t="s">
        <v>29</v>
      </c>
      <c r="C32" s="313">
        <v>4</v>
      </c>
      <c r="D32" s="82">
        <v>3</v>
      </c>
      <c r="E32" s="83">
        <v>7</v>
      </c>
      <c r="F32" s="241"/>
      <c r="G32" s="82">
        <v>2</v>
      </c>
      <c r="H32" s="82">
        <v>8</v>
      </c>
      <c r="I32" s="82">
        <v>2</v>
      </c>
      <c r="J32" s="82">
        <v>5</v>
      </c>
      <c r="K32" s="82">
        <v>1</v>
      </c>
      <c r="L32" s="84">
        <v>18</v>
      </c>
      <c r="M32" s="85">
        <v>25</v>
      </c>
      <c r="N32" s="70">
        <v>0</v>
      </c>
      <c r="O32" s="71">
        <v>0</v>
      </c>
      <c r="P32" s="72">
        <v>0</v>
      </c>
      <c r="Q32" s="244"/>
      <c r="R32" s="71">
        <v>0</v>
      </c>
      <c r="S32" s="71">
        <v>0</v>
      </c>
      <c r="T32" s="71">
        <v>0</v>
      </c>
      <c r="U32" s="71">
        <v>0</v>
      </c>
      <c r="V32" s="71">
        <v>0</v>
      </c>
      <c r="W32" s="72">
        <v>0</v>
      </c>
      <c r="X32" s="73">
        <v>0</v>
      </c>
      <c r="Y32" s="70">
        <v>0</v>
      </c>
      <c r="Z32" s="71">
        <v>0</v>
      </c>
      <c r="AA32" s="72">
        <v>0</v>
      </c>
      <c r="AB32" s="244"/>
      <c r="AC32" s="71">
        <v>0</v>
      </c>
      <c r="AD32" s="71">
        <v>1</v>
      </c>
      <c r="AE32" s="71">
        <v>0</v>
      </c>
      <c r="AF32" s="71">
        <v>0</v>
      </c>
      <c r="AG32" s="71">
        <v>0</v>
      </c>
      <c r="AH32" s="72">
        <v>1</v>
      </c>
      <c r="AI32" s="73">
        <v>1</v>
      </c>
      <c r="AJ32" s="70">
        <v>1</v>
      </c>
      <c r="AK32" s="71">
        <v>0</v>
      </c>
      <c r="AL32" s="72">
        <v>1</v>
      </c>
      <c r="AM32" s="244"/>
      <c r="AN32" s="71">
        <v>0</v>
      </c>
      <c r="AO32" s="71">
        <v>0</v>
      </c>
      <c r="AP32" s="71">
        <v>0</v>
      </c>
      <c r="AQ32" s="71">
        <v>1</v>
      </c>
      <c r="AR32" s="71">
        <v>1</v>
      </c>
      <c r="AS32" s="72">
        <v>2</v>
      </c>
      <c r="AT32" s="73">
        <v>3</v>
      </c>
      <c r="AU32" s="70">
        <v>1</v>
      </c>
      <c r="AV32" s="71">
        <v>2</v>
      </c>
      <c r="AW32" s="72">
        <v>3</v>
      </c>
      <c r="AX32" s="244"/>
      <c r="AY32" s="71">
        <v>1</v>
      </c>
      <c r="AZ32" s="71">
        <v>1</v>
      </c>
      <c r="BA32" s="71">
        <v>0</v>
      </c>
      <c r="BB32" s="71">
        <v>1</v>
      </c>
      <c r="BC32" s="71">
        <v>0</v>
      </c>
      <c r="BD32" s="72">
        <v>3</v>
      </c>
      <c r="BE32" s="73">
        <v>6</v>
      </c>
      <c r="BF32" s="70">
        <v>0</v>
      </c>
      <c r="BG32" s="71">
        <v>1</v>
      </c>
      <c r="BH32" s="72">
        <v>1</v>
      </c>
      <c r="BI32" s="244"/>
      <c r="BJ32" s="71">
        <v>1</v>
      </c>
      <c r="BK32" s="71">
        <v>3</v>
      </c>
      <c r="BL32" s="71">
        <v>0</v>
      </c>
      <c r="BM32" s="71">
        <v>1</v>
      </c>
      <c r="BN32" s="71">
        <v>0</v>
      </c>
      <c r="BO32" s="72">
        <v>5</v>
      </c>
      <c r="BP32" s="73">
        <v>6</v>
      </c>
      <c r="BQ32" s="70">
        <v>2</v>
      </c>
      <c r="BR32" s="71">
        <v>0</v>
      </c>
      <c r="BS32" s="72">
        <v>2</v>
      </c>
      <c r="BT32" s="244"/>
      <c r="BU32" s="71">
        <v>0</v>
      </c>
      <c r="BV32" s="71">
        <v>3</v>
      </c>
      <c r="BW32" s="71">
        <v>2</v>
      </c>
      <c r="BX32" s="71">
        <v>2</v>
      </c>
      <c r="BY32" s="71">
        <v>0</v>
      </c>
      <c r="BZ32" s="72">
        <v>7</v>
      </c>
      <c r="CA32" s="73">
        <v>9</v>
      </c>
      <c r="CB32" s="70">
        <v>0</v>
      </c>
      <c r="CC32" s="71">
        <v>0</v>
      </c>
      <c r="CD32" s="72">
        <v>0</v>
      </c>
      <c r="CE32" s="244"/>
      <c r="CF32" s="71">
        <v>0</v>
      </c>
      <c r="CG32" s="71">
        <v>0</v>
      </c>
      <c r="CH32" s="71">
        <v>0</v>
      </c>
      <c r="CI32" s="71">
        <v>0</v>
      </c>
      <c r="CJ32" s="71">
        <v>0</v>
      </c>
      <c r="CK32" s="72">
        <v>0</v>
      </c>
      <c r="CL32" s="73">
        <v>0</v>
      </c>
      <c r="CM32" s="70">
        <v>4</v>
      </c>
      <c r="CN32" s="71">
        <v>3</v>
      </c>
      <c r="CO32" s="72">
        <v>7</v>
      </c>
      <c r="CP32" s="244"/>
      <c r="CQ32" s="71">
        <v>2</v>
      </c>
      <c r="CR32" s="71">
        <v>8</v>
      </c>
      <c r="CS32" s="71">
        <v>2</v>
      </c>
      <c r="CT32" s="71">
        <v>5</v>
      </c>
      <c r="CU32" s="71">
        <v>1</v>
      </c>
      <c r="CV32" s="72">
        <v>18</v>
      </c>
      <c r="CW32" s="73">
        <v>25</v>
      </c>
      <c r="CX32" s="123">
        <v>1</v>
      </c>
      <c r="CY32" s="82">
        <v>0</v>
      </c>
      <c r="CZ32" s="83">
        <v>1</v>
      </c>
      <c r="DA32" s="241"/>
      <c r="DB32" s="82">
        <v>1</v>
      </c>
      <c r="DC32" s="82">
        <v>2</v>
      </c>
      <c r="DD32" s="82">
        <v>0</v>
      </c>
      <c r="DE32" s="82">
        <v>0</v>
      </c>
      <c r="DF32" s="82">
        <v>0</v>
      </c>
      <c r="DG32" s="84">
        <v>3</v>
      </c>
      <c r="DH32" s="85">
        <v>4</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1</v>
      </c>
      <c r="DZ32" s="71">
        <v>0</v>
      </c>
      <c r="EA32" s="71">
        <v>0</v>
      </c>
      <c r="EB32" s="71">
        <v>0</v>
      </c>
      <c r="EC32" s="72">
        <v>1</v>
      </c>
      <c r="ED32" s="73">
        <v>1</v>
      </c>
      <c r="EE32" s="70">
        <v>0</v>
      </c>
      <c r="EF32" s="71">
        <v>0</v>
      </c>
      <c r="EG32" s="72">
        <v>0</v>
      </c>
      <c r="EH32" s="244"/>
      <c r="EI32" s="71">
        <v>0</v>
      </c>
      <c r="EJ32" s="71">
        <v>0</v>
      </c>
      <c r="EK32" s="71">
        <v>0</v>
      </c>
      <c r="EL32" s="71">
        <v>0</v>
      </c>
      <c r="EM32" s="71">
        <v>0</v>
      </c>
      <c r="EN32" s="72">
        <v>0</v>
      </c>
      <c r="EO32" s="73">
        <v>0</v>
      </c>
      <c r="EP32" s="70">
        <v>1</v>
      </c>
      <c r="EQ32" s="71">
        <v>0</v>
      </c>
      <c r="ER32" s="72">
        <v>1</v>
      </c>
      <c r="ES32" s="244"/>
      <c r="ET32" s="71">
        <v>0</v>
      </c>
      <c r="EU32" s="71">
        <v>0</v>
      </c>
      <c r="EV32" s="71">
        <v>0</v>
      </c>
      <c r="EW32" s="71">
        <v>0</v>
      </c>
      <c r="EX32" s="71">
        <v>0</v>
      </c>
      <c r="EY32" s="72">
        <v>0</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1</v>
      </c>
      <c r="GI32" s="71">
        <v>0</v>
      </c>
      <c r="GJ32" s="72">
        <v>1</v>
      </c>
      <c r="GK32" s="244"/>
      <c r="GL32" s="71">
        <v>1</v>
      </c>
      <c r="GM32" s="71">
        <v>2</v>
      </c>
      <c r="GN32" s="71">
        <v>0</v>
      </c>
      <c r="GO32" s="71">
        <v>0</v>
      </c>
      <c r="GP32" s="71">
        <v>0</v>
      </c>
      <c r="GQ32" s="72">
        <v>3</v>
      </c>
      <c r="GR32" s="73">
        <v>4</v>
      </c>
      <c r="GS32" s="123">
        <v>5</v>
      </c>
      <c r="GT32" s="82">
        <v>3</v>
      </c>
      <c r="GU32" s="83">
        <v>8</v>
      </c>
      <c r="GV32" s="241"/>
      <c r="GW32" s="82">
        <v>3</v>
      </c>
      <c r="GX32" s="82">
        <v>10</v>
      </c>
      <c r="GY32" s="82">
        <v>2</v>
      </c>
      <c r="GZ32" s="82">
        <v>5</v>
      </c>
      <c r="HA32" s="82">
        <v>1</v>
      </c>
      <c r="HB32" s="84">
        <v>21</v>
      </c>
      <c r="HC32" s="85">
        <v>29</v>
      </c>
      <c r="HD32" s="70">
        <v>0</v>
      </c>
      <c r="HE32" s="71">
        <v>0</v>
      </c>
      <c r="HF32" s="72">
        <v>0</v>
      </c>
      <c r="HG32" s="244"/>
      <c r="HH32" s="71">
        <v>0</v>
      </c>
      <c r="HI32" s="71">
        <v>0</v>
      </c>
      <c r="HJ32" s="71">
        <v>0</v>
      </c>
      <c r="HK32" s="71">
        <v>0</v>
      </c>
      <c r="HL32" s="71">
        <v>0</v>
      </c>
      <c r="HM32" s="72">
        <v>0</v>
      </c>
      <c r="HN32" s="73">
        <v>0</v>
      </c>
      <c r="HO32" s="70">
        <v>0</v>
      </c>
      <c r="HP32" s="71">
        <v>0</v>
      </c>
      <c r="HQ32" s="72">
        <v>0</v>
      </c>
      <c r="HR32" s="244"/>
      <c r="HS32" s="71">
        <v>0</v>
      </c>
      <c r="HT32" s="71">
        <v>2</v>
      </c>
      <c r="HU32" s="71">
        <v>0</v>
      </c>
      <c r="HV32" s="71">
        <v>0</v>
      </c>
      <c r="HW32" s="71">
        <v>0</v>
      </c>
      <c r="HX32" s="72">
        <v>2</v>
      </c>
      <c r="HY32" s="73">
        <v>2</v>
      </c>
      <c r="HZ32" s="70">
        <v>1</v>
      </c>
      <c r="IA32" s="71">
        <v>0</v>
      </c>
      <c r="IB32" s="72">
        <v>1</v>
      </c>
      <c r="IC32" s="244"/>
      <c r="ID32" s="71">
        <v>0</v>
      </c>
      <c r="IE32" s="71">
        <v>0</v>
      </c>
      <c r="IF32" s="71">
        <v>0</v>
      </c>
      <c r="IG32" s="71">
        <v>1</v>
      </c>
      <c r="IH32" s="71">
        <v>1</v>
      </c>
      <c r="II32" s="72">
        <v>2</v>
      </c>
      <c r="IJ32" s="73">
        <v>3</v>
      </c>
      <c r="IK32" s="70">
        <v>2</v>
      </c>
      <c r="IL32" s="71">
        <v>2</v>
      </c>
      <c r="IM32" s="72">
        <v>4</v>
      </c>
      <c r="IN32" s="244"/>
      <c r="IO32" s="71">
        <v>1</v>
      </c>
      <c r="IP32" s="71">
        <v>1</v>
      </c>
      <c r="IQ32" s="71">
        <v>0</v>
      </c>
      <c r="IR32" s="71">
        <v>1</v>
      </c>
      <c r="IS32" s="71">
        <v>0</v>
      </c>
      <c r="IT32" s="72">
        <v>3</v>
      </c>
      <c r="IU32" s="73">
        <v>7</v>
      </c>
      <c r="IV32" s="70">
        <v>0</v>
      </c>
      <c r="IW32" s="71">
        <v>1</v>
      </c>
      <c r="IX32" s="72">
        <v>1</v>
      </c>
      <c r="IY32" s="244"/>
      <c r="IZ32" s="71">
        <v>2</v>
      </c>
      <c r="JA32" s="71">
        <v>3</v>
      </c>
      <c r="JB32" s="71">
        <v>0</v>
      </c>
      <c r="JC32" s="71">
        <v>1</v>
      </c>
      <c r="JD32" s="71">
        <v>0</v>
      </c>
      <c r="JE32" s="72">
        <v>6</v>
      </c>
      <c r="JF32" s="73">
        <v>7</v>
      </c>
      <c r="JG32" s="70">
        <v>2</v>
      </c>
      <c r="JH32" s="71">
        <v>0</v>
      </c>
      <c r="JI32" s="72">
        <v>2</v>
      </c>
      <c r="JJ32" s="244"/>
      <c r="JK32" s="71">
        <v>0</v>
      </c>
      <c r="JL32" s="71">
        <v>4</v>
      </c>
      <c r="JM32" s="71">
        <v>2</v>
      </c>
      <c r="JN32" s="71">
        <v>2</v>
      </c>
      <c r="JO32" s="71">
        <v>0</v>
      </c>
      <c r="JP32" s="72">
        <v>8</v>
      </c>
      <c r="JQ32" s="73">
        <v>10</v>
      </c>
      <c r="JR32" s="70">
        <v>0</v>
      </c>
      <c r="JS32" s="71">
        <v>0</v>
      </c>
      <c r="JT32" s="72">
        <v>0</v>
      </c>
      <c r="JU32" s="244"/>
      <c r="JV32" s="71">
        <v>0</v>
      </c>
      <c r="JW32" s="71">
        <v>0</v>
      </c>
      <c r="JX32" s="71">
        <v>0</v>
      </c>
      <c r="JY32" s="71">
        <v>0</v>
      </c>
      <c r="JZ32" s="71">
        <v>0</v>
      </c>
      <c r="KA32" s="72">
        <v>0</v>
      </c>
      <c r="KB32" s="73">
        <v>0</v>
      </c>
      <c r="KC32" s="70">
        <v>5</v>
      </c>
      <c r="KD32" s="71">
        <v>3</v>
      </c>
      <c r="KE32" s="72">
        <v>8</v>
      </c>
      <c r="KF32" s="244"/>
      <c r="KG32" s="71">
        <v>3</v>
      </c>
      <c r="KH32" s="71">
        <v>10</v>
      </c>
      <c r="KI32" s="71">
        <v>2</v>
      </c>
      <c r="KJ32" s="71">
        <v>5</v>
      </c>
      <c r="KK32" s="71">
        <v>1</v>
      </c>
      <c r="KL32" s="72">
        <v>21</v>
      </c>
      <c r="KM32" s="73">
        <v>29</v>
      </c>
    </row>
    <row r="33" spans="2:299" ht="21" customHeight="1" x14ac:dyDescent="0.2">
      <c r="B33" s="126" t="s">
        <v>30</v>
      </c>
      <c r="C33" s="313">
        <v>3</v>
      </c>
      <c r="D33" s="82">
        <v>5</v>
      </c>
      <c r="E33" s="83">
        <v>8</v>
      </c>
      <c r="F33" s="241"/>
      <c r="G33" s="82">
        <v>6</v>
      </c>
      <c r="H33" s="82">
        <v>1</v>
      </c>
      <c r="I33" s="82">
        <v>2</v>
      </c>
      <c r="J33" s="82">
        <v>6</v>
      </c>
      <c r="K33" s="82">
        <v>2</v>
      </c>
      <c r="L33" s="84">
        <v>17</v>
      </c>
      <c r="M33" s="85">
        <v>25</v>
      </c>
      <c r="N33" s="70">
        <v>0</v>
      </c>
      <c r="O33" s="71">
        <v>0</v>
      </c>
      <c r="P33" s="72">
        <v>0</v>
      </c>
      <c r="Q33" s="244"/>
      <c r="R33" s="71">
        <v>0</v>
      </c>
      <c r="S33" s="71">
        <v>0</v>
      </c>
      <c r="T33" s="71">
        <v>0</v>
      </c>
      <c r="U33" s="71">
        <v>0</v>
      </c>
      <c r="V33" s="71">
        <v>0</v>
      </c>
      <c r="W33" s="72">
        <v>0</v>
      </c>
      <c r="X33" s="73">
        <v>0</v>
      </c>
      <c r="Y33" s="70">
        <v>1</v>
      </c>
      <c r="Z33" s="71">
        <v>1</v>
      </c>
      <c r="AA33" s="72">
        <v>2</v>
      </c>
      <c r="AB33" s="244"/>
      <c r="AC33" s="71">
        <v>0</v>
      </c>
      <c r="AD33" s="71">
        <v>0</v>
      </c>
      <c r="AE33" s="71">
        <v>0</v>
      </c>
      <c r="AF33" s="71">
        <v>0</v>
      </c>
      <c r="AG33" s="71">
        <v>1</v>
      </c>
      <c r="AH33" s="72">
        <v>1</v>
      </c>
      <c r="AI33" s="73">
        <v>3</v>
      </c>
      <c r="AJ33" s="70">
        <v>0</v>
      </c>
      <c r="AK33" s="71">
        <v>0</v>
      </c>
      <c r="AL33" s="72">
        <v>0</v>
      </c>
      <c r="AM33" s="244"/>
      <c r="AN33" s="71">
        <v>0</v>
      </c>
      <c r="AO33" s="71">
        <v>0</v>
      </c>
      <c r="AP33" s="71">
        <v>0</v>
      </c>
      <c r="AQ33" s="71">
        <v>0</v>
      </c>
      <c r="AR33" s="71">
        <v>0</v>
      </c>
      <c r="AS33" s="72">
        <v>0</v>
      </c>
      <c r="AT33" s="73">
        <v>0</v>
      </c>
      <c r="AU33" s="70">
        <v>0</v>
      </c>
      <c r="AV33" s="71">
        <v>1</v>
      </c>
      <c r="AW33" s="72">
        <v>1</v>
      </c>
      <c r="AX33" s="244"/>
      <c r="AY33" s="71">
        <v>1</v>
      </c>
      <c r="AZ33" s="71">
        <v>0</v>
      </c>
      <c r="BA33" s="71">
        <v>0</v>
      </c>
      <c r="BB33" s="71">
        <v>1</v>
      </c>
      <c r="BC33" s="71">
        <v>1</v>
      </c>
      <c r="BD33" s="72">
        <v>3</v>
      </c>
      <c r="BE33" s="73">
        <v>4</v>
      </c>
      <c r="BF33" s="70">
        <v>1</v>
      </c>
      <c r="BG33" s="71">
        <v>1</v>
      </c>
      <c r="BH33" s="72">
        <v>2</v>
      </c>
      <c r="BI33" s="244"/>
      <c r="BJ33" s="71">
        <v>2</v>
      </c>
      <c r="BK33" s="71">
        <v>0</v>
      </c>
      <c r="BL33" s="71">
        <v>0</v>
      </c>
      <c r="BM33" s="71">
        <v>1</v>
      </c>
      <c r="BN33" s="71">
        <v>0</v>
      </c>
      <c r="BO33" s="72">
        <v>3</v>
      </c>
      <c r="BP33" s="73">
        <v>5</v>
      </c>
      <c r="BQ33" s="70">
        <v>1</v>
      </c>
      <c r="BR33" s="71">
        <v>2</v>
      </c>
      <c r="BS33" s="72">
        <v>3</v>
      </c>
      <c r="BT33" s="244"/>
      <c r="BU33" s="71">
        <v>3</v>
      </c>
      <c r="BV33" s="71">
        <v>1</v>
      </c>
      <c r="BW33" s="71">
        <v>2</v>
      </c>
      <c r="BX33" s="71">
        <v>4</v>
      </c>
      <c r="BY33" s="71">
        <v>0</v>
      </c>
      <c r="BZ33" s="72">
        <v>10</v>
      </c>
      <c r="CA33" s="73">
        <v>13</v>
      </c>
      <c r="CB33" s="70">
        <v>0</v>
      </c>
      <c r="CC33" s="71">
        <v>0</v>
      </c>
      <c r="CD33" s="72">
        <v>0</v>
      </c>
      <c r="CE33" s="244"/>
      <c r="CF33" s="71">
        <v>0</v>
      </c>
      <c r="CG33" s="71">
        <v>0</v>
      </c>
      <c r="CH33" s="71">
        <v>0</v>
      </c>
      <c r="CI33" s="71">
        <v>0</v>
      </c>
      <c r="CJ33" s="71">
        <v>0</v>
      </c>
      <c r="CK33" s="72">
        <v>0</v>
      </c>
      <c r="CL33" s="73">
        <v>0</v>
      </c>
      <c r="CM33" s="70">
        <v>3</v>
      </c>
      <c r="CN33" s="71">
        <v>5</v>
      </c>
      <c r="CO33" s="72">
        <v>8</v>
      </c>
      <c r="CP33" s="244"/>
      <c r="CQ33" s="71">
        <v>6</v>
      </c>
      <c r="CR33" s="71">
        <v>1</v>
      </c>
      <c r="CS33" s="71">
        <v>2</v>
      </c>
      <c r="CT33" s="71">
        <v>6</v>
      </c>
      <c r="CU33" s="71">
        <v>2</v>
      </c>
      <c r="CV33" s="72">
        <v>17</v>
      </c>
      <c r="CW33" s="73">
        <v>25</v>
      </c>
      <c r="CX33" s="123">
        <v>2</v>
      </c>
      <c r="CY33" s="82">
        <v>1</v>
      </c>
      <c r="CZ33" s="83">
        <v>3</v>
      </c>
      <c r="DA33" s="241"/>
      <c r="DB33" s="82">
        <v>1</v>
      </c>
      <c r="DC33" s="82">
        <v>0</v>
      </c>
      <c r="DD33" s="82">
        <v>3</v>
      </c>
      <c r="DE33" s="82">
        <v>1</v>
      </c>
      <c r="DF33" s="82">
        <v>0</v>
      </c>
      <c r="DG33" s="84">
        <v>5</v>
      </c>
      <c r="DH33" s="85">
        <v>8</v>
      </c>
      <c r="DI33" s="70">
        <v>0</v>
      </c>
      <c r="DJ33" s="71">
        <v>0</v>
      </c>
      <c r="DK33" s="72">
        <v>0</v>
      </c>
      <c r="DL33" s="244"/>
      <c r="DM33" s="71">
        <v>0</v>
      </c>
      <c r="DN33" s="71">
        <v>0</v>
      </c>
      <c r="DO33" s="71">
        <v>0</v>
      </c>
      <c r="DP33" s="71">
        <v>0</v>
      </c>
      <c r="DQ33" s="71">
        <v>0</v>
      </c>
      <c r="DR33" s="72">
        <v>0</v>
      </c>
      <c r="DS33" s="73">
        <v>0</v>
      </c>
      <c r="DT33" s="70">
        <v>1</v>
      </c>
      <c r="DU33" s="71">
        <v>0</v>
      </c>
      <c r="DV33" s="72">
        <v>1</v>
      </c>
      <c r="DW33" s="244"/>
      <c r="DX33" s="71">
        <v>0</v>
      </c>
      <c r="DY33" s="71">
        <v>0</v>
      </c>
      <c r="DZ33" s="71">
        <v>0</v>
      </c>
      <c r="EA33" s="71">
        <v>0</v>
      </c>
      <c r="EB33" s="71">
        <v>0</v>
      </c>
      <c r="EC33" s="72">
        <v>0</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1</v>
      </c>
      <c r="FC33" s="72">
        <v>1</v>
      </c>
      <c r="FD33" s="244"/>
      <c r="FE33" s="71">
        <v>0</v>
      </c>
      <c r="FF33" s="71">
        <v>0</v>
      </c>
      <c r="FG33" s="71">
        <v>1</v>
      </c>
      <c r="FH33" s="71">
        <v>1</v>
      </c>
      <c r="FI33" s="71">
        <v>0</v>
      </c>
      <c r="FJ33" s="72">
        <v>2</v>
      </c>
      <c r="FK33" s="73">
        <v>3</v>
      </c>
      <c r="FL33" s="70">
        <v>0</v>
      </c>
      <c r="FM33" s="71">
        <v>0</v>
      </c>
      <c r="FN33" s="72">
        <v>0</v>
      </c>
      <c r="FO33" s="244"/>
      <c r="FP33" s="71">
        <v>0</v>
      </c>
      <c r="FQ33" s="71">
        <v>0</v>
      </c>
      <c r="FR33" s="71">
        <v>2</v>
      </c>
      <c r="FS33" s="71">
        <v>0</v>
      </c>
      <c r="FT33" s="71">
        <v>0</v>
      </c>
      <c r="FU33" s="72">
        <v>2</v>
      </c>
      <c r="FV33" s="73">
        <v>2</v>
      </c>
      <c r="FW33" s="70">
        <v>0</v>
      </c>
      <c r="FX33" s="71">
        <v>0</v>
      </c>
      <c r="FY33" s="72">
        <v>0</v>
      </c>
      <c r="FZ33" s="244"/>
      <c r="GA33" s="71">
        <v>0</v>
      </c>
      <c r="GB33" s="71">
        <v>0</v>
      </c>
      <c r="GC33" s="71">
        <v>0</v>
      </c>
      <c r="GD33" s="71">
        <v>0</v>
      </c>
      <c r="GE33" s="71">
        <v>0</v>
      </c>
      <c r="GF33" s="72">
        <v>0</v>
      </c>
      <c r="GG33" s="73">
        <v>0</v>
      </c>
      <c r="GH33" s="70">
        <v>2</v>
      </c>
      <c r="GI33" s="71">
        <v>1</v>
      </c>
      <c r="GJ33" s="72">
        <v>3</v>
      </c>
      <c r="GK33" s="244"/>
      <c r="GL33" s="71">
        <v>1</v>
      </c>
      <c r="GM33" s="71">
        <v>0</v>
      </c>
      <c r="GN33" s="71">
        <v>3</v>
      </c>
      <c r="GO33" s="71">
        <v>1</v>
      </c>
      <c r="GP33" s="71">
        <v>0</v>
      </c>
      <c r="GQ33" s="72">
        <v>5</v>
      </c>
      <c r="GR33" s="73">
        <v>8</v>
      </c>
      <c r="GS33" s="123">
        <v>5</v>
      </c>
      <c r="GT33" s="82">
        <v>6</v>
      </c>
      <c r="GU33" s="83">
        <v>11</v>
      </c>
      <c r="GV33" s="241"/>
      <c r="GW33" s="82">
        <v>7</v>
      </c>
      <c r="GX33" s="82">
        <v>1</v>
      </c>
      <c r="GY33" s="82">
        <v>5</v>
      </c>
      <c r="GZ33" s="82">
        <v>7</v>
      </c>
      <c r="HA33" s="82">
        <v>2</v>
      </c>
      <c r="HB33" s="84">
        <v>22</v>
      </c>
      <c r="HC33" s="85">
        <v>33</v>
      </c>
      <c r="HD33" s="70">
        <v>0</v>
      </c>
      <c r="HE33" s="71">
        <v>0</v>
      </c>
      <c r="HF33" s="72">
        <v>0</v>
      </c>
      <c r="HG33" s="244"/>
      <c r="HH33" s="71">
        <v>0</v>
      </c>
      <c r="HI33" s="71">
        <v>0</v>
      </c>
      <c r="HJ33" s="71">
        <v>0</v>
      </c>
      <c r="HK33" s="71">
        <v>0</v>
      </c>
      <c r="HL33" s="71">
        <v>0</v>
      </c>
      <c r="HM33" s="72">
        <v>0</v>
      </c>
      <c r="HN33" s="73">
        <v>0</v>
      </c>
      <c r="HO33" s="70">
        <v>2</v>
      </c>
      <c r="HP33" s="71">
        <v>1</v>
      </c>
      <c r="HQ33" s="72">
        <v>3</v>
      </c>
      <c r="HR33" s="244"/>
      <c r="HS33" s="71">
        <v>0</v>
      </c>
      <c r="HT33" s="71">
        <v>0</v>
      </c>
      <c r="HU33" s="71">
        <v>0</v>
      </c>
      <c r="HV33" s="71">
        <v>0</v>
      </c>
      <c r="HW33" s="71">
        <v>1</v>
      </c>
      <c r="HX33" s="72">
        <v>1</v>
      </c>
      <c r="HY33" s="73">
        <v>4</v>
      </c>
      <c r="HZ33" s="70">
        <v>0</v>
      </c>
      <c r="IA33" s="71">
        <v>0</v>
      </c>
      <c r="IB33" s="72">
        <v>0</v>
      </c>
      <c r="IC33" s="244"/>
      <c r="ID33" s="71">
        <v>0</v>
      </c>
      <c r="IE33" s="71">
        <v>0</v>
      </c>
      <c r="IF33" s="71">
        <v>0</v>
      </c>
      <c r="IG33" s="71">
        <v>0</v>
      </c>
      <c r="IH33" s="71">
        <v>0</v>
      </c>
      <c r="II33" s="72">
        <v>0</v>
      </c>
      <c r="IJ33" s="73">
        <v>0</v>
      </c>
      <c r="IK33" s="70">
        <v>1</v>
      </c>
      <c r="IL33" s="71">
        <v>1</v>
      </c>
      <c r="IM33" s="72">
        <v>2</v>
      </c>
      <c r="IN33" s="244"/>
      <c r="IO33" s="71">
        <v>2</v>
      </c>
      <c r="IP33" s="71">
        <v>0</v>
      </c>
      <c r="IQ33" s="71">
        <v>0</v>
      </c>
      <c r="IR33" s="71">
        <v>1</v>
      </c>
      <c r="IS33" s="71">
        <v>1</v>
      </c>
      <c r="IT33" s="72">
        <v>4</v>
      </c>
      <c r="IU33" s="73">
        <v>6</v>
      </c>
      <c r="IV33" s="70">
        <v>1</v>
      </c>
      <c r="IW33" s="71">
        <v>2</v>
      </c>
      <c r="IX33" s="72">
        <v>3</v>
      </c>
      <c r="IY33" s="244"/>
      <c r="IZ33" s="71">
        <v>2</v>
      </c>
      <c r="JA33" s="71">
        <v>0</v>
      </c>
      <c r="JB33" s="71">
        <v>1</v>
      </c>
      <c r="JC33" s="71">
        <v>2</v>
      </c>
      <c r="JD33" s="71">
        <v>0</v>
      </c>
      <c r="JE33" s="72">
        <v>5</v>
      </c>
      <c r="JF33" s="73">
        <v>8</v>
      </c>
      <c r="JG33" s="70">
        <v>1</v>
      </c>
      <c r="JH33" s="71">
        <v>2</v>
      </c>
      <c r="JI33" s="72">
        <v>3</v>
      </c>
      <c r="JJ33" s="244"/>
      <c r="JK33" s="71">
        <v>3</v>
      </c>
      <c r="JL33" s="71">
        <v>1</v>
      </c>
      <c r="JM33" s="71">
        <v>4</v>
      </c>
      <c r="JN33" s="71">
        <v>4</v>
      </c>
      <c r="JO33" s="71">
        <v>0</v>
      </c>
      <c r="JP33" s="72">
        <v>12</v>
      </c>
      <c r="JQ33" s="73">
        <v>15</v>
      </c>
      <c r="JR33" s="70">
        <v>0</v>
      </c>
      <c r="JS33" s="71">
        <v>0</v>
      </c>
      <c r="JT33" s="72">
        <v>0</v>
      </c>
      <c r="JU33" s="244"/>
      <c r="JV33" s="71">
        <v>0</v>
      </c>
      <c r="JW33" s="71">
        <v>0</v>
      </c>
      <c r="JX33" s="71">
        <v>0</v>
      </c>
      <c r="JY33" s="71">
        <v>0</v>
      </c>
      <c r="JZ33" s="71">
        <v>0</v>
      </c>
      <c r="KA33" s="72">
        <v>0</v>
      </c>
      <c r="KB33" s="73">
        <v>0</v>
      </c>
      <c r="KC33" s="70">
        <v>5</v>
      </c>
      <c r="KD33" s="71">
        <v>6</v>
      </c>
      <c r="KE33" s="72">
        <v>11</v>
      </c>
      <c r="KF33" s="244"/>
      <c r="KG33" s="71">
        <v>7</v>
      </c>
      <c r="KH33" s="71">
        <v>1</v>
      </c>
      <c r="KI33" s="71">
        <v>5</v>
      </c>
      <c r="KJ33" s="71">
        <v>7</v>
      </c>
      <c r="KK33" s="71">
        <v>2</v>
      </c>
      <c r="KL33" s="72">
        <v>22</v>
      </c>
      <c r="KM33" s="73">
        <v>33</v>
      </c>
    </row>
    <row r="34" spans="2:299" ht="21" customHeight="1" x14ac:dyDescent="0.2">
      <c r="B34" s="126" t="s">
        <v>31</v>
      </c>
      <c r="C34" s="313">
        <v>6</v>
      </c>
      <c r="D34" s="82">
        <v>5</v>
      </c>
      <c r="E34" s="83">
        <v>11</v>
      </c>
      <c r="F34" s="241"/>
      <c r="G34" s="82">
        <v>6</v>
      </c>
      <c r="H34" s="82">
        <v>9</v>
      </c>
      <c r="I34" s="82">
        <v>7</v>
      </c>
      <c r="J34" s="82">
        <v>4</v>
      </c>
      <c r="K34" s="82">
        <v>0</v>
      </c>
      <c r="L34" s="84">
        <v>26</v>
      </c>
      <c r="M34" s="85">
        <v>37</v>
      </c>
      <c r="N34" s="70">
        <v>0</v>
      </c>
      <c r="O34" s="71">
        <v>0</v>
      </c>
      <c r="P34" s="72">
        <v>0</v>
      </c>
      <c r="Q34" s="244"/>
      <c r="R34" s="71">
        <v>0</v>
      </c>
      <c r="S34" s="71">
        <v>0</v>
      </c>
      <c r="T34" s="71">
        <v>0</v>
      </c>
      <c r="U34" s="71">
        <v>0</v>
      </c>
      <c r="V34" s="71">
        <v>0</v>
      </c>
      <c r="W34" s="72">
        <v>0</v>
      </c>
      <c r="X34" s="73">
        <v>0</v>
      </c>
      <c r="Y34" s="70">
        <v>0</v>
      </c>
      <c r="Z34" s="71">
        <v>0</v>
      </c>
      <c r="AA34" s="72">
        <v>0</v>
      </c>
      <c r="AB34" s="244"/>
      <c r="AC34" s="71">
        <v>0</v>
      </c>
      <c r="AD34" s="71">
        <v>1</v>
      </c>
      <c r="AE34" s="71">
        <v>0</v>
      </c>
      <c r="AF34" s="71">
        <v>1</v>
      </c>
      <c r="AG34" s="71">
        <v>0</v>
      </c>
      <c r="AH34" s="72">
        <v>2</v>
      </c>
      <c r="AI34" s="73">
        <v>2</v>
      </c>
      <c r="AJ34" s="70">
        <v>0</v>
      </c>
      <c r="AK34" s="71">
        <v>1</v>
      </c>
      <c r="AL34" s="72">
        <v>1</v>
      </c>
      <c r="AM34" s="244"/>
      <c r="AN34" s="71">
        <v>1</v>
      </c>
      <c r="AO34" s="71">
        <v>0</v>
      </c>
      <c r="AP34" s="71">
        <v>1</v>
      </c>
      <c r="AQ34" s="71">
        <v>1</v>
      </c>
      <c r="AR34" s="71">
        <v>0</v>
      </c>
      <c r="AS34" s="72">
        <v>3</v>
      </c>
      <c r="AT34" s="73">
        <v>4</v>
      </c>
      <c r="AU34" s="70">
        <v>0</v>
      </c>
      <c r="AV34" s="71">
        <v>1</v>
      </c>
      <c r="AW34" s="72">
        <v>1</v>
      </c>
      <c r="AX34" s="244"/>
      <c r="AY34" s="71">
        <v>1</v>
      </c>
      <c r="AZ34" s="71">
        <v>1</v>
      </c>
      <c r="BA34" s="71">
        <v>0</v>
      </c>
      <c r="BB34" s="71">
        <v>1</v>
      </c>
      <c r="BC34" s="71">
        <v>0</v>
      </c>
      <c r="BD34" s="72">
        <v>3</v>
      </c>
      <c r="BE34" s="73">
        <v>4</v>
      </c>
      <c r="BF34" s="70">
        <v>2</v>
      </c>
      <c r="BG34" s="71">
        <v>1</v>
      </c>
      <c r="BH34" s="72">
        <v>3</v>
      </c>
      <c r="BI34" s="244"/>
      <c r="BJ34" s="71">
        <v>2</v>
      </c>
      <c r="BK34" s="71">
        <v>3</v>
      </c>
      <c r="BL34" s="71">
        <v>0</v>
      </c>
      <c r="BM34" s="71">
        <v>0</v>
      </c>
      <c r="BN34" s="71">
        <v>0</v>
      </c>
      <c r="BO34" s="72">
        <v>5</v>
      </c>
      <c r="BP34" s="73">
        <v>8</v>
      </c>
      <c r="BQ34" s="70">
        <v>4</v>
      </c>
      <c r="BR34" s="71">
        <v>2</v>
      </c>
      <c r="BS34" s="72">
        <v>6</v>
      </c>
      <c r="BT34" s="244"/>
      <c r="BU34" s="71">
        <v>2</v>
      </c>
      <c r="BV34" s="71">
        <v>4</v>
      </c>
      <c r="BW34" s="71">
        <v>6</v>
      </c>
      <c r="BX34" s="71">
        <v>1</v>
      </c>
      <c r="BY34" s="71">
        <v>0</v>
      </c>
      <c r="BZ34" s="72">
        <v>13</v>
      </c>
      <c r="CA34" s="73">
        <v>19</v>
      </c>
      <c r="CB34" s="70">
        <v>0</v>
      </c>
      <c r="CC34" s="71">
        <v>0</v>
      </c>
      <c r="CD34" s="72">
        <v>0</v>
      </c>
      <c r="CE34" s="244"/>
      <c r="CF34" s="71">
        <v>0</v>
      </c>
      <c r="CG34" s="71">
        <v>0</v>
      </c>
      <c r="CH34" s="71">
        <v>0</v>
      </c>
      <c r="CI34" s="71">
        <v>0</v>
      </c>
      <c r="CJ34" s="71">
        <v>0</v>
      </c>
      <c r="CK34" s="72">
        <v>0</v>
      </c>
      <c r="CL34" s="73">
        <v>0</v>
      </c>
      <c r="CM34" s="70">
        <v>6</v>
      </c>
      <c r="CN34" s="71">
        <v>5</v>
      </c>
      <c r="CO34" s="72">
        <v>11</v>
      </c>
      <c r="CP34" s="244"/>
      <c r="CQ34" s="71">
        <v>6</v>
      </c>
      <c r="CR34" s="71">
        <v>9</v>
      </c>
      <c r="CS34" s="71">
        <v>7</v>
      </c>
      <c r="CT34" s="71">
        <v>4</v>
      </c>
      <c r="CU34" s="71">
        <v>0</v>
      </c>
      <c r="CV34" s="72">
        <v>26</v>
      </c>
      <c r="CW34" s="73">
        <v>37</v>
      </c>
      <c r="CX34" s="123">
        <v>3</v>
      </c>
      <c r="CY34" s="82">
        <v>1</v>
      </c>
      <c r="CZ34" s="83">
        <v>4</v>
      </c>
      <c r="DA34" s="241"/>
      <c r="DB34" s="82">
        <v>1</v>
      </c>
      <c r="DC34" s="82">
        <v>3</v>
      </c>
      <c r="DD34" s="82">
        <v>1</v>
      </c>
      <c r="DE34" s="82">
        <v>1</v>
      </c>
      <c r="DF34" s="82">
        <v>1</v>
      </c>
      <c r="DG34" s="84">
        <v>7</v>
      </c>
      <c r="DH34" s="85">
        <v>11</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1</v>
      </c>
      <c r="EJ34" s="71">
        <v>0</v>
      </c>
      <c r="EK34" s="71">
        <v>0</v>
      </c>
      <c r="EL34" s="71">
        <v>0</v>
      </c>
      <c r="EM34" s="71">
        <v>0</v>
      </c>
      <c r="EN34" s="72">
        <v>1</v>
      </c>
      <c r="EO34" s="73">
        <v>1</v>
      </c>
      <c r="EP34" s="70">
        <v>1</v>
      </c>
      <c r="EQ34" s="71">
        <v>1</v>
      </c>
      <c r="ER34" s="72">
        <v>2</v>
      </c>
      <c r="ES34" s="244"/>
      <c r="ET34" s="71">
        <v>0</v>
      </c>
      <c r="EU34" s="71">
        <v>1</v>
      </c>
      <c r="EV34" s="71">
        <v>1</v>
      </c>
      <c r="EW34" s="71">
        <v>0</v>
      </c>
      <c r="EX34" s="71">
        <v>0</v>
      </c>
      <c r="EY34" s="72">
        <v>2</v>
      </c>
      <c r="EZ34" s="73">
        <v>4</v>
      </c>
      <c r="FA34" s="70">
        <v>2</v>
      </c>
      <c r="FB34" s="71">
        <v>0</v>
      </c>
      <c r="FC34" s="72">
        <v>2</v>
      </c>
      <c r="FD34" s="244"/>
      <c r="FE34" s="71">
        <v>0</v>
      </c>
      <c r="FF34" s="71">
        <v>1</v>
      </c>
      <c r="FG34" s="71">
        <v>0</v>
      </c>
      <c r="FH34" s="71">
        <v>0</v>
      </c>
      <c r="FI34" s="71">
        <v>0</v>
      </c>
      <c r="FJ34" s="72">
        <v>1</v>
      </c>
      <c r="FK34" s="73">
        <v>3</v>
      </c>
      <c r="FL34" s="70">
        <v>0</v>
      </c>
      <c r="FM34" s="71">
        <v>0</v>
      </c>
      <c r="FN34" s="72">
        <v>0</v>
      </c>
      <c r="FO34" s="244"/>
      <c r="FP34" s="71">
        <v>0</v>
      </c>
      <c r="FQ34" s="71">
        <v>1</v>
      </c>
      <c r="FR34" s="71">
        <v>0</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3</v>
      </c>
      <c r="GI34" s="71">
        <v>1</v>
      </c>
      <c r="GJ34" s="72">
        <v>4</v>
      </c>
      <c r="GK34" s="244"/>
      <c r="GL34" s="71">
        <v>1</v>
      </c>
      <c r="GM34" s="71">
        <v>3</v>
      </c>
      <c r="GN34" s="71">
        <v>1</v>
      </c>
      <c r="GO34" s="71">
        <v>1</v>
      </c>
      <c r="GP34" s="71">
        <v>1</v>
      </c>
      <c r="GQ34" s="72">
        <v>7</v>
      </c>
      <c r="GR34" s="73">
        <v>11</v>
      </c>
      <c r="GS34" s="123">
        <v>9</v>
      </c>
      <c r="GT34" s="82">
        <v>6</v>
      </c>
      <c r="GU34" s="83">
        <v>15</v>
      </c>
      <c r="GV34" s="241"/>
      <c r="GW34" s="82">
        <v>7</v>
      </c>
      <c r="GX34" s="82">
        <v>12</v>
      </c>
      <c r="GY34" s="82">
        <v>8</v>
      </c>
      <c r="GZ34" s="82">
        <v>5</v>
      </c>
      <c r="HA34" s="82">
        <v>1</v>
      </c>
      <c r="HB34" s="84">
        <v>33</v>
      </c>
      <c r="HC34" s="85">
        <v>48</v>
      </c>
      <c r="HD34" s="70">
        <v>0</v>
      </c>
      <c r="HE34" s="71">
        <v>0</v>
      </c>
      <c r="HF34" s="72">
        <v>0</v>
      </c>
      <c r="HG34" s="244"/>
      <c r="HH34" s="71">
        <v>0</v>
      </c>
      <c r="HI34" s="71">
        <v>0</v>
      </c>
      <c r="HJ34" s="71">
        <v>0</v>
      </c>
      <c r="HK34" s="71">
        <v>0</v>
      </c>
      <c r="HL34" s="71">
        <v>0</v>
      </c>
      <c r="HM34" s="72">
        <v>0</v>
      </c>
      <c r="HN34" s="73">
        <v>0</v>
      </c>
      <c r="HO34" s="70">
        <v>0</v>
      </c>
      <c r="HP34" s="71">
        <v>0</v>
      </c>
      <c r="HQ34" s="72">
        <v>0</v>
      </c>
      <c r="HR34" s="244"/>
      <c r="HS34" s="71">
        <v>0</v>
      </c>
      <c r="HT34" s="71">
        <v>1</v>
      </c>
      <c r="HU34" s="71">
        <v>0</v>
      </c>
      <c r="HV34" s="71">
        <v>1</v>
      </c>
      <c r="HW34" s="71">
        <v>0</v>
      </c>
      <c r="HX34" s="72">
        <v>2</v>
      </c>
      <c r="HY34" s="73">
        <v>2</v>
      </c>
      <c r="HZ34" s="70">
        <v>0</v>
      </c>
      <c r="IA34" s="71">
        <v>1</v>
      </c>
      <c r="IB34" s="72">
        <v>1</v>
      </c>
      <c r="IC34" s="244"/>
      <c r="ID34" s="71">
        <v>2</v>
      </c>
      <c r="IE34" s="71">
        <v>0</v>
      </c>
      <c r="IF34" s="71">
        <v>1</v>
      </c>
      <c r="IG34" s="71">
        <v>1</v>
      </c>
      <c r="IH34" s="71">
        <v>0</v>
      </c>
      <c r="II34" s="72">
        <v>4</v>
      </c>
      <c r="IJ34" s="73">
        <v>5</v>
      </c>
      <c r="IK34" s="70">
        <v>1</v>
      </c>
      <c r="IL34" s="71">
        <v>2</v>
      </c>
      <c r="IM34" s="72">
        <v>3</v>
      </c>
      <c r="IN34" s="244"/>
      <c r="IO34" s="71">
        <v>1</v>
      </c>
      <c r="IP34" s="71">
        <v>2</v>
      </c>
      <c r="IQ34" s="71">
        <v>1</v>
      </c>
      <c r="IR34" s="71">
        <v>1</v>
      </c>
      <c r="IS34" s="71">
        <v>0</v>
      </c>
      <c r="IT34" s="72">
        <v>5</v>
      </c>
      <c r="IU34" s="73">
        <v>8</v>
      </c>
      <c r="IV34" s="70">
        <v>4</v>
      </c>
      <c r="IW34" s="71">
        <v>1</v>
      </c>
      <c r="IX34" s="72">
        <v>5</v>
      </c>
      <c r="IY34" s="244"/>
      <c r="IZ34" s="71">
        <v>2</v>
      </c>
      <c r="JA34" s="71">
        <v>4</v>
      </c>
      <c r="JB34" s="71">
        <v>0</v>
      </c>
      <c r="JC34" s="71">
        <v>0</v>
      </c>
      <c r="JD34" s="71">
        <v>0</v>
      </c>
      <c r="JE34" s="72">
        <v>6</v>
      </c>
      <c r="JF34" s="73">
        <v>11</v>
      </c>
      <c r="JG34" s="70">
        <v>4</v>
      </c>
      <c r="JH34" s="71">
        <v>2</v>
      </c>
      <c r="JI34" s="72">
        <v>6</v>
      </c>
      <c r="JJ34" s="244"/>
      <c r="JK34" s="71">
        <v>2</v>
      </c>
      <c r="JL34" s="71">
        <v>5</v>
      </c>
      <c r="JM34" s="71">
        <v>6</v>
      </c>
      <c r="JN34" s="71">
        <v>2</v>
      </c>
      <c r="JO34" s="71">
        <v>1</v>
      </c>
      <c r="JP34" s="72">
        <v>16</v>
      </c>
      <c r="JQ34" s="73">
        <v>22</v>
      </c>
      <c r="JR34" s="70">
        <v>0</v>
      </c>
      <c r="JS34" s="71">
        <v>0</v>
      </c>
      <c r="JT34" s="72">
        <v>0</v>
      </c>
      <c r="JU34" s="244"/>
      <c r="JV34" s="71">
        <v>0</v>
      </c>
      <c r="JW34" s="71">
        <v>0</v>
      </c>
      <c r="JX34" s="71">
        <v>0</v>
      </c>
      <c r="JY34" s="71">
        <v>0</v>
      </c>
      <c r="JZ34" s="71">
        <v>0</v>
      </c>
      <c r="KA34" s="72">
        <v>0</v>
      </c>
      <c r="KB34" s="73">
        <v>0</v>
      </c>
      <c r="KC34" s="70">
        <v>9</v>
      </c>
      <c r="KD34" s="71">
        <v>6</v>
      </c>
      <c r="KE34" s="72">
        <v>15</v>
      </c>
      <c r="KF34" s="244"/>
      <c r="KG34" s="71">
        <v>7</v>
      </c>
      <c r="KH34" s="71">
        <v>12</v>
      </c>
      <c r="KI34" s="71">
        <v>8</v>
      </c>
      <c r="KJ34" s="71">
        <v>5</v>
      </c>
      <c r="KK34" s="71">
        <v>1</v>
      </c>
      <c r="KL34" s="72">
        <v>33</v>
      </c>
      <c r="KM34" s="73">
        <v>48</v>
      </c>
    </row>
    <row r="35" spans="2:299" ht="21" customHeight="1" x14ac:dyDescent="0.2">
      <c r="B35" s="126" t="s">
        <v>32</v>
      </c>
      <c r="C35" s="313">
        <v>1</v>
      </c>
      <c r="D35" s="82">
        <v>4</v>
      </c>
      <c r="E35" s="83">
        <v>5</v>
      </c>
      <c r="F35" s="241"/>
      <c r="G35" s="82">
        <v>9</v>
      </c>
      <c r="H35" s="82">
        <v>12</v>
      </c>
      <c r="I35" s="82">
        <v>8</v>
      </c>
      <c r="J35" s="82">
        <v>4</v>
      </c>
      <c r="K35" s="82">
        <v>1</v>
      </c>
      <c r="L35" s="84">
        <v>34</v>
      </c>
      <c r="M35" s="85">
        <v>39</v>
      </c>
      <c r="N35" s="70">
        <v>0</v>
      </c>
      <c r="O35" s="71">
        <v>0</v>
      </c>
      <c r="P35" s="72">
        <v>0</v>
      </c>
      <c r="Q35" s="244"/>
      <c r="R35" s="71">
        <v>0</v>
      </c>
      <c r="S35" s="71">
        <v>0</v>
      </c>
      <c r="T35" s="71">
        <v>0</v>
      </c>
      <c r="U35" s="71">
        <v>0</v>
      </c>
      <c r="V35" s="71">
        <v>0</v>
      </c>
      <c r="W35" s="72">
        <v>0</v>
      </c>
      <c r="X35" s="73">
        <v>0</v>
      </c>
      <c r="Y35" s="70">
        <v>0</v>
      </c>
      <c r="Z35" s="71">
        <v>0</v>
      </c>
      <c r="AA35" s="72">
        <v>0</v>
      </c>
      <c r="AB35" s="244"/>
      <c r="AC35" s="71">
        <v>0</v>
      </c>
      <c r="AD35" s="71">
        <v>0</v>
      </c>
      <c r="AE35" s="71">
        <v>0</v>
      </c>
      <c r="AF35" s="71">
        <v>0</v>
      </c>
      <c r="AG35" s="71">
        <v>0</v>
      </c>
      <c r="AH35" s="72">
        <v>0</v>
      </c>
      <c r="AI35" s="73">
        <v>0</v>
      </c>
      <c r="AJ35" s="70">
        <v>0</v>
      </c>
      <c r="AK35" s="71">
        <v>0</v>
      </c>
      <c r="AL35" s="72">
        <v>0</v>
      </c>
      <c r="AM35" s="244"/>
      <c r="AN35" s="71">
        <v>0</v>
      </c>
      <c r="AO35" s="71">
        <v>3</v>
      </c>
      <c r="AP35" s="71">
        <v>1</v>
      </c>
      <c r="AQ35" s="71">
        <v>0</v>
      </c>
      <c r="AR35" s="71">
        <v>0</v>
      </c>
      <c r="AS35" s="72">
        <v>4</v>
      </c>
      <c r="AT35" s="73">
        <v>4</v>
      </c>
      <c r="AU35" s="70">
        <v>0</v>
      </c>
      <c r="AV35" s="71">
        <v>1</v>
      </c>
      <c r="AW35" s="72">
        <v>1</v>
      </c>
      <c r="AX35" s="244"/>
      <c r="AY35" s="71">
        <v>2</v>
      </c>
      <c r="AZ35" s="71">
        <v>0</v>
      </c>
      <c r="BA35" s="71">
        <v>2</v>
      </c>
      <c r="BB35" s="71">
        <v>1</v>
      </c>
      <c r="BC35" s="71">
        <v>0</v>
      </c>
      <c r="BD35" s="72">
        <v>5</v>
      </c>
      <c r="BE35" s="73">
        <v>6</v>
      </c>
      <c r="BF35" s="70">
        <v>0</v>
      </c>
      <c r="BG35" s="71">
        <v>2</v>
      </c>
      <c r="BH35" s="72">
        <v>2</v>
      </c>
      <c r="BI35" s="244"/>
      <c r="BJ35" s="71">
        <v>4</v>
      </c>
      <c r="BK35" s="71">
        <v>3</v>
      </c>
      <c r="BL35" s="71">
        <v>4</v>
      </c>
      <c r="BM35" s="71">
        <v>1</v>
      </c>
      <c r="BN35" s="71">
        <v>1</v>
      </c>
      <c r="BO35" s="72">
        <v>13</v>
      </c>
      <c r="BP35" s="73">
        <v>15</v>
      </c>
      <c r="BQ35" s="70">
        <v>1</v>
      </c>
      <c r="BR35" s="71">
        <v>1</v>
      </c>
      <c r="BS35" s="72">
        <v>2</v>
      </c>
      <c r="BT35" s="244"/>
      <c r="BU35" s="71">
        <v>3</v>
      </c>
      <c r="BV35" s="71">
        <v>6</v>
      </c>
      <c r="BW35" s="71">
        <v>1</v>
      </c>
      <c r="BX35" s="71">
        <v>2</v>
      </c>
      <c r="BY35" s="71">
        <v>0</v>
      </c>
      <c r="BZ35" s="72">
        <v>12</v>
      </c>
      <c r="CA35" s="73">
        <v>14</v>
      </c>
      <c r="CB35" s="70">
        <v>0</v>
      </c>
      <c r="CC35" s="71">
        <v>0</v>
      </c>
      <c r="CD35" s="72">
        <v>0</v>
      </c>
      <c r="CE35" s="244"/>
      <c r="CF35" s="71">
        <v>0</v>
      </c>
      <c r="CG35" s="71">
        <v>0</v>
      </c>
      <c r="CH35" s="71">
        <v>0</v>
      </c>
      <c r="CI35" s="71">
        <v>0</v>
      </c>
      <c r="CJ35" s="71">
        <v>0</v>
      </c>
      <c r="CK35" s="72">
        <v>0</v>
      </c>
      <c r="CL35" s="73">
        <v>0</v>
      </c>
      <c r="CM35" s="70">
        <v>1</v>
      </c>
      <c r="CN35" s="71">
        <v>4</v>
      </c>
      <c r="CO35" s="72">
        <v>5</v>
      </c>
      <c r="CP35" s="244"/>
      <c r="CQ35" s="71">
        <v>9</v>
      </c>
      <c r="CR35" s="71">
        <v>12</v>
      </c>
      <c r="CS35" s="71">
        <v>8</v>
      </c>
      <c r="CT35" s="71">
        <v>4</v>
      </c>
      <c r="CU35" s="71">
        <v>1</v>
      </c>
      <c r="CV35" s="72">
        <v>34</v>
      </c>
      <c r="CW35" s="73">
        <v>39</v>
      </c>
      <c r="CX35" s="123">
        <v>0</v>
      </c>
      <c r="CY35" s="82">
        <v>0</v>
      </c>
      <c r="CZ35" s="83">
        <v>0</v>
      </c>
      <c r="DA35" s="241"/>
      <c r="DB35" s="82">
        <v>0</v>
      </c>
      <c r="DC35" s="82">
        <v>3</v>
      </c>
      <c r="DD35" s="82">
        <v>4</v>
      </c>
      <c r="DE35" s="82">
        <v>3</v>
      </c>
      <c r="DF35" s="82">
        <v>3</v>
      </c>
      <c r="DG35" s="84">
        <v>13</v>
      </c>
      <c r="DH35" s="85">
        <v>13</v>
      </c>
      <c r="DI35" s="70">
        <v>0</v>
      </c>
      <c r="DJ35" s="71">
        <v>0</v>
      </c>
      <c r="DK35" s="72">
        <v>0</v>
      </c>
      <c r="DL35" s="244"/>
      <c r="DM35" s="71">
        <v>0</v>
      </c>
      <c r="DN35" s="71">
        <v>0</v>
      </c>
      <c r="DO35" s="71">
        <v>1</v>
      </c>
      <c r="DP35" s="71">
        <v>0</v>
      </c>
      <c r="DQ35" s="71">
        <v>0</v>
      </c>
      <c r="DR35" s="72">
        <v>1</v>
      </c>
      <c r="DS35" s="73">
        <v>1</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0</v>
      </c>
      <c r="EU35" s="71">
        <v>1</v>
      </c>
      <c r="EV35" s="71">
        <v>1</v>
      </c>
      <c r="EW35" s="71">
        <v>0</v>
      </c>
      <c r="EX35" s="71">
        <v>0</v>
      </c>
      <c r="EY35" s="72">
        <v>2</v>
      </c>
      <c r="EZ35" s="73">
        <v>2</v>
      </c>
      <c r="FA35" s="70">
        <v>0</v>
      </c>
      <c r="FB35" s="71">
        <v>0</v>
      </c>
      <c r="FC35" s="72">
        <v>0</v>
      </c>
      <c r="FD35" s="244"/>
      <c r="FE35" s="71">
        <v>0</v>
      </c>
      <c r="FF35" s="71">
        <v>1</v>
      </c>
      <c r="FG35" s="71">
        <v>1</v>
      </c>
      <c r="FH35" s="71">
        <v>2</v>
      </c>
      <c r="FI35" s="71">
        <v>1</v>
      </c>
      <c r="FJ35" s="72">
        <v>5</v>
      </c>
      <c r="FK35" s="73">
        <v>5</v>
      </c>
      <c r="FL35" s="70">
        <v>0</v>
      </c>
      <c r="FM35" s="71">
        <v>0</v>
      </c>
      <c r="FN35" s="72">
        <v>0</v>
      </c>
      <c r="FO35" s="244"/>
      <c r="FP35" s="71">
        <v>0</v>
      </c>
      <c r="FQ35" s="71">
        <v>1</v>
      </c>
      <c r="FR35" s="71">
        <v>1</v>
      </c>
      <c r="FS35" s="71">
        <v>1</v>
      </c>
      <c r="FT35" s="71">
        <v>2</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0</v>
      </c>
      <c r="GM35" s="71">
        <v>3</v>
      </c>
      <c r="GN35" s="71">
        <v>4</v>
      </c>
      <c r="GO35" s="71">
        <v>3</v>
      </c>
      <c r="GP35" s="71">
        <v>3</v>
      </c>
      <c r="GQ35" s="72">
        <v>13</v>
      </c>
      <c r="GR35" s="73">
        <v>13</v>
      </c>
      <c r="GS35" s="123">
        <v>1</v>
      </c>
      <c r="GT35" s="82">
        <v>4</v>
      </c>
      <c r="GU35" s="83">
        <v>5</v>
      </c>
      <c r="GV35" s="241"/>
      <c r="GW35" s="82">
        <v>9</v>
      </c>
      <c r="GX35" s="82">
        <v>15</v>
      </c>
      <c r="GY35" s="82">
        <v>12</v>
      </c>
      <c r="GZ35" s="82">
        <v>7</v>
      </c>
      <c r="HA35" s="82">
        <v>4</v>
      </c>
      <c r="HB35" s="84">
        <v>47</v>
      </c>
      <c r="HC35" s="85">
        <v>52</v>
      </c>
      <c r="HD35" s="70">
        <v>0</v>
      </c>
      <c r="HE35" s="71">
        <v>0</v>
      </c>
      <c r="HF35" s="72">
        <v>0</v>
      </c>
      <c r="HG35" s="244"/>
      <c r="HH35" s="71">
        <v>0</v>
      </c>
      <c r="HI35" s="71">
        <v>0</v>
      </c>
      <c r="HJ35" s="71">
        <v>1</v>
      </c>
      <c r="HK35" s="71">
        <v>0</v>
      </c>
      <c r="HL35" s="71">
        <v>0</v>
      </c>
      <c r="HM35" s="72">
        <v>1</v>
      </c>
      <c r="HN35" s="73">
        <v>1</v>
      </c>
      <c r="HO35" s="70">
        <v>0</v>
      </c>
      <c r="HP35" s="71">
        <v>0</v>
      </c>
      <c r="HQ35" s="72">
        <v>0</v>
      </c>
      <c r="HR35" s="244"/>
      <c r="HS35" s="71">
        <v>0</v>
      </c>
      <c r="HT35" s="71">
        <v>0</v>
      </c>
      <c r="HU35" s="71">
        <v>0</v>
      </c>
      <c r="HV35" s="71">
        <v>0</v>
      </c>
      <c r="HW35" s="71">
        <v>0</v>
      </c>
      <c r="HX35" s="72">
        <v>0</v>
      </c>
      <c r="HY35" s="73">
        <v>0</v>
      </c>
      <c r="HZ35" s="70">
        <v>0</v>
      </c>
      <c r="IA35" s="71">
        <v>0</v>
      </c>
      <c r="IB35" s="72">
        <v>0</v>
      </c>
      <c r="IC35" s="244"/>
      <c r="ID35" s="71">
        <v>0</v>
      </c>
      <c r="IE35" s="71">
        <v>3</v>
      </c>
      <c r="IF35" s="71">
        <v>1</v>
      </c>
      <c r="IG35" s="71">
        <v>0</v>
      </c>
      <c r="IH35" s="71">
        <v>0</v>
      </c>
      <c r="II35" s="72">
        <v>4</v>
      </c>
      <c r="IJ35" s="73">
        <v>4</v>
      </c>
      <c r="IK35" s="70">
        <v>0</v>
      </c>
      <c r="IL35" s="71">
        <v>1</v>
      </c>
      <c r="IM35" s="72">
        <v>1</v>
      </c>
      <c r="IN35" s="244"/>
      <c r="IO35" s="71">
        <v>2</v>
      </c>
      <c r="IP35" s="71">
        <v>1</v>
      </c>
      <c r="IQ35" s="71">
        <v>3</v>
      </c>
      <c r="IR35" s="71">
        <v>1</v>
      </c>
      <c r="IS35" s="71">
        <v>0</v>
      </c>
      <c r="IT35" s="72">
        <v>7</v>
      </c>
      <c r="IU35" s="73">
        <v>8</v>
      </c>
      <c r="IV35" s="70">
        <v>0</v>
      </c>
      <c r="IW35" s="71">
        <v>2</v>
      </c>
      <c r="IX35" s="72">
        <v>2</v>
      </c>
      <c r="IY35" s="244"/>
      <c r="IZ35" s="71">
        <v>4</v>
      </c>
      <c r="JA35" s="71">
        <v>4</v>
      </c>
      <c r="JB35" s="71">
        <v>5</v>
      </c>
      <c r="JC35" s="71">
        <v>3</v>
      </c>
      <c r="JD35" s="71">
        <v>2</v>
      </c>
      <c r="JE35" s="72">
        <v>18</v>
      </c>
      <c r="JF35" s="73">
        <v>20</v>
      </c>
      <c r="JG35" s="70">
        <v>1</v>
      </c>
      <c r="JH35" s="71">
        <v>1</v>
      </c>
      <c r="JI35" s="72">
        <v>2</v>
      </c>
      <c r="JJ35" s="244"/>
      <c r="JK35" s="71">
        <v>3</v>
      </c>
      <c r="JL35" s="71">
        <v>7</v>
      </c>
      <c r="JM35" s="71">
        <v>2</v>
      </c>
      <c r="JN35" s="71">
        <v>3</v>
      </c>
      <c r="JO35" s="71">
        <v>2</v>
      </c>
      <c r="JP35" s="72">
        <v>17</v>
      </c>
      <c r="JQ35" s="73">
        <v>19</v>
      </c>
      <c r="JR35" s="70">
        <v>0</v>
      </c>
      <c r="JS35" s="71">
        <v>0</v>
      </c>
      <c r="JT35" s="72">
        <v>0</v>
      </c>
      <c r="JU35" s="244"/>
      <c r="JV35" s="71">
        <v>0</v>
      </c>
      <c r="JW35" s="71">
        <v>0</v>
      </c>
      <c r="JX35" s="71">
        <v>0</v>
      </c>
      <c r="JY35" s="71">
        <v>0</v>
      </c>
      <c r="JZ35" s="71">
        <v>0</v>
      </c>
      <c r="KA35" s="72">
        <v>0</v>
      </c>
      <c r="KB35" s="73">
        <v>0</v>
      </c>
      <c r="KC35" s="70">
        <v>1</v>
      </c>
      <c r="KD35" s="71">
        <v>4</v>
      </c>
      <c r="KE35" s="72">
        <v>5</v>
      </c>
      <c r="KF35" s="244"/>
      <c r="KG35" s="71">
        <v>9</v>
      </c>
      <c r="KH35" s="71">
        <v>15</v>
      </c>
      <c r="KI35" s="71">
        <v>12</v>
      </c>
      <c r="KJ35" s="71">
        <v>7</v>
      </c>
      <c r="KK35" s="71">
        <v>4</v>
      </c>
      <c r="KL35" s="72">
        <v>47</v>
      </c>
      <c r="KM35" s="73">
        <v>52</v>
      </c>
    </row>
    <row r="36" spans="2:299" ht="21" customHeight="1" x14ac:dyDescent="0.2">
      <c r="B36" s="126" t="s">
        <v>33</v>
      </c>
      <c r="C36" s="313">
        <v>6</v>
      </c>
      <c r="D36" s="82">
        <v>3</v>
      </c>
      <c r="E36" s="83">
        <v>9</v>
      </c>
      <c r="F36" s="241"/>
      <c r="G36" s="82">
        <v>6</v>
      </c>
      <c r="H36" s="82">
        <v>2</v>
      </c>
      <c r="I36" s="82">
        <v>3</v>
      </c>
      <c r="J36" s="82">
        <v>0</v>
      </c>
      <c r="K36" s="82">
        <v>1</v>
      </c>
      <c r="L36" s="84">
        <v>12</v>
      </c>
      <c r="M36" s="85">
        <v>21</v>
      </c>
      <c r="N36" s="70">
        <v>0</v>
      </c>
      <c r="O36" s="71">
        <v>0</v>
      </c>
      <c r="P36" s="72">
        <v>0</v>
      </c>
      <c r="Q36" s="244"/>
      <c r="R36" s="71">
        <v>0</v>
      </c>
      <c r="S36" s="71">
        <v>0</v>
      </c>
      <c r="T36" s="71">
        <v>0</v>
      </c>
      <c r="U36" s="71">
        <v>0</v>
      </c>
      <c r="V36" s="71">
        <v>0</v>
      </c>
      <c r="W36" s="72">
        <v>0</v>
      </c>
      <c r="X36" s="73">
        <v>0</v>
      </c>
      <c r="Y36" s="70">
        <v>0</v>
      </c>
      <c r="Z36" s="71">
        <v>0</v>
      </c>
      <c r="AA36" s="72">
        <v>0</v>
      </c>
      <c r="AB36" s="244"/>
      <c r="AC36" s="71">
        <v>0</v>
      </c>
      <c r="AD36" s="71">
        <v>0</v>
      </c>
      <c r="AE36" s="71">
        <v>0</v>
      </c>
      <c r="AF36" s="71">
        <v>0</v>
      </c>
      <c r="AG36" s="71">
        <v>0</v>
      </c>
      <c r="AH36" s="72">
        <v>0</v>
      </c>
      <c r="AI36" s="73">
        <v>0</v>
      </c>
      <c r="AJ36" s="70">
        <v>2</v>
      </c>
      <c r="AK36" s="71">
        <v>0</v>
      </c>
      <c r="AL36" s="72">
        <v>2</v>
      </c>
      <c r="AM36" s="244"/>
      <c r="AN36" s="71">
        <v>1</v>
      </c>
      <c r="AO36" s="71">
        <v>0</v>
      </c>
      <c r="AP36" s="71">
        <v>0</v>
      </c>
      <c r="AQ36" s="71">
        <v>0</v>
      </c>
      <c r="AR36" s="71">
        <v>0</v>
      </c>
      <c r="AS36" s="72">
        <v>1</v>
      </c>
      <c r="AT36" s="73">
        <v>3</v>
      </c>
      <c r="AU36" s="70">
        <v>1</v>
      </c>
      <c r="AV36" s="71">
        <v>1</v>
      </c>
      <c r="AW36" s="72">
        <v>2</v>
      </c>
      <c r="AX36" s="244"/>
      <c r="AY36" s="71">
        <v>1</v>
      </c>
      <c r="AZ36" s="71">
        <v>1</v>
      </c>
      <c r="BA36" s="71">
        <v>1</v>
      </c>
      <c r="BB36" s="71">
        <v>0</v>
      </c>
      <c r="BC36" s="71">
        <v>0</v>
      </c>
      <c r="BD36" s="72">
        <v>3</v>
      </c>
      <c r="BE36" s="73">
        <v>5</v>
      </c>
      <c r="BF36" s="70">
        <v>1</v>
      </c>
      <c r="BG36" s="71">
        <v>2</v>
      </c>
      <c r="BH36" s="72">
        <v>3</v>
      </c>
      <c r="BI36" s="244"/>
      <c r="BJ36" s="71">
        <v>0</v>
      </c>
      <c r="BK36" s="71">
        <v>0</v>
      </c>
      <c r="BL36" s="71">
        <v>2</v>
      </c>
      <c r="BM36" s="71">
        <v>0</v>
      </c>
      <c r="BN36" s="71">
        <v>1</v>
      </c>
      <c r="BO36" s="72">
        <v>3</v>
      </c>
      <c r="BP36" s="73">
        <v>6</v>
      </c>
      <c r="BQ36" s="70">
        <v>2</v>
      </c>
      <c r="BR36" s="71">
        <v>0</v>
      </c>
      <c r="BS36" s="72">
        <v>2</v>
      </c>
      <c r="BT36" s="244"/>
      <c r="BU36" s="71">
        <v>4</v>
      </c>
      <c r="BV36" s="71">
        <v>1</v>
      </c>
      <c r="BW36" s="71">
        <v>0</v>
      </c>
      <c r="BX36" s="71">
        <v>0</v>
      </c>
      <c r="BY36" s="71">
        <v>0</v>
      </c>
      <c r="BZ36" s="72">
        <v>5</v>
      </c>
      <c r="CA36" s="73">
        <v>7</v>
      </c>
      <c r="CB36" s="70">
        <v>0</v>
      </c>
      <c r="CC36" s="71">
        <v>0</v>
      </c>
      <c r="CD36" s="72">
        <v>0</v>
      </c>
      <c r="CE36" s="244"/>
      <c r="CF36" s="71">
        <v>0</v>
      </c>
      <c r="CG36" s="71">
        <v>0</v>
      </c>
      <c r="CH36" s="71">
        <v>0</v>
      </c>
      <c r="CI36" s="71">
        <v>0</v>
      </c>
      <c r="CJ36" s="71">
        <v>0</v>
      </c>
      <c r="CK36" s="72">
        <v>0</v>
      </c>
      <c r="CL36" s="73">
        <v>0</v>
      </c>
      <c r="CM36" s="70">
        <v>6</v>
      </c>
      <c r="CN36" s="71">
        <v>3</v>
      </c>
      <c r="CO36" s="72">
        <v>9</v>
      </c>
      <c r="CP36" s="244"/>
      <c r="CQ36" s="71">
        <v>6</v>
      </c>
      <c r="CR36" s="71">
        <v>2</v>
      </c>
      <c r="CS36" s="71">
        <v>3</v>
      </c>
      <c r="CT36" s="71">
        <v>0</v>
      </c>
      <c r="CU36" s="71">
        <v>1</v>
      </c>
      <c r="CV36" s="72">
        <v>12</v>
      </c>
      <c r="CW36" s="73">
        <v>21</v>
      </c>
      <c r="CX36" s="123">
        <v>1</v>
      </c>
      <c r="CY36" s="82">
        <v>2</v>
      </c>
      <c r="CZ36" s="83">
        <v>3</v>
      </c>
      <c r="DA36" s="241"/>
      <c r="DB36" s="82">
        <v>0</v>
      </c>
      <c r="DC36" s="82">
        <v>3</v>
      </c>
      <c r="DD36" s="82">
        <v>0</v>
      </c>
      <c r="DE36" s="82">
        <v>1</v>
      </c>
      <c r="DF36" s="82">
        <v>0</v>
      </c>
      <c r="DG36" s="84">
        <v>4</v>
      </c>
      <c r="DH36" s="85">
        <v>7</v>
      </c>
      <c r="DI36" s="70">
        <v>0</v>
      </c>
      <c r="DJ36" s="71">
        <v>0</v>
      </c>
      <c r="DK36" s="72">
        <v>0</v>
      </c>
      <c r="DL36" s="244"/>
      <c r="DM36" s="71">
        <v>0</v>
      </c>
      <c r="DN36" s="71">
        <v>1</v>
      </c>
      <c r="DO36" s="71">
        <v>0</v>
      </c>
      <c r="DP36" s="71">
        <v>0</v>
      </c>
      <c r="DQ36" s="71">
        <v>0</v>
      </c>
      <c r="DR36" s="72">
        <v>1</v>
      </c>
      <c r="DS36" s="73">
        <v>1</v>
      </c>
      <c r="DT36" s="70">
        <v>0</v>
      </c>
      <c r="DU36" s="71">
        <v>1</v>
      </c>
      <c r="DV36" s="72">
        <v>1</v>
      </c>
      <c r="DW36" s="244"/>
      <c r="DX36" s="71">
        <v>0</v>
      </c>
      <c r="DY36" s="71">
        <v>0</v>
      </c>
      <c r="DZ36" s="71">
        <v>0</v>
      </c>
      <c r="EA36" s="71">
        <v>0</v>
      </c>
      <c r="EB36" s="71">
        <v>0</v>
      </c>
      <c r="EC36" s="72">
        <v>0</v>
      </c>
      <c r="ED36" s="73">
        <v>1</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0</v>
      </c>
      <c r="FG36" s="71">
        <v>0</v>
      </c>
      <c r="FH36" s="71">
        <v>0</v>
      </c>
      <c r="FI36" s="71">
        <v>0</v>
      </c>
      <c r="FJ36" s="72">
        <v>0</v>
      </c>
      <c r="FK36" s="73">
        <v>0</v>
      </c>
      <c r="FL36" s="70">
        <v>1</v>
      </c>
      <c r="FM36" s="71">
        <v>1</v>
      </c>
      <c r="FN36" s="72">
        <v>2</v>
      </c>
      <c r="FO36" s="244"/>
      <c r="FP36" s="71">
        <v>0</v>
      </c>
      <c r="FQ36" s="71">
        <v>2</v>
      </c>
      <c r="FR36" s="71">
        <v>0</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1</v>
      </c>
      <c r="GI36" s="71">
        <v>2</v>
      </c>
      <c r="GJ36" s="72">
        <v>3</v>
      </c>
      <c r="GK36" s="244"/>
      <c r="GL36" s="71">
        <v>0</v>
      </c>
      <c r="GM36" s="71">
        <v>3</v>
      </c>
      <c r="GN36" s="71">
        <v>0</v>
      </c>
      <c r="GO36" s="71">
        <v>1</v>
      </c>
      <c r="GP36" s="71">
        <v>0</v>
      </c>
      <c r="GQ36" s="72">
        <v>4</v>
      </c>
      <c r="GR36" s="73">
        <v>7</v>
      </c>
      <c r="GS36" s="123">
        <v>7</v>
      </c>
      <c r="GT36" s="82">
        <v>5</v>
      </c>
      <c r="GU36" s="83">
        <v>12</v>
      </c>
      <c r="GV36" s="241"/>
      <c r="GW36" s="82">
        <v>6</v>
      </c>
      <c r="GX36" s="82">
        <v>5</v>
      </c>
      <c r="GY36" s="82">
        <v>3</v>
      </c>
      <c r="GZ36" s="82">
        <v>1</v>
      </c>
      <c r="HA36" s="82">
        <v>1</v>
      </c>
      <c r="HB36" s="84">
        <v>16</v>
      </c>
      <c r="HC36" s="85">
        <v>28</v>
      </c>
      <c r="HD36" s="70">
        <v>0</v>
      </c>
      <c r="HE36" s="71">
        <v>0</v>
      </c>
      <c r="HF36" s="72">
        <v>0</v>
      </c>
      <c r="HG36" s="244"/>
      <c r="HH36" s="71">
        <v>0</v>
      </c>
      <c r="HI36" s="71">
        <v>1</v>
      </c>
      <c r="HJ36" s="71">
        <v>0</v>
      </c>
      <c r="HK36" s="71">
        <v>0</v>
      </c>
      <c r="HL36" s="71">
        <v>0</v>
      </c>
      <c r="HM36" s="72">
        <v>1</v>
      </c>
      <c r="HN36" s="73">
        <v>1</v>
      </c>
      <c r="HO36" s="70">
        <v>0</v>
      </c>
      <c r="HP36" s="71">
        <v>1</v>
      </c>
      <c r="HQ36" s="72">
        <v>1</v>
      </c>
      <c r="HR36" s="244"/>
      <c r="HS36" s="71">
        <v>0</v>
      </c>
      <c r="HT36" s="71">
        <v>0</v>
      </c>
      <c r="HU36" s="71">
        <v>0</v>
      </c>
      <c r="HV36" s="71">
        <v>0</v>
      </c>
      <c r="HW36" s="71">
        <v>0</v>
      </c>
      <c r="HX36" s="72">
        <v>0</v>
      </c>
      <c r="HY36" s="73">
        <v>1</v>
      </c>
      <c r="HZ36" s="70">
        <v>2</v>
      </c>
      <c r="IA36" s="71">
        <v>0</v>
      </c>
      <c r="IB36" s="72">
        <v>2</v>
      </c>
      <c r="IC36" s="244"/>
      <c r="ID36" s="71">
        <v>1</v>
      </c>
      <c r="IE36" s="71">
        <v>0</v>
      </c>
      <c r="IF36" s="71">
        <v>0</v>
      </c>
      <c r="IG36" s="71">
        <v>0</v>
      </c>
      <c r="IH36" s="71">
        <v>0</v>
      </c>
      <c r="II36" s="72">
        <v>1</v>
      </c>
      <c r="IJ36" s="73">
        <v>3</v>
      </c>
      <c r="IK36" s="70">
        <v>1</v>
      </c>
      <c r="IL36" s="71">
        <v>1</v>
      </c>
      <c r="IM36" s="72">
        <v>2</v>
      </c>
      <c r="IN36" s="244"/>
      <c r="IO36" s="71">
        <v>1</v>
      </c>
      <c r="IP36" s="71">
        <v>1</v>
      </c>
      <c r="IQ36" s="71">
        <v>1</v>
      </c>
      <c r="IR36" s="71">
        <v>0</v>
      </c>
      <c r="IS36" s="71">
        <v>0</v>
      </c>
      <c r="IT36" s="72">
        <v>3</v>
      </c>
      <c r="IU36" s="73">
        <v>5</v>
      </c>
      <c r="IV36" s="70">
        <v>1</v>
      </c>
      <c r="IW36" s="71">
        <v>2</v>
      </c>
      <c r="IX36" s="72">
        <v>3</v>
      </c>
      <c r="IY36" s="244"/>
      <c r="IZ36" s="71">
        <v>0</v>
      </c>
      <c r="JA36" s="71">
        <v>0</v>
      </c>
      <c r="JB36" s="71">
        <v>2</v>
      </c>
      <c r="JC36" s="71">
        <v>0</v>
      </c>
      <c r="JD36" s="71">
        <v>1</v>
      </c>
      <c r="JE36" s="72">
        <v>3</v>
      </c>
      <c r="JF36" s="73">
        <v>6</v>
      </c>
      <c r="JG36" s="70">
        <v>3</v>
      </c>
      <c r="JH36" s="71">
        <v>1</v>
      </c>
      <c r="JI36" s="72">
        <v>4</v>
      </c>
      <c r="JJ36" s="244"/>
      <c r="JK36" s="71">
        <v>4</v>
      </c>
      <c r="JL36" s="71">
        <v>3</v>
      </c>
      <c r="JM36" s="71">
        <v>0</v>
      </c>
      <c r="JN36" s="71">
        <v>1</v>
      </c>
      <c r="JO36" s="71">
        <v>0</v>
      </c>
      <c r="JP36" s="72">
        <v>8</v>
      </c>
      <c r="JQ36" s="73">
        <v>12</v>
      </c>
      <c r="JR36" s="70">
        <v>0</v>
      </c>
      <c r="JS36" s="71">
        <v>0</v>
      </c>
      <c r="JT36" s="72">
        <v>0</v>
      </c>
      <c r="JU36" s="244"/>
      <c r="JV36" s="71">
        <v>0</v>
      </c>
      <c r="JW36" s="71">
        <v>0</v>
      </c>
      <c r="JX36" s="71">
        <v>0</v>
      </c>
      <c r="JY36" s="71">
        <v>0</v>
      </c>
      <c r="JZ36" s="71">
        <v>0</v>
      </c>
      <c r="KA36" s="72">
        <v>0</v>
      </c>
      <c r="KB36" s="73">
        <v>0</v>
      </c>
      <c r="KC36" s="70">
        <v>7</v>
      </c>
      <c r="KD36" s="71">
        <v>5</v>
      </c>
      <c r="KE36" s="72">
        <v>12</v>
      </c>
      <c r="KF36" s="244"/>
      <c r="KG36" s="71">
        <v>6</v>
      </c>
      <c r="KH36" s="71">
        <v>5</v>
      </c>
      <c r="KI36" s="71">
        <v>3</v>
      </c>
      <c r="KJ36" s="71">
        <v>1</v>
      </c>
      <c r="KK36" s="71">
        <v>1</v>
      </c>
      <c r="KL36" s="72">
        <v>16</v>
      </c>
      <c r="KM36" s="73">
        <v>28</v>
      </c>
    </row>
    <row r="37" spans="2:299" ht="21" customHeight="1" x14ac:dyDescent="0.2">
      <c r="B37" s="126" t="s">
        <v>34</v>
      </c>
      <c r="C37" s="313">
        <v>3</v>
      </c>
      <c r="D37" s="82">
        <v>2</v>
      </c>
      <c r="E37" s="83">
        <v>5</v>
      </c>
      <c r="F37" s="241"/>
      <c r="G37" s="82">
        <v>3</v>
      </c>
      <c r="H37" s="82">
        <v>9</v>
      </c>
      <c r="I37" s="82">
        <v>4</v>
      </c>
      <c r="J37" s="82">
        <v>1</v>
      </c>
      <c r="K37" s="82">
        <v>0</v>
      </c>
      <c r="L37" s="84">
        <v>17</v>
      </c>
      <c r="M37" s="85">
        <v>22</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1</v>
      </c>
      <c r="AV37" s="71">
        <v>0</v>
      </c>
      <c r="AW37" s="72">
        <v>1</v>
      </c>
      <c r="AX37" s="244"/>
      <c r="AY37" s="71">
        <v>1</v>
      </c>
      <c r="AZ37" s="71">
        <v>3</v>
      </c>
      <c r="BA37" s="71">
        <v>0</v>
      </c>
      <c r="BB37" s="71">
        <v>1</v>
      </c>
      <c r="BC37" s="71">
        <v>0</v>
      </c>
      <c r="BD37" s="72">
        <v>5</v>
      </c>
      <c r="BE37" s="73">
        <v>6</v>
      </c>
      <c r="BF37" s="70">
        <v>1</v>
      </c>
      <c r="BG37" s="71">
        <v>1</v>
      </c>
      <c r="BH37" s="72">
        <v>2</v>
      </c>
      <c r="BI37" s="244"/>
      <c r="BJ37" s="71">
        <v>1</v>
      </c>
      <c r="BK37" s="71">
        <v>2</v>
      </c>
      <c r="BL37" s="71">
        <v>4</v>
      </c>
      <c r="BM37" s="71">
        <v>0</v>
      </c>
      <c r="BN37" s="71">
        <v>0</v>
      </c>
      <c r="BO37" s="72">
        <v>7</v>
      </c>
      <c r="BP37" s="73">
        <v>9</v>
      </c>
      <c r="BQ37" s="70">
        <v>1</v>
      </c>
      <c r="BR37" s="71">
        <v>1</v>
      </c>
      <c r="BS37" s="72">
        <v>2</v>
      </c>
      <c r="BT37" s="244"/>
      <c r="BU37" s="71">
        <v>1</v>
      </c>
      <c r="BV37" s="71">
        <v>3</v>
      </c>
      <c r="BW37" s="71">
        <v>0</v>
      </c>
      <c r="BX37" s="71">
        <v>0</v>
      </c>
      <c r="BY37" s="71">
        <v>0</v>
      </c>
      <c r="BZ37" s="72">
        <v>4</v>
      </c>
      <c r="CA37" s="73">
        <v>6</v>
      </c>
      <c r="CB37" s="70">
        <v>0</v>
      </c>
      <c r="CC37" s="71">
        <v>0</v>
      </c>
      <c r="CD37" s="72">
        <v>0</v>
      </c>
      <c r="CE37" s="244"/>
      <c r="CF37" s="71">
        <v>0</v>
      </c>
      <c r="CG37" s="71">
        <v>0</v>
      </c>
      <c r="CH37" s="71">
        <v>0</v>
      </c>
      <c r="CI37" s="71">
        <v>0</v>
      </c>
      <c r="CJ37" s="71">
        <v>0</v>
      </c>
      <c r="CK37" s="72">
        <v>0</v>
      </c>
      <c r="CL37" s="73">
        <v>0</v>
      </c>
      <c r="CM37" s="70">
        <v>3</v>
      </c>
      <c r="CN37" s="71">
        <v>2</v>
      </c>
      <c r="CO37" s="72">
        <v>5</v>
      </c>
      <c r="CP37" s="244"/>
      <c r="CQ37" s="71">
        <v>3</v>
      </c>
      <c r="CR37" s="71">
        <v>9</v>
      </c>
      <c r="CS37" s="71">
        <v>4</v>
      </c>
      <c r="CT37" s="71">
        <v>1</v>
      </c>
      <c r="CU37" s="71">
        <v>0</v>
      </c>
      <c r="CV37" s="72">
        <v>17</v>
      </c>
      <c r="CW37" s="73">
        <v>22</v>
      </c>
      <c r="CX37" s="123">
        <v>0</v>
      </c>
      <c r="CY37" s="82">
        <v>0</v>
      </c>
      <c r="CZ37" s="83">
        <v>0</v>
      </c>
      <c r="DA37" s="241"/>
      <c r="DB37" s="82">
        <v>0</v>
      </c>
      <c r="DC37" s="82">
        <v>0</v>
      </c>
      <c r="DD37" s="82">
        <v>0</v>
      </c>
      <c r="DE37" s="82">
        <v>0</v>
      </c>
      <c r="DF37" s="82">
        <v>2</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0</v>
      </c>
      <c r="FR37" s="71">
        <v>0</v>
      </c>
      <c r="FS37" s="71">
        <v>0</v>
      </c>
      <c r="FT37" s="71">
        <v>2</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0</v>
      </c>
      <c r="GN37" s="71">
        <v>0</v>
      </c>
      <c r="GO37" s="71">
        <v>0</v>
      </c>
      <c r="GP37" s="71">
        <v>2</v>
      </c>
      <c r="GQ37" s="72">
        <v>2</v>
      </c>
      <c r="GR37" s="73">
        <v>2</v>
      </c>
      <c r="GS37" s="123">
        <v>3</v>
      </c>
      <c r="GT37" s="82">
        <v>2</v>
      </c>
      <c r="GU37" s="83">
        <v>5</v>
      </c>
      <c r="GV37" s="241"/>
      <c r="GW37" s="82">
        <v>3</v>
      </c>
      <c r="GX37" s="82">
        <v>9</v>
      </c>
      <c r="GY37" s="82">
        <v>4</v>
      </c>
      <c r="GZ37" s="82">
        <v>1</v>
      </c>
      <c r="HA37" s="82">
        <v>2</v>
      </c>
      <c r="HB37" s="84">
        <v>19</v>
      </c>
      <c r="HC37" s="85">
        <v>24</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1</v>
      </c>
      <c r="IL37" s="71">
        <v>0</v>
      </c>
      <c r="IM37" s="72">
        <v>1</v>
      </c>
      <c r="IN37" s="244"/>
      <c r="IO37" s="71">
        <v>1</v>
      </c>
      <c r="IP37" s="71">
        <v>3</v>
      </c>
      <c r="IQ37" s="71">
        <v>0</v>
      </c>
      <c r="IR37" s="71">
        <v>1</v>
      </c>
      <c r="IS37" s="71">
        <v>0</v>
      </c>
      <c r="IT37" s="72">
        <v>5</v>
      </c>
      <c r="IU37" s="73">
        <v>6</v>
      </c>
      <c r="IV37" s="70">
        <v>1</v>
      </c>
      <c r="IW37" s="71">
        <v>1</v>
      </c>
      <c r="IX37" s="72">
        <v>2</v>
      </c>
      <c r="IY37" s="244"/>
      <c r="IZ37" s="71">
        <v>1</v>
      </c>
      <c r="JA37" s="71">
        <v>2</v>
      </c>
      <c r="JB37" s="71">
        <v>4</v>
      </c>
      <c r="JC37" s="71">
        <v>0</v>
      </c>
      <c r="JD37" s="71">
        <v>0</v>
      </c>
      <c r="JE37" s="72">
        <v>7</v>
      </c>
      <c r="JF37" s="73">
        <v>9</v>
      </c>
      <c r="JG37" s="70">
        <v>1</v>
      </c>
      <c r="JH37" s="71">
        <v>1</v>
      </c>
      <c r="JI37" s="72">
        <v>2</v>
      </c>
      <c r="JJ37" s="244"/>
      <c r="JK37" s="71">
        <v>1</v>
      </c>
      <c r="JL37" s="71">
        <v>3</v>
      </c>
      <c r="JM37" s="71">
        <v>0</v>
      </c>
      <c r="JN37" s="71">
        <v>0</v>
      </c>
      <c r="JO37" s="71">
        <v>2</v>
      </c>
      <c r="JP37" s="72">
        <v>6</v>
      </c>
      <c r="JQ37" s="73">
        <v>8</v>
      </c>
      <c r="JR37" s="70">
        <v>0</v>
      </c>
      <c r="JS37" s="71">
        <v>0</v>
      </c>
      <c r="JT37" s="72">
        <v>0</v>
      </c>
      <c r="JU37" s="244"/>
      <c r="JV37" s="71">
        <v>0</v>
      </c>
      <c r="JW37" s="71">
        <v>0</v>
      </c>
      <c r="JX37" s="71">
        <v>0</v>
      </c>
      <c r="JY37" s="71">
        <v>0</v>
      </c>
      <c r="JZ37" s="71">
        <v>0</v>
      </c>
      <c r="KA37" s="72">
        <v>0</v>
      </c>
      <c r="KB37" s="73">
        <v>0</v>
      </c>
      <c r="KC37" s="70">
        <v>3</v>
      </c>
      <c r="KD37" s="71">
        <v>2</v>
      </c>
      <c r="KE37" s="72">
        <v>5</v>
      </c>
      <c r="KF37" s="244"/>
      <c r="KG37" s="71">
        <v>3</v>
      </c>
      <c r="KH37" s="71">
        <v>9</v>
      </c>
      <c r="KI37" s="71">
        <v>4</v>
      </c>
      <c r="KJ37" s="71">
        <v>1</v>
      </c>
      <c r="KK37" s="71">
        <v>2</v>
      </c>
      <c r="KL37" s="72">
        <v>19</v>
      </c>
      <c r="KM37" s="73">
        <v>24</v>
      </c>
    </row>
    <row r="38" spans="2:299" ht="21" customHeight="1" x14ac:dyDescent="0.2">
      <c r="B38" s="126" t="s">
        <v>35</v>
      </c>
      <c r="C38" s="313">
        <v>12</v>
      </c>
      <c r="D38" s="82">
        <v>4</v>
      </c>
      <c r="E38" s="83">
        <v>16</v>
      </c>
      <c r="F38" s="241"/>
      <c r="G38" s="82">
        <v>24</v>
      </c>
      <c r="H38" s="82">
        <v>7</v>
      </c>
      <c r="I38" s="82">
        <v>3</v>
      </c>
      <c r="J38" s="82">
        <v>3</v>
      </c>
      <c r="K38" s="82">
        <v>5</v>
      </c>
      <c r="L38" s="84">
        <v>42</v>
      </c>
      <c r="M38" s="85">
        <v>58</v>
      </c>
      <c r="N38" s="70">
        <v>0</v>
      </c>
      <c r="O38" s="71">
        <v>0</v>
      </c>
      <c r="P38" s="72">
        <v>0</v>
      </c>
      <c r="Q38" s="244"/>
      <c r="R38" s="71">
        <v>0</v>
      </c>
      <c r="S38" s="71">
        <v>0</v>
      </c>
      <c r="T38" s="71">
        <v>0</v>
      </c>
      <c r="U38" s="71">
        <v>0</v>
      </c>
      <c r="V38" s="71">
        <v>0</v>
      </c>
      <c r="W38" s="72">
        <v>0</v>
      </c>
      <c r="X38" s="73">
        <v>0</v>
      </c>
      <c r="Y38" s="70">
        <v>1</v>
      </c>
      <c r="Z38" s="71">
        <v>0</v>
      </c>
      <c r="AA38" s="72">
        <v>1</v>
      </c>
      <c r="AB38" s="244"/>
      <c r="AC38" s="71">
        <v>0</v>
      </c>
      <c r="AD38" s="71">
        <v>0</v>
      </c>
      <c r="AE38" s="71">
        <v>0</v>
      </c>
      <c r="AF38" s="71">
        <v>0</v>
      </c>
      <c r="AG38" s="71">
        <v>0</v>
      </c>
      <c r="AH38" s="72">
        <v>0</v>
      </c>
      <c r="AI38" s="73">
        <v>1</v>
      </c>
      <c r="AJ38" s="70">
        <v>2</v>
      </c>
      <c r="AK38" s="71">
        <v>1</v>
      </c>
      <c r="AL38" s="72">
        <v>3</v>
      </c>
      <c r="AM38" s="244"/>
      <c r="AN38" s="71">
        <v>4</v>
      </c>
      <c r="AO38" s="71">
        <v>1</v>
      </c>
      <c r="AP38" s="71">
        <v>0</v>
      </c>
      <c r="AQ38" s="71">
        <v>0</v>
      </c>
      <c r="AR38" s="71">
        <v>0</v>
      </c>
      <c r="AS38" s="72">
        <v>5</v>
      </c>
      <c r="AT38" s="73">
        <v>8</v>
      </c>
      <c r="AU38" s="70">
        <v>4</v>
      </c>
      <c r="AV38" s="71">
        <v>2</v>
      </c>
      <c r="AW38" s="72">
        <v>6</v>
      </c>
      <c r="AX38" s="244"/>
      <c r="AY38" s="71">
        <v>4</v>
      </c>
      <c r="AZ38" s="71">
        <v>2</v>
      </c>
      <c r="BA38" s="71">
        <v>1</v>
      </c>
      <c r="BB38" s="71">
        <v>1</v>
      </c>
      <c r="BC38" s="71">
        <v>0</v>
      </c>
      <c r="BD38" s="72">
        <v>8</v>
      </c>
      <c r="BE38" s="73">
        <v>14</v>
      </c>
      <c r="BF38" s="70">
        <v>2</v>
      </c>
      <c r="BG38" s="71">
        <v>1</v>
      </c>
      <c r="BH38" s="72">
        <v>3</v>
      </c>
      <c r="BI38" s="244"/>
      <c r="BJ38" s="71">
        <v>8</v>
      </c>
      <c r="BK38" s="71">
        <v>1</v>
      </c>
      <c r="BL38" s="71">
        <v>1</v>
      </c>
      <c r="BM38" s="71">
        <v>0</v>
      </c>
      <c r="BN38" s="71">
        <v>2</v>
      </c>
      <c r="BO38" s="72">
        <v>12</v>
      </c>
      <c r="BP38" s="73">
        <v>15</v>
      </c>
      <c r="BQ38" s="70">
        <v>3</v>
      </c>
      <c r="BR38" s="71">
        <v>0</v>
      </c>
      <c r="BS38" s="72">
        <v>3</v>
      </c>
      <c r="BT38" s="244"/>
      <c r="BU38" s="71">
        <v>8</v>
      </c>
      <c r="BV38" s="71">
        <v>3</v>
      </c>
      <c r="BW38" s="71">
        <v>1</v>
      </c>
      <c r="BX38" s="71">
        <v>2</v>
      </c>
      <c r="BY38" s="71">
        <v>3</v>
      </c>
      <c r="BZ38" s="72">
        <v>17</v>
      </c>
      <c r="CA38" s="73">
        <v>20</v>
      </c>
      <c r="CB38" s="70">
        <v>0</v>
      </c>
      <c r="CC38" s="71">
        <v>0</v>
      </c>
      <c r="CD38" s="72">
        <v>0</v>
      </c>
      <c r="CE38" s="244"/>
      <c r="CF38" s="71">
        <v>0</v>
      </c>
      <c r="CG38" s="71">
        <v>0</v>
      </c>
      <c r="CH38" s="71">
        <v>0</v>
      </c>
      <c r="CI38" s="71">
        <v>0</v>
      </c>
      <c r="CJ38" s="71">
        <v>0</v>
      </c>
      <c r="CK38" s="72">
        <v>0</v>
      </c>
      <c r="CL38" s="73">
        <v>0</v>
      </c>
      <c r="CM38" s="70">
        <v>12</v>
      </c>
      <c r="CN38" s="71">
        <v>4</v>
      </c>
      <c r="CO38" s="72">
        <v>16</v>
      </c>
      <c r="CP38" s="244"/>
      <c r="CQ38" s="71">
        <v>24</v>
      </c>
      <c r="CR38" s="71">
        <v>7</v>
      </c>
      <c r="CS38" s="71">
        <v>3</v>
      </c>
      <c r="CT38" s="71">
        <v>3</v>
      </c>
      <c r="CU38" s="71">
        <v>5</v>
      </c>
      <c r="CV38" s="72">
        <v>42</v>
      </c>
      <c r="CW38" s="73">
        <v>58</v>
      </c>
      <c r="CX38" s="123">
        <v>2</v>
      </c>
      <c r="CY38" s="82">
        <v>1</v>
      </c>
      <c r="CZ38" s="83">
        <v>3</v>
      </c>
      <c r="DA38" s="241"/>
      <c r="DB38" s="82">
        <v>4</v>
      </c>
      <c r="DC38" s="82">
        <v>2</v>
      </c>
      <c r="DD38" s="82">
        <v>6</v>
      </c>
      <c r="DE38" s="82">
        <v>4</v>
      </c>
      <c r="DF38" s="82">
        <v>1</v>
      </c>
      <c r="DG38" s="84">
        <v>17</v>
      </c>
      <c r="DH38" s="85">
        <v>20</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1</v>
      </c>
      <c r="EJ38" s="71">
        <v>1</v>
      </c>
      <c r="EK38" s="71">
        <v>0</v>
      </c>
      <c r="EL38" s="71">
        <v>0</v>
      </c>
      <c r="EM38" s="71">
        <v>0</v>
      </c>
      <c r="EN38" s="72">
        <v>2</v>
      </c>
      <c r="EO38" s="73">
        <v>2</v>
      </c>
      <c r="EP38" s="70">
        <v>0</v>
      </c>
      <c r="EQ38" s="71">
        <v>0</v>
      </c>
      <c r="ER38" s="72">
        <v>0</v>
      </c>
      <c r="ES38" s="244"/>
      <c r="ET38" s="71">
        <v>1</v>
      </c>
      <c r="EU38" s="71">
        <v>0</v>
      </c>
      <c r="EV38" s="71">
        <v>0</v>
      </c>
      <c r="EW38" s="71">
        <v>0</v>
      </c>
      <c r="EX38" s="71">
        <v>0</v>
      </c>
      <c r="EY38" s="72">
        <v>1</v>
      </c>
      <c r="EZ38" s="73">
        <v>1</v>
      </c>
      <c r="FA38" s="70">
        <v>0</v>
      </c>
      <c r="FB38" s="71">
        <v>0</v>
      </c>
      <c r="FC38" s="72">
        <v>0</v>
      </c>
      <c r="FD38" s="244"/>
      <c r="FE38" s="71">
        <v>0</v>
      </c>
      <c r="FF38" s="71">
        <v>0</v>
      </c>
      <c r="FG38" s="71">
        <v>2</v>
      </c>
      <c r="FH38" s="71">
        <v>0</v>
      </c>
      <c r="FI38" s="71">
        <v>1</v>
      </c>
      <c r="FJ38" s="72">
        <v>3</v>
      </c>
      <c r="FK38" s="73">
        <v>3</v>
      </c>
      <c r="FL38" s="70">
        <v>2</v>
      </c>
      <c r="FM38" s="71">
        <v>1</v>
      </c>
      <c r="FN38" s="72">
        <v>3</v>
      </c>
      <c r="FO38" s="244"/>
      <c r="FP38" s="71">
        <v>2</v>
      </c>
      <c r="FQ38" s="71">
        <v>1</v>
      </c>
      <c r="FR38" s="71">
        <v>3</v>
      </c>
      <c r="FS38" s="71">
        <v>4</v>
      </c>
      <c r="FT38" s="71">
        <v>0</v>
      </c>
      <c r="FU38" s="72">
        <v>10</v>
      </c>
      <c r="FV38" s="73">
        <v>13</v>
      </c>
      <c r="FW38" s="70">
        <v>0</v>
      </c>
      <c r="FX38" s="71">
        <v>0</v>
      </c>
      <c r="FY38" s="72">
        <v>0</v>
      </c>
      <c r="FZ38" s="244"/>
      <c r="GA38" s="71">
        <v>0</v>
      </c>
      <c r="GB38" s="71">
        <v>0</v>
      </c>
      <c r="GC38" s="71">
        <v>0</v>
      </c>
      <c r="GD38" s="71">
        <v>0</v>
      </c>
      <c r="GE38" s="71">
        <v>0</v>
      </c>
      <c r="GF38" s="72">
        <v>0</v>
      </c>
      <c r="GG38" s="73">
        <v>0</v>
      </c>
      <c r="GH38" s="70">
        <v>2</v>
      </c>
      <c r="GI38" s="71">
        <v>1</v>
      </c>
      <c r="GJ38" s="72">
        <v>3</v>
      </c>
      <c r="GK38" s="244"/>
      <c r="GL38" s="71">
        <v>4</v>
      </c>
      <c r="GM38" s="71">
        <v>2</v>
      </c>
      <c r="GN38" s="71">
        <v>6</v>
      </c>
      <c r="GO38" s="71">
        <v>4</v>
      </c>
      <c r="GP38" s="71">
        <v>1</v>
      </c>
      <c r="GQ38" s="72">
        <v>17</v>
      </c>
      <c r="GR38" s="73">
        <v>20</v>
      </c>
      <c r="GS38" s="123">
        <v>14</v>
      </c>
      <c r="GT38" s="82">
        <v>5</v>
      </c>
      <c r="GU38" s="83">
        <v>19</v>
      </c>
      <c r="GV38" s="241"/>
      <c r="GW38" s="82">
        <v>28</v>
      </c>
      <c r="GX38" s="82">
        <v>9</v>
      </c>
      <c r="GY38" s="82">
        <v>9</v>
      </c>
      <c r="GZ38" s="82">
        <v>7</v>
      </c>
      <c r="HA38" s="82">
        <v>6</v>
      </c>
      <c r="HB38" s="84">
        <v>59</v>
      </c>
      <c r="HC38" s="85">
        <v>78</v>
      </c>
      <c r="HD38" s="70">
        <v>0</v>
      </c>
      <c r="HE38" s="71">
        <v>0</v>
      </c>
      <c r="HF38" s="72">
        <v>0</v>
      </c>
      <c r="HG38" s="244"/>
      <c r="HH38" s="71">
        <v>0</v>
      </c>
      <c r="HI38" s="71">
        <v>0</v>
      </c>
      <c r="HJ38" s="71">
        <v>0</v>
      </c>
      <c r="HK38" s="71">
        <v>0</v>
      </c>
      <c r="HL38" s="71">
        <v>0</v>
      </c>
      <c r="HM38" s="72">
        <v>0</v>
      </c>
      <c r="HN38" s="73">
        <v>0</v>
      </c>
      <c r="HO38" s="70">
        <v>1</v>
      </c>
      <c r="HP38" s="71">
        <v>0</v>
      </c>
      <c r="HQ38" s="72">
        <v>1</v>
      </c>
      <c r="HR38" s="244"/>
      <c r="HS38" s="71">
        <v>0</v>
      </c>
      <c r="HT38" s="71">
        <v>0</v>
      </c>
      <c r="HU38" s="71">
        <v>1</v>
      </c>
      <c r="HV38" s="71">
        <v>0</v>
      </c>
      <c r="HW38" s="71">
        <v>0</v>
      </c>
      <c r="HX38" s="72">
        <v>1</v>
      </c>
      <c r="HY38" s="73">
        <v>2</v>
      </c>
      <c r="HZ38" s="70">
        <v>2</v>
      </c>
      <c r="IA38" s="71">
        <v>1</v>
      </c>
      <c r="IB38" s="72">
        <v>3</v>
      </c>
      <c r="IC38" s="244"/>
      <c r="ID38" s="71">
        <v>5</v>
      </c>
      <c r="IE38" s="71">
        <v>2</v>
      </c>
      <c r="IF38" s="71">
        <v>0</v>
      </c>
      <c r="IG38" s="71">
        <v>0</v>
      </c>
      <c r="IH38" s="71">
        <v>0</v>
      </c>
      <c r="II38" s="72">
        <v>7</v>
      </c>
      <c r="IJ38" s="73">
        <v>10</v>
      </c>
      <c r="IK38" s="70">
        <v>4</v>
      </c>
      <c r="IL38" s="71">
        <v>2</v>
      </c>
      <c r="IM38" s="72">
        <v>6</v>
      </c>
      <c r="IN38" s="244"/>
      <c r="IO38" s="71">
        <v>5</v>
      </c>
      <c r="IP38" s="71">
        <v>2</v>
      </c>
      <c r="IQ38" s="71">
        <v>1</v>
      </c>
      <c r="IR38" s="71">
        <v>1</v>
      </c>
      <c r="IS38" s="71">
        <v>0</v>
      </c>
      <c r="IT38" s="72">
        <v>9</v>
      </c>
      <c r="IU38" s="73">
        <v>15</v>
      </c>
      <c r="IV38" s="70">
        <v>2</v>
      </c>
      <c r="IW38" s="71">
        <v>1</v>
      </c>
      <c r="IX38" s="72">
        <v>3</v>
      </c>
      <c r="IY38" s="244"/>
      <c r="IZ38" s="71">
        <v>8</v>
      </c>
      <c r="JA38" s="71">
        <v>1</v>
      </c>
      <c r="JB38" s="71">
        <v>3</v>
      </c>
      <c r="JC38" s="71">
        <v>0</v>
      </c>
      <c r="JD38" s="71">
        <v>3</v>
      </c>
      <c r="JE38" s="72">
        <v>15</v>
      </c>
      <c r="JF38" s="73">
        <v>18</v>
      </c>
      <c r="JG38" s="70">
        <v>5</v>
      </c>
      <c r="JH38" s="71">
        <v>1</v>
      </c>
      <c r="JI38" s="72">
        <v>6</v>
      </c>
      <c r="JJ38" s="244"/>
      <c r="JK38" s="71">
        <v>10</v>
      </c>
      <c r="JL38" s="71">
        <v>4</v>
      </c>
      <c r="JM38" s="71">
        <v>4</v>
      </c>
      <c r="JN38" s="71">
        <v>6</v>
      </c>
      <c r="JO38" s="71">
        <v>3</v>
      </c>
      <c r="JP38" s="72">
        <v>27</v>
      </c>
      <c r="JQ38" s="73">
        <v>33</v>
      </c>
      <c r="JR38" s="70">
        <v>0</v>
      </c>
      <c r="JS38" s="71">
        <v>0</v>
      </c>
      <c r="JT38" s="72">
        <v>0</v>
      </c>
      <c r="JU38" s="244"/>
      <c r="JV38" s="71">
        <v>0</v>
      </c>
      <c r="JW38" s="71">
        <v>0</v>
      </c>
      <c r="JX38" s="71">
        <v>0</v>
      </c>
      <c r="JY38" s="71">
        <v>0</v>
      </c>
      <c r="JZ38" s="71">
        <v>0</v>
      </c>
      <c r="KA38" s="72">
        <v>0</v>
      </c>
      <c r="KB38" s="73">
        <v>0</v>
      </c>
      <c r="KC38" s="70">
        <v>14</v>
      </c>
      <c r="KD38" s="71">
        <v>5</v>
      </c>
      <c r="KE38" s="72">
        <v>19</v>
      </c>
      <c r="KF38" s="244"/>
      <c r="KG38" s="71">
        <v>28</v>
      </c>
      <c r="KH38" s="71">
        <v>9</v>
      </c>
      <c r="KI38" s="71">
        <v>9</v>
      </c>
      <c r="KJ38" s="71">
        <v>7</v>
      </c>
      <c r="KK38" s="71">
        <v>6</v>
      </c>
      <c r="KL38" s="72">
        <v>59</v>
      </c>
      <c r="KM38" s="73">
        <v>78</v>
      </c>
    </row>
    <row r="39" spans="2:299" ht="21" customHeight="1" x14ac:dyDescent="0.2">
      <c r="B39" s="126" t="s">
        <v>36</v>
      </c>
      <c r="C39" s="313">
        <v>2</v>
      </c>
      <c r="D39" s="82">
        <v>9</v>
      </c>
      <c r="E39" s="83">
        <v>11</v>
      </c>
      <c r="F39" s="241"/>
      <c r="G39" s="82">
        <v>13</v>
      </c>
      <c r="H39" s="82">
        <v>9</v>
      </c>
      <c r="I39" s="82">
        <v>6</v>
      </c>
      <c r="J39" s="82">
        <v>9</v>
      </c>
      <c r="K39" s="82">
        <v>5</v>
      </c>
      <c r="L39" s="84">
        <v>42</v>
      </c>
      <c r="M39" s="85">
        <v>53</v>
      </c>
      <c r="N39" s="70">
        <v>0</v>
      </c>
      <c r="O39" s="71">
        <v>0</v>
      </c>
      <c r="P39" s="72">
        <v>0</v>
      </c>
      <c r="Q39" s="244"/>
      <c r="R39" s="71">
        <v>1</v>
      </c>
      <c r="S39" s="71">
        <v>1</v>
      </c>
      <c r="T39" s="71">
        <v>0</v>
      </c>
      <c r="U39" s="71">
        <v>0</v>
      </c>
      <c r="V39" s="71">
        <v>0</v>
      </c>
      <c r="W39" s="72">
        <v>2</v>
      </c>
      <c r="X39" s="73">
        <v>2</v>
      </c>
      <c r="Y39" s="70">
        <v>0</v>
      </c>
      <c r="Z39" s="71">
        <v>0</v>
      </c>
      <c r="AA39" s="72">
        <v>0</v>
      </c>
      <c r="AB39" s="244"/>
      <c r="AC39" s="71">
        <v>2</v>
      </c>
      <c r="AD39" s="71">
        <v>1</v>
      </c>
      <c r="AE39" s="71">
        <v>1</v>
      </c>
      <c r="AF39" s="71">
        <v>1</v>
      </c>
      <c r="AG39" s="71">
        <v>0</v>
      </c>
      <c r="AH39" s="72">
        <v>5</v>
      </c>
      <c r="AI39" s="73">
        <v>5</v>
      </c>
      <c r="AJ39" s="70">
        <v>0</v>
      </c>
      <c r="AK39" s="71">
        <v>1</v>
      </c>
      <c r="AL39" s="72">
        <v>1</v>
      </c>
      <c r="AM39" s="244"/>
      <c r="AN39" s="71">
        <v>0</v>
      </c>
      <c r="AO39" s="71">
        <v>0</v>
      </c>
      <c r="AP39" s="71">
        <v>1</v>
      </c>
      <c r="AQ39" s="71">
        <v>1</v>
      </c>
      <c r="AR39" s="71">
        <v>0</v>
      </c>
      <c r="AS39" s="72">
        <v>2</v>
      </c>
      <c r="AT39" s="73">
        <v>3</v>
      </c>
      <c r="AU39" s="70">
        <v>0</v>
      </c>
      <c r="AV39" s="71">
        <v>2</v>
      </c>
      <c r="AW39" s="72">
        <v>2</v>
      </c>
      <c r="AX39" s="244"/>
      <c r="AY39" s="71">
        <v>3</v>
      </c>
      <c r="AZ39" s="71">
        <v>1</v>
      </c>
      <c r="BA39" s="71">
        <v>1</v>
      </c>
      <c r="BB39" s="71">
        <v>2</v>
      </c>
      <c r="BC39" s="71">
        <v>1</v>
      </c>
      <c r="BD39" s="72">
        <v>8</v>
      </c>
      <c r="BE39" s="73">
        <v>10</v>
      </c>
      <c r="BF39" s="70">
        <v>2</v>
      </c>
      <c r="BG39" s="71">
        <v>2</v>
      </c>
      <c r="BH39" s="72">
        <v>4</v>
      </c>
      <c r="BI39" s="244"/>
      <c r="BJ39" s="71">
        <v>3</v>
      </c>
      <c r="BK39" s="71">
        <v>3</v>
      </c>
      <c r="BL39" s="71">
        <v>2</v>
      </c>
      <c r="BM39" s="71">
        <v>2</v>
      </c>
      <c r="BN39" s="71">
        <v>2</v>
      </c>
      <c r="BO39" s="72">
        <v>12</v>
      </c>
      <c r="BP39" s="73">
        <v>16</v>
      </c>
      <c r="BQ39" s="70">
        <v>0</v>
      </c>
      <c r="BR39" s="71">
        <v>4</v>
      </c>
      <c r="BS39" s="72">
        <v>4</v>
      </c>
      <c r="BT39" s="244"/>
      <c r="BU39" s="71">
        <v>4</v>
      </c>
      <c r="BV39" s="71">
        <v>3</v>
      </c>
      <c r="BW39" s="71">
        <v>1</v>
      </c>
      <c r="BX39" s="71">
        <v>3</v>
      </c>
      <c r="BY39" s="71">
        <v>2</v>
      </c>
      <c r="BZ39" s="72">
        <v>13</v>
      </c>
      <c r="CA39" s="73">
        <v>17</v>
      </c>
      <c r="CB39" s="70">
        <v>0</v>
      </c>
      <c r="CC39" s="71">
        <v>0</v>
      </c>
      <c r="CD39" s="72">
        <v>0</v>
      </c>
      <c r="CE39" s="244"/>
      <c r="CF39" s="71">
        <v>0</v>
      </c>
      <c r="CG39" s="71">
        <v>0</v>
      </c>
      <c r="CH39" s="71">
        <v>0</v>
      </c>
      <c r="CI39" s="71">
        <v>0</v>
      </c>
      <c r="CJ39" s="71">
        <v>0</v>
      </c>
      <c r="CK39" s="72">
        <v>0</v>
      </c>
      <c r="CL39" s="73">
        <v>0</v>
      </c>
      <c r="CM39" s="70">
        <v>2</v>
      </c>
      <c r="CN39" s="71">
        <v>9</v>
      </c>
      <c r="CO39" s="72">
        <v>11</v>
      </c>
      <c r="CP39" s="244"/>
      <c r="CQ39" s="71">
        <v>13</v>
      </c>
      <c r="CR39" s="71">
        <v>9</v>
      </c>
      <c r="CS39" s="71">
        <v>6</v>
      </c>
      <c r="CT39" s="71">
        <v>9</v>
      </c>
      <c r="CU39" s="71">
        <v>5</v>
      </c>
      <c r="CV39" s="72">
        <v>42</v>
      </c>
      <c r="CW39" s="73">
        <v>53</v>
      </c>
      <c r="CX39" s="123">
        <v>2</v>
      </c>
      <c r="CY39" s="82">
        <v>3</v>
      </c>
      <c r="CZ39" s="83">
        <v>5</v>
      </c>
      <c r="DA39" s="241"/>
      <c r="DB39" s="82">
        <v>2</v>
      </c>
      <c r="DC39" s="82">
        <v>1</v>
      </c>
      <c r="DD39" s="82">
        <v>1</v>
      </c>
      <c r="DE39" s="82">
        <v>0</v>
      </c>
      <c r="DF39" s="82">
        <v>1</v>
      </c>
      <c r="DG39" s="84">
        <v>5</v>
      </c>
      <c r="DH39" s="85">
        <v>10</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1</v>
      </c>
      <c r="ER39" s="72">
        <v>1</v>
      </c>
      <c r="ES39" s="244"/>
      <c r="ET39" s="71">
        <v>1</v>
      </c>
      <c r="EU39" s="71">
        <v>1</v>
      </c>
      <c r="EV39" s="71">
        <v>0</v>
      </c>
      <c r="EW39" s="71">
        <v>0</v>
      </c>
      <c r="EX39" s="71">
        <v>0</v>
      </c>
      <c r="EY39" s="72">
        <v>2</v>
      </c>
      <c r="EZ39" s="73">
        <v>3</v>
      </c>
      <c r="FA39" s="70">
        <v>1</v>
      </c>
      <c r="FB39" s="71">
        <v>2</v>
      </c>
      <c r="FC39" s="72">
        <v>3</v>
      </c>
      <c r="FD39" s="244"/>
      <c r="FE39" s="71">
        <v>1</v>
      </c>
      <c r="FF39" s="71">
        <v>0</v>
      </c>
      <c r="FG39" s="71">
        <v>1</v>
      </c>
      <c r="FH39" s="71">
        <v>0</v>
      </c>
      <c r="FI39" s="71">
        <v>0</v>
      </c>
      <c r="FJ39" s="72">
        <v>2</v>
      </c>
      <c r="FK39" s="73">
        <v>5</v>
      </c>
      <c r="FL39" s="70">
        <v>1</v>
      </c>
      <c r="FM39" s="71">
        <v>0</v>
      </c>
      <c r="FN39" s="72">
        <v>1</v>
      </c>
      <c r="FO39" s="244"/>
      <c r="FP39" s="71">
        <v>0</v>
      </c>
      <c r="FQ39" s="71">
        <v>0</v>
      </c>
      <c r="FR39" s="71">
        <v>0</v>
      </c>
      <c r="FS39" s="71">
        <v>0</v>
      </c>
      <c r="FT39" s="71">
        <v>1</v>
      </c>
      <c r="FU39" s="72">
        <v>1</v>
      </c>
      <c r="FV39" s="73">
        <v>2</v>
      </c>
      <c r="FW39" s="70">
        <v>0</v>
      </c>
      <c r="FX39" s="71">
        <v>0</v>
      </c>
      <c r="FY39" s="72">
        <v>0</v>
      </c>
      <c r="FZ39" s="244"/>
      <c r="GA39" s="71">
        <v>0</v>
      </c>
      <c r="GB39" s="71">
        <v>0</v>
      </c>
      <c r="GC39" s="71">
        <v>0</v>
      </c>
      <c r="GD39" s="71">
        <v>0</v>
      </c>
      <c r="GE39" s="71">
        <v>0</v>
      </c>
      <c r="GF39" s="72">
        <v>0</v>
      </c>
      <c r="GG39" s="73">
        <v>0</v>
      </c>
      <c r="GH39" s="70">
        <v>2</v>
      </c>
      <c r="GI39" s="71">
        <v>3</v>
      </c>
      <c r="GJ39" s="72">
        <v>5</v>
      </c>
      <c r="GK39" s="244"/>
      <c r="GL39" s="71">
        <v>2</v>
      </c>
      <c r="GM39" s="71">
        <v>1</v>
      </c>
      <c r="GN39" s="71">
        <v>1</v>
      </c>
      <c r="GO39" s="71">
        <v>0</v>
      </c>
      <c r="GP39" s="71">
        <v>1</v>
      </c>
      <c r="GQ39" s="72">
        <v>5</v>
      </c>
      <c r="GR39" s="73">
        <v>10</v>
      </c>
      <c r="GS39" s="123">
        <v>4</v>
      </c>
      <c r="GT39" s="82">
        <v>12</v>
      </c>
      <c r="GU39" s="83">
        <v>16</v>
      </c>
      <c r="GV39" s="241"/>
      <c r="GW39" s="82">
        <v>15</v>
      </c>
      <c r="GX39" s="82">
        <v>10</v>
      </c>
      <c r="GY39" s="82">
        <v>7</v>
      </c>
      <c r="GZ39" s="82">
        <v>9</v>
      </c>
      <c r="HA39" s="82">
        <v>6</v>
      </c>
      <c r="HB39" s="84">
        <v>47</v>
      </c>
      <c r="HC39" s="85">
        <v>63</v>
      </c>
      <c r="HD39" s="70">
        <v>0</v>
      </c>
      <c r="HE39" s="71">
        <v>0</v>
      </c>
      <c r="HF39" s="72">
        <v>0</v>
      </c>
      <c r="HG39" s="244"/>
      <c r="HH39" s="71">
        <v>1</v>
      </c>
      <c r="HI39" s="71">
        <v>1</v>
      </c>
      <c r="HJ39" s="71">
        <v>0</v>
      </c>
      <c r="HK39" s="71">
        <v>0</v>
      </c>
      <c r="HL39" s="71">
        <v>0</v>
      </c>
      <c r="HM39" s="72">
        <v>2</v>
      </c>
      <c r="HN39" s="73">
        <v>2</v>
      </c>
      <c r="HO39" s="70">
        <v>0</v>
      </c>
      <c r="HP39" s="71">
        <v>0</v>
      </c>
      <c r="HQ39" s="72">
        <v>0</v>
      </c>
      <c r="HR39" s="244"/>
      <c r="HS39" s="71">
        <v>2</v>
      </c>
      <c r="HT39" s="71">
        <v>1</v>
      </c>
      <c r="HU39" s="71">
        <v>1</v>
      </c>
      <c r="HV39" s="71">
        <v>1</v>
      </c>
      <c r="HW39" s="71">
        <v>0</v>
      </c>
      <c r="HX39" s="72">
        <v>5</v>
      </c>
      <c r="HY39" s="73">
        <v>5</v>
      </c>
      <c r="HZ39" s="70">
        <v>0</v>
      </c>
      <c r="IA39" s="71">
        <v>1</v>
      </c>
      <c r="IB39" s="72">
        <v>1</v>
      </c>
      <c r="IC39" s="244"/>
      <c r="ID39" s="71">
        <v>0</v>
      </c>
      <c r="IE39" s="71">
        <v>0</v>
      </c>
      <c r="IF39" s="71">
        <v>1</v>
      </c>
      <c r="IG39" s="71">
        <v>1</v>
      </c>
      <c r="IH39" s="71">
        <v>0</v>
      </c>
      <c r="II39" s="72">
        <v>2</v>
      </c>
      <c r="IJ39" s="73">
        <v>3</v>
      </c>
      <c r="IK39" s="70">
        <v>0</v>
      </c>
      <c r="IL39" s="71">
        <v>3</v>
      </c>
      <c r="IM39" s="72">
        <v>3</v>
      </c>
      <c r="IN39" s="244"/>
      <c r="IO39" s="71">
        <v>4</v>
      </c>
      <c r="IP39" s="71">
        <v>2</v>
      </c>
      <c r="IQ39" s="71">
        <v>1</v>
      </c>
      <c r="IR39" s="71">
        <v>2</v>
      </c>
      <c r="IS39" s="71">
        <v>1</v>
      </c>
      <c r="IT39" s="72">
        <v>10</v>
      </c>
      <c r="IU39" s="73">
        <v>13</v>
      </c>
      <c r="IV39" s="70">
        <v>3</v>
      </c>
      <c r="IW39" s="71">
        <v>4</v>
      </c>
      <c r="IX39" s="72">
        <v>7</v>
      </c>
      <c r="IY39" s="244"/>
      <c r="IZ39" s="71">
        <v>4</v>
      </c>
      <c r="JA39" s="71">
        <v>3</v>
      </c>
      <c r="JB39" s="71">
        <v>3</v>
      </c>
      <c r="JC39" s="71">
        <v>2</v>
      </c>
      <c r="JD39" s="71">
        <v>2</v>
      </c>
      <c r="JE39" s="72">
        <v>14</v>
      </c>
      <c r="JF39" s="73">
        <v>21</v>
      </c>
      <c r="JG39" s="70">
        <v>1</v>
      </c>
      <c r="JH39" s="71">
        <v>4</v>
      </c>
      <c r="JI39" s="72">
        <v>5</v>
      </c>
      <c r="JJ39" s="244"/>
      <c r="JK39" s="71">
        <v>4</v>
      </c>
      <c r="JL39" s="71">
        <v>3</v>
      </c>
      <c r="JM39" s="71">
        <v>1</v>
      </c>
      <c r="JN39" s="71">
        <v>3</v>
      </c>
      <c r="JO39" s="71">
        <v>3</v>
      </c>
      <c r="JP39" s="72">
        <v>14</v>
      </c>
      <c r="JQ39" s="73">
        <v>19</v>
      </c>
      <c r="JR39" s="70">
        <v>0</v>
      </c>
      <c r="JS39" s="71">
        <v>0</v>
      </c>
      <c r="JT39" s="72">
        <v>0</v>
      </c>
      <c r="JU39" s="244"/>
      <c r="JV39" s="71">
        <v>0</v>
      </c>
      <c r="JW39" s="71">
        <v>0</v>
      </c>
      <c r="JX39" s="71">
        <v>0</v>
      </c>
      <c r="JY39" s="71">
        <v>0</v>
      </c>
      <c r="JZ39" s="71">
        <v>0</v>
      </c>
      <c r="KA39" s="72">
        <v>0</v>
      </c>
      <c r="KB39" s="73">
        <v>0</v>
      </c>
      <c r="KC39" s="70">
        <v>4</v>
      </c>
      <c r="KD39" s="71">
        <v>12</v>
      </c>
      <c r="KE39" s="72">
        <v>16</v>
      </c>
      <c r="KF39" s="244"/>
      <c r="KG39" s="71">
        <v>15</v>
      </c>
      <c r="KH39" s="71">
        <v>10</v>
      </c>
      <c r="KI39" s="71">
        <v>7</v>
      </c>
      <c r="KJ39" s="71">
        <v>9</v>
      </c>
      <c r="KK39" s="71">
        <v>6</v>
      </c>
      <c r="KL39" s="72">
        <v>47</v>
      </c>
      <c r="KM39" s="73">
        <v>63</v>
      </c>
    </row>
    <row r="40" spans="2:299" ht="21" customHeight="1" thickBot="1" x14ac:dyDescent="0.25">
      <c r="B40" s="127" t="s">
        <v>37</v>
      </c>
      <c r="C40" s="314">
        <v>0</v>
      </c>
      <c r="D40" s="87">
        <v>1</v>
      </c>
      <c r="E40" s="88">
        <v>1</v>
      </c>
      <c r="F40" s="242"/>
      <c r="G40" s="87">
        <v>1</v>
      </c>
      <c r="H40" s="87">
        <v>1</v>
      </c>
      <c r="I40" s="87">
        <v>1</v>
      </c>
      <c r="J40" s="87">
        <v>1</v>
      </c>
      <c r="K40" s="87">
        <v>0</v>
      </c>
      <c r="L40" s="89">
        <v>4</v>
      </c>
      <c r="M40" s="90">
        <v>5</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1</v>
      </c>
      <c r="AL40" s="76">
        <v>1</v>
      </c>
      <c r="AM40" s="245"/>
      <c r="AN40" s="75">
        <v>1</v>
      </c>
      <c r="AO40" s="75">
        <v>0</v>
      </c>
      <c r="AP40" s="75">
        <v>0</v>
      </c>
      <c r="AQ40" s="75">
        <v>0</v>
      </c>
      <c r="AR40" s="75">
        <v>0</v>
      </c>
      <c r="AS40" s="76">
        <v>1</v>
      </c>
      <c r="AT40" s="77">
        <v>2</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1</v>
      </c>
      <c r="BL40" s="75">
        <v>0</v>
      </c>
      <c r="BM40" s="75">
        <v>1</v>
      </c>
      <c r="BN40" s="75">
        <v>0</v>
      </c>
      <c r="BO40" s="76">
        <v>2</v>
      </c>
      <c r="BP40" s="77">
        <v>2</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1</v>
      </c>
      <c r="CR40" s="75">
        <v>1</v>
      </c>
      <c r="CS40" s="75">
        <v>1</v>
      </c>
      <c r="CT40" s="75">
        <v>1</v>
      </c>
      <c r="CU40" s="75">
        <v>0</v>
      </c>
      <c r="CV40" s="76">
        <v>4</v>
      </c>
      <c r="CW40" s="77">
        <v>5</v>
      </c>
      <c r="CX40" s="124">
        <v>0</v>
      </c>
      <c r="CY40" s="87">
        <v>0</v>
      </c>
      <c r="CZ40" s="88">
        <v>0</v>
      </c>
      <c r="DA40" s="242"/>
      <c r="DB40" s="87">
        <v>0</v>
      </c>
      <c r="DC40" s="87">
        <v>0</v>
      </c>
      <c r="DD40" s="87">
        <v>0</v>
      </c>
      <c r="DE40" s="87">
        <v>0</v>
      </c>
      <c r="DF40" s="87">
        <v>0</v>
      </c>
      <c r="DG40" s="89">
        <v>0</v>
      </c>
      <c r="DH40" s="90">
        <v>0</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0</v>
      </c>
      <c r="FU40" s="76">
        <v>0</v>
      </c>
      <c r="FV40" s="77">
        <v>0</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0</v>
      </c>
      <c r="GQ40" s="76">
        <v>0</v>
      </c>
      <c r="GR40" s="77">
        <v>0</v>
      </c>
      <c r="GS40" s="124">
        <v>0</v>
      </c>
      <c r="GT40" s="87">
        <v>1</v>
      </c>
      <c r="GU40" s="88">
        <v>1</v>
      </c>
      <c r="GV40" s="242"/>
      <c r="GW40" s="87">
        <v>1</v>
      </c>
      <c r="GX40" s="87">
        <v>1</v>
      </c>
      <c r="GY40" s="87">
        <v>1</v>
      </c>
      <c r="GZ40" s="87">
        <v>1</v>
      </c>
      <c r="HA40" s="87">
        <v>0</v>
      </c>
      <c r="HB40" s="89">
        <v>4</v>
      </c>
      <c r="HC40" s="90">
        <v>5</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1</v>
      </c>
      <c r="IB40" s="76">
        <v>1</v>
      </c>
      <c r="IC40" s="245"/>
      <c r="ID40" s="75">
        <v>1</v>
      </c>
      <c r="IE40" s="75">
        <v>0</v>
      </c>
      <c r="IF40" s="75">
        <v>0</v>
      </c>
      <c r="IG40" s="75">
        <v>0</v>
      </c>
      <c r="IH40" s="75">
        <v>0</v>
      </c>
      <c r="II40" s="76">
        <v>1</v>
      </c>
      <c r="IJ40" s="77">
        <v>2</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1</v>
      </c>
      <c r="JB40" s="75">
        <v>0</v>
      </c>
      <c r="JC40" s="75">
        <v>1</v>
      </c>
      <c r="JD40" s="75">
        <v>0</v>
      </c>
      <c r="JE40" s="76">
        <v>2</v>
      </c>
      <c r="JF40" s="77">
        <v>2</v>
      </c>
      <c r="JG40" s="74">
        <v>0</v>
      </c>
      <c r="JH40" s="75">
        <v>0</v>
      </c>
      <c r="JI40" s="76">
        <v>0</v>
      </c>
      <c r="JJ40" s="245"/>
      <c r="JK40" s="75">
        <v>0</v>
      </c>
      <c r="JL40" s="75">
        <v>0</v>
      </c>
      <c r="JM40" s="75">
        <v>0</v>
      </c>
      <c r="JN40" s="75">
        <v>0</v>
      </c>
      <c r="JO40" s="75">
        <v>0</v>
      </c>
      <c r="JP40" s="76">
        <v>0</v>
      </c>
      <c r="JQ40" s="77">
        <v>0</v>
      </c>
      <c r="JR40" s="74">
        <v>0</v>
      </c>
      <c r="JS40" s="75">
        <v>0</v>
      </c>
      <c r="JT40" s="76">
        <v>0</v>
      </c>
      <c r="JU40" s="245"/>
      <c r="JV40" s="75">
        <v>0</v>
      </c>
      <c r="JW40" s="75">
        <v>0</v>
      </c>
      <c r="JX40" s="75">
        <v>0</v>
      </c>
      <c r="JY40" s="75">
        <v>0</v>
      </c>
      <c r="JZ40" s="75">
        <v>0</v>
      </c>
      <c r="KA40" s="76">
        <v>0</v>
      </c>
      <c r="KB40" s="77">
        <v>0</v>
      </c>
      <c r="KC40" s="74">
        <v>0</v>
      </c>
      <c r="KD40" s="75">
        <v>1</v>
      </c>
      <c r="KE40" s="76">
        <v>1</v>
      </c>
      <c r="KF40" s="245"/>
      <c r="KG40" s="75">
        <v>1</v>
      </c>
      <c r="KH40" s="75">
        <v>1</v>
      </c>
      <c r="KI40" s="75">
        <v>1</v>
      </c>
      <c r="KJ40" s="75">
        <v>1</v>
      </c>
      <c r="KK40" s="75">
        <v>0</v>
      </c>
      <c r="KL40" s="76">
        <v>4</v>
      </c>
      <c r="KM40" s="77">
        <v>5</v>
      </c>
    </row>
    <row r="41" spans="2:299" ht="32.25" customHeight="1" x14ac:dyDescent="0.2">
      <c r="C41" s="308"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21875" style="44" customWidth="1"/>
    <col min="2" max="2" width="10.7773437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2">
        <f>第１表!F2</f>
        <v>5</v>
      </c>
      <c r="G1" s="522"/>
      <c r="H1" s="248">
        <f>第１表!G2</f>
        <v>6</v>
      </c>
      <c r="I1" s="504">
        <f>H1</f>
        <v>6</v>
      </c>
      <c r="J1" s="504"/>
    </row>
    <row r="2" spans="2:299" ht="24" customHeight="1" thickBot="1" x14ac:dyDescent="0.25">
      <c r="B2" s="20" t="s">
        <v>152</v>
      </c>
    </row>
    <row r="3" spans="2:299" ht="21" customHeight="1" thickBot="1" x14ac:dyDescent="0.25">
      <c r="B3" s="505" t="s">
        <v>38</v>
      </c>
      <c r="C3" s="517" t="s">
        <v>96</v>
      </c>
      <c r="D3" s="517"/>
      <c r="E3" s="517"/>
      <c r="F3" s="517"/>
      <c r="G3" s="517"/>
      <c r="H3" s="517"/>
      <c r="I3" s="517"/>
      <c r="J3" s="517"/>
      <c r="K3" s="517"/>
      <c r="L3" s="517"/>
      <c r="M3" s="517"/>
      <c r="N3" s="517"/>
      <c r="O3" s="517"/>
      <c r="P3" s="517"/>
      <c r="Q3" s="517"/>
      <c r="R3" s="517"/>
      <c r="S3" s="517"/>
      <c r="T3" s="517"/>
      <c r="U3" s="517"/>
      <c r="V3" s="517"/>
      <c r="W3" s="517"/>
      <c r="X3" s="517"/>
      <c r="Y3" s="517"/>
      <c r="Z3" s="517"/>
      <c r="AA3" s="517"/>
      <c r="AB3" s="517"/>
      <c r="AC3" s="517"/>
      <c r="AD3" s="517"/>
      <c r="AE3" s="517"/>
      <c r="AF3" s="517"/>
      <c r="AG3" s="517"/>
      <c r="AH3" s="517"/>
      <c r="AI3" s="517"/>
      <c r="AJ3" s="517"/>
      <c r="AK3" s="517"/>
      <c r="AL3" s="517"/>
      <c r="AM3" s="517"/>
      <c r="AN3" s="517"/>
      <c r="AO3" s="517"/>
      <c r="AP3" s="517"/>
      <c r="AQ3" s="517"/>
      <c r="AR3" s="517"/>
      <c r="AS3" s="517"/>
      <c r="AT3" s="517"/>
      <c r="AU3" s="517"/>
      <c r="AV3" s="517"/>
      <c r="AW3" s="517"/>
      <c r="AX3" s="517"/>
      <c r="AY3" s="517"/>
      <c r="AZ3" s="517"/>
      <c r="BA3" s="517"/>
      <c r="BB3" s="517"/>
      <c r="BC3" s="517"/>
      <c r="BD3" s="517"/>
      <c r="BE3" s="517"/>
      <c r="BF3" s="517"/>
      <c r="BG3" s="517"/>
      <c r="BH3" s="517"/>
      <c r="BI3" s="517"/>
      <c r="BJ3" s="517"/>
      <c r="BK3" s="517"/>
      <c r="BL3" s="517"/>
      <c r="BM3" s="517"/>
      <c r="BN3" s="517"/>
      <c r="BO3" s="517"/>
      <c r="BP3" s="517"/>
      <c r="BQ3" s="517"/>
      <c r="BR3" s="517"/>
      <c r="BS3" s="517"/>
      <c r="BT3" s="517"/>
      <c r="BU3" s="517"/>
      <c r="BV3" s="517"/>
      <c r="BW3" s="517"/>
      <c r="BX3" s="517"/>
      <c r="BY3" s="517"/>
      <c r="BZ3" s="517"/>
      <c r="CA3" s="517"/>
      <c r="CB3" s="517"/>
      <c r="CC3" s="517"/>
      <c r="CD3" s="517"/>
      <c r="CE3" s="517"/>
      <c r="CF3" s="517"/>
      <c r="CG3" s="517"/>
      <c r="CH3" s="517"/>
      <c r="CI3" s="517"/>
      <c r="CJ3" s="517"/>
      <c r="CK3" s="517"/>
      <c r="CL3" s="517"/>
      <c r="CM3" s="517"/>
      <c r="CN3" s="517"/>
      <c r="CO3" s="517"/>
      <c r="CP3" s="517"/>
      <c r="CQ3" s="517"/>
      <c r="CR3" s="517"/>
      <c r="CS3" s="517"/>
      <c r="CT3" s="517"/>
      <c r="CU3" s="517"/>
      <c r="CV3" s="517"/>
      <c r="CW3" s="518"/>
      <c r="CX3" s="517" t="s">
        <v>103</v>
      </c>
      <c r="CY3" s="517"/>
      <c r="CZ3" s="517"/>
      <c r="DA3" s="517"/>
      <c r="DB3" s="517"/>
      <c r="DC3" s="517"/>
      <c r="DD3" s="517"/>
      <c r="DE3" s="517"/>
      <c r="DF3" s="517"/>
      <c r="DG3" s="517"/>
      <c r="DH3" s="517"/>
      <c r="DI3" s="517"/>
      <c r="DJ3" s="517"/>
      <c r="DK3" s="517"/>
      <c r="DL3" s="517"/>
      <c r="DM3" s="517"/>
      <c r="DN3" s="517"/>
      <c r="DO3" s="517"/>
      <c r="DP3" s="517"/>
      <c r="DQ3" s="517"/>
      <c r="DR3" s="517"/>
      <c r="DS3" s="517"/>
      <c r="DT3" s="517"/>
      <c r="DU3" s="517"/>
      <c r="DV3" s="517"/>
      <c r="DW3" s="517"/>
      <c r="DX3" s="517"/>
      <c r="DY3" s="517"/>
      <c r="DZ3" s="517"/>
      <c r="EA3" s="517"/>
      <c r="EB3" s="517"/>
      <c r="EC3" s="517"/>
      <c r="ED3" s="517"/>
      <c r="EE3" s="517"/>
      <c r="EF3" s="517"/>
      <c r="EG3" s="517"/>
      <c r="EH3" s="517"/>
      <c r="EI3" s="517"/>
      <c r="EJ3" s="517"/>
      <c r="EK3" s="517"/>
      <c r="EL3" s="517"/>
      <c r="EM3" s="517"/>
      <c r="EN3" s="517"/>
      <c r="EO3" s="517"/>
      <c r="EP3" s="517"/>
      <c r="EQ3" s="517"/>
      <c r="ER3" s="517"/>
      <c r="ES3" s="517"/>
      <c r="ET3" s="517"/>
      <c r="EU3" s="517"/>
      <c r="EV3" s="517"/>
      <c r="EW3" s="517"/>
      <c r="EX3" s="517"/>
      <c r="EY3" s="517"/>
      <c r="EZ3" s="517"/>
      <c r="FA3" s="517"/>
      <c r="FB3" s="517"/>
      <c r="FC3" s="517"/>
      <c r="FD3" s="517"/>
      <c r="FE3" s="517"/>
      <c r="FF3" s="517"/>
      <c r="FG3" s="517"/>
      <c r="FH3" s="517"/>
      <c r="FI3" s="517"/>
      <c r="FJ3" s="517"/>
      <c r="FK3" s="517"/>
      <c r="FL3" s="517"/>
      <c r="FM3" s="517"/>
      <c r="FN3" s="517"/>
      <c r="FO3" s="517"/>
      <c r="FP3" s="517"/>
      <c r="FQ3" s="517"/>
      <c r="FR3" s="517"/>
      <c r="FS3" s="517"/>
      <c r="FT3" s="517"/>
      <c r="FU3" s="517"/>
      <c r="FV3" s="517"/>
      <c r="FW3" s="517"/>
      <c r="FX3" s="517"/>
      <c r="FY3" s="517"/>
      <c r="FZ3" s="517"/>
      <c r="GA3" s="517"/>
      <c r="GB3" s="517"/>
      <c r="GC3" s="517"/>
      <c r="GD3" s="517"/>
      <c r="GE3" s="517"/>
      <c r="GF3" s="517"/>
      <c r="GG3" s="517"/>
      <c r="GH3" s="517"/>
      <c r="GI3" s="517"/>
      <c r="GJ3" s="517"/>
      <c r="GK3" s="517"/>
      <c r="GL3" s="517"/>
      <c r="GM3" s="517"/>
      <c r="GN3" s="517"/>
      <c r="GO3" s="517"/>
      <c r="GP3" s="517"/>
      <c r="GQ3" s="517"/>
      <c r="GR3" s="518"/>
      <c r="GS3" s="517" t="s">
        <v>104</v>
      </c>
      <c r="GT3" s="517"/>
      <c r="GU3" s="517"/>
      <c r="GV3" s="517"/>
      <c r="GW3" s="517"/>
      <c r="GX3" s="517"/>
      <c r="GY3" s="517"/>
      <c r="GZ3" s="517"/>
      <c r="HA3" s="517"/>
      <c r="HB3" s="517"/>
      <c r="HC3" s="517"/>
      <c r="HD3" s="517"/>
      <c r="HE3" s="517"/>
      <c r="HF3" s="517"/>
      <c r="HG3" s="517"/>
      <c r="HH3" s="517"/>
      <c r="HI3" s="517"/>
      <c r="HJ3" s="517"/>
      <c r="HK3" s="517"/>
      <c r="HL3" s="517"/>
      <c r="HM3" s="517"/>
      <c r="HN3" s="517"/>
      <c r="HO3" s="517"/>
      <c r="HP3" s="517"/>
      <c r="HQ3" s="517"/>
      <c r="HR3" s="517"/>
      <c r="HS3" s="517"/>
      <c r="HT3" s="517"/>
      <c r="HU3" s="517"/>
      <c r="HV3" s="517"/>
      <c r="HW3" s="517"/>
      <c r="HX3" s="517"/>
      <c r="HY3" s="517"/>
      <c r="HZ3" s="517"/>
      <c r="IA3" s="517"/>
      <c r="IB3" s="517"/>
      <c r="IC3" s="517"/>
      <c r="ID3" s="517"/>
      <c r="IE3" s="517"/>
      <c r="IF3" s="517"/>
      <c r="IG3" s="517"/>
      <c r="IH3" s="517"/>
      <c r="II3" s="517"/>
      <c r="IJ3" s="517"/>
      <c r="IK3" s="517"/>
      <c r="IL3" s="517"/>
      <c r="IM3" s="517"/>
      <c r="IN3" s="517"/>
      <c r="IO3" s="517"/>
      <c r="IP3" s="517"/>
      <c r="IQ3" s="517"/>
      <c r="IR3" s="517"/>
      <c r="IS3" s="517"/>
      <c r="IT3" s="517"/>
      <c r="IU3" s="517"/>
      <c r="IV3" s="517"/>
      <c r="IW3" s="517"/>
      <c r="IX3" s="517"/>
      <c r="IY3" s="517"/>
      <c r="IZ3" s="517"/>
      <c r="JA3" s="517"/>
      <c r="JB3" s="517"/>
      <c r="JC3" s="517"/>
      <c r="JD3" s="517"/>
      <c r="JE3" s="517"/>
      <c r="JF3" s="517"/>
      <c r="JG3" s="517"/>
      <c r="JH3" s="517"/>
      <c r="JI3" s="517"/>
      <c r="JJ3" s="517"/>
      <c r="JK3" s="517"/>
      <c r="JL3" s="517"/>
      <c r="JM3" s="517"/>
      <c r="JN3" s="517"/>
      <c r="JO3" s="517"/>
      <c r="JP3" s="517"/>
      <c r="JQ3" s="517"/>
      <c r="JR3" s="517"/>
      <c r="JS3" s="517"/>
      <c r="JT3" s="517"/>
      <c r="JU3" s="517"/>
      <c r="JV3" s="517"/>
      <c r="JW3" s="517"/>
      <c r="JX3" s="517"/>
      <c r="JY3" s="517"/>
      <c r="JZ3" s="517"/>
      <c r="KA3" s="517"/>
      <c r="KB3" s="517"/>
      <c r="KC3" s="517"/>
      <c r="KD3" s="517"/>
      <c r="KE3" s="517"/>
      <c r="KF3" s="517"/>
      <c r="KG3" s="517"/>
      <c r="KH3" s="517"/>
      <c r="KI3" s="517"/>
      <c r="KJ3" s="517"/>
      <c r="KK3" s="517"/>
      <c r="KL3" s="517"/>
      <c r="KM3" s="518"/>
    </row>
    <row r="4" spans="2:299" ht="21" customHeight="1" thickBot="1" x14ac:dyDescent="0.25">
      <c r="B4" s="523"/>
      <c r="C4" s="519" t="s">
        <v>39</v>
      </c>
      <c r="D4" s="520"/>
      <c r="E4" s="520"/>
      <c r="F4" s="520"/>
      <c r="G4" s="520"/>
      <c r="H4" s="520"/>
      <c r="I4" s="520"/>
      <c r="J4" s="520"/>
      <c r="K4" s="520"/>
      <c r="L4" s="520"/>
      <c r="M4" s="520"/>
      <c r="N4" s="520"/>
      <c r="O4" s="520"/>
      <c r="P4" s="520"/>
      <c r="Q4" s="520"/>
      <c r="R4" s="520"/>
      <c r="S4" s="520"/>
      <c r="T4" s="520"/>
      <c r="U4" s="520"/>
      <c r="V4" s="520"/>
      <c r="W4" s="520"/>
      <c r="X4" s="520"/>
      <c r="Y4" s="520"/>
      <c r="Z4" s="520"/>
      <c r="AA4" s="520"/>
      <c r="AB4" s="520"/>
      <c r="AC4" s="520"/>
      <c r="AD4" s="520"/>
      <c r="AE4" s="520"/>
      <c r="AF4" s="520"/>
      <c r="AG4" s="520"/>
      <c r="AH4" s="520"/>
      <c r="AI4" s="520"/>
      <c r="AJ4" s="520"/>
      <c r="AK4" s="520"/>
      <c r="AL4" s="520"/>
      <c r="AM4" s="520"/>
      <c r="AN4" s="520"/>
      <c r="AO4" s="520"/>
      <c r="AP4" s="520"/>
      <c r="AQ4" s="520"/>
      <c r="AR4" s="520"/>
      <c r="AS4" s="520"/>
      <c r="AT4" s="520"/>
      <c r="AU4" s="520"/>
      <c r="AV4" s="520"/>
      <c r="AW4" s="520"/>
      <c r="AX4" s="520"/>
      <c r="AY4" s="520"/>
      <c r="AZ4" s="520"/>
      <c r="BA4" s="520"/>
      <c r="BB4" s="520"/>
      <c r="BC4" s="520"/>
      <c r="BD4" s="520"/>
      <c r="BE4" s="520"/>
      <c r="BF4" s="520"/>
      <c r="BG4" s="520"/>
      <c r="BH4" s="520"/>
      <c r="BI4" s="520"/>
      <c r="BJ4" s="520"/>
      <c r="BK4" s="520"/>
      <c r="BL4" s="520"/>
      <c r="BM4" s="520"/>
      <c r="BN4" s="520"/>
      <c r="BO4" s="520"/>
      <c r="BP4" s="520"/>
      <c r="BQ4" s="520"/>
      <c r="BR4" s="520"/>
      <c r="BS4" s="520"/>
      <c r="BT4" s="520"/>
      <c r="BU4" s="520"/>
      <c r="BV4" s="520"/>
      <c r="BW4" s="520"/>
      <c r="BX4" s="520"/>
      <c r="BY4" s="520"/>
      <c r="BZ4" s="520"/>
      <c r="CA4" s="521"/>
      <c r="CB4" s="505" t="s">
        <v>40</v>
      </c>
      <c r="CC4" s="506"/>
      <c r="CD4" s="506"/>
      <c r="CE4" s="506"/>
      <c r="CF4" s="506"/>
      <c r="CG4" s="506"/>
      <c r="CH4" s="506"/>
      <c r="CI4" s="506"/>
      <c r="CJ4" s="506"/>
      <c r="CK4" s="506"/>
      <c r="CL4" s="507"/>
      <c r="CM4" s="505" t="s">
        <v>41</v>
      </c>
      <c r="CN4" s="506"/>
      <c r="CO4" s="506"/>
      <c r="CP4" s="506"/>
      <c r="CQ4" s="506"/>
      <c r="CR4" s="506"/>
      <c r="CS4" s="506"/>
      <c r="CT4" s="506"/>
      <c r="CU4" s="506"/>
      <c r="CV4" s="506"/>
      <c r="CW4" s="507"/>
      <c r="CX4" s="519" t="s">
        <v>39</v>
      </c>
      <c r="CY4" s="520"/>
      <c r="CZ4" s="520"/>
      <c r="DA4" s="520"/>
      <c r="DB4" s="520"/>
      <c r="DC4" s="520"/>
      <c r="DD4" s="520"/>
      <c r="DE4" s="520"/>
      <c r="DF4" s="520"/>
      <c r="DG4" s="520"/>
      <c r="DH4" s="520"/>
      <c r="DI4" s="520"/>
      <c r="DJ4" s="520"/>
      <c r="DK4" s="520"/>
      <c r="DL4" s="520"/>
      <c r="DM4" s="520"/>
      <c r="DN4" s="520"/>
      <c r="DO4" s="520"/>
      <c r="DP4" s="520"/>
      <c r="DQ4" s="520"/>
      <c r="DR4" s="520"/>
      <c r="DS4" s="520"/>
      <c r="DT4" s="520"/>
      <c r="DU4" s="520"/>
      <c r="DV4" s="520"/>
      <c r="DW4" s="520"/>
      <c r="DX4" s="520"/>
      <c r="DY4" s="520"/>
      <c r="DZ4" s="520"/>
      <c r="EA4" s="520"/>
      <c r="EB4" s="520"/>
      <c r="EC4" s="520"/>
      <c r="ED4" s="520"/>
      <c r="EE4" s="520"/>
      <c r="EF4" s="520"/>
      <c r="EG4" s="520"/>
      <c r="EH4" s="520"/>
      <c r="EI4" s="520"/>
      <c r="EJ4" s="520"/>
      <c r="EK4" s="520"/>
      <c r="EL4" s="520"/>
      <c r="EM4" s="520"/>
      <c r="EN4" s="520"/>
      <c r="EO4" s="520"/>
      <c r="EP4" s="520"/>
      <c r="EQ4" s="520"/>
      <c r="ER4" s="520"/>
      <c r="ES4" s="520"/>
      <c r="ET4" s="520"/>
      <c r="EU4" s="520"/>
      <c r="EV4" s="520"/>
      <c r="EW4" s="520"/>
      <c r="EX4" s="520"/>
      <c r="EY4" s="520"/>
      <c r="EZ4" s="520"/>
      <c r="FA4" s="520"/>
      <c r="FB4" s="520"/>
      <c r="FC4" s="520"/>
      <c r="FD4" s="520"/>
      <c r="FE4" s="520"/>
      <c r="FF4" s="520"/>
      <c r="FG4" s="520"/>
      <c r="FH4" s="520"/>
      <c r="FI4" s="520"/>
      <c r="FJ4" s="520"/>
      <c r="FK4" s="520"/>
      <c r="FL4" s="520"/>
      <c r="FM4" s="520"/>
      <c r="FN4" s="520"/>
      <c r="FO4" s="520"/>
      <c r="FP4" s="520"/>
      <c r="FQ4" s="520"/>
      <c r="FR4" s="520"/>
      <c r="FS4" s="520"/>
      <c r="FT4" s="520"/>
      <c r="FU4" s="520"/>
      <c r="FV4" s="521"/>
      <c r="FW4" s="505" t="s">
        <v>40</v>
      </c>
      <c r="FX4" s="506"/>
      <c r="FY4" s="506"/>
      <c r="FZ4" s="506"/>
      <c r="GA4" s="506"/>
      <c r="GB4" s="506"/>
      <c r="GC4" s="506"/>
      <c r="GD4" s="506"/>
      <c r="GE4" s="506"/>
      <c r="GF4" s="506"/>
      <c r="GG4" s="507"/>
      <c r="GH4" s="505" t="s">
        <v>41</v>
      </c>
      <c r="GI4" s="506"/>
      <c r="GJ4" s="506"/>
      <c r="GK4" s="506"/>
      <c r="GL4" s="506"/>
      <c r="GM4" s="506"/>
      <c r="GN4" s="506"/>
      <c r="GO4" s="506"/>
      <c r="GP4" s="506"/>
      <c r="GQ4" s="506"/>
      <c r="GR4" s="507"/>
      <c r="GS4" s="519" t="s">
        <v>39</v>
      </c>
      <c r="GT4" s="520"/>
      <c r="GU4" s="520"/>
      <c r="GV4" s="520"/>
      <c r="GW4" s="520"/>
      <c r="GX4" s="520"/>
      <c r="GY4" s="520"/>
      <c r="GZ4" s="520"/>
      <c r="HA4" s="520"/>
      <c r="HB4" s="520"/>
      <c r="HC4" s="520"/>
      <c r="HD4" s="520"/>
      <c r="HE4" s="520"/>
      <c r="HF4" s="520"/>
      <c r="HG4" s="520"/>
      <c r="HH4" s="520"/>
      <c r="HI4" s="520"/>
      <c r="HJ4" s="520"/>
      <c r="HK4" s="520"/>
      <c r="HL4" s="520"/>
      <c r="HM4" s="520"/>
      <c r="HN4" s="520"/>
      <c r="HO4" s="520"/>
      <c r="HP4" s="520"/>
      <c r="HQ4" s="520"/>
      <c r="HR4" s="520"/>
      <c r="HS4" s="520"/>
      <c r="HT4" s="520"/>
      <c r="HU4" s="520"/>
      <c r="HV4" s="520"/>
      <c r="HW4" s="520"/>
      <c r="HX4" s="520"/>
      <c r="HY4" s="520"/>
      <c r="HZ4" s="520"/>
      <c r="IA4" s="520"/>
      <c r="IB4" s="520"/>
      <c r="IC4" s="520"/>
      <c r="ID4" s="520"/>
      <c r="IE4" s="520"/>
      <c r="IF4" s="520"/>
      <c r="IG4" s="520"/>
      <c r="IH4" s="520"/>
      <c r="II4" s="520"/>
      <c r="IJ4" s="520"/>
      <c r="IK4" s="520"/>
      <c r="IL4" s="520"/>
      <c r="IM4" s="520"/>
      <c r="IN4" s="520"/>
      <c r="IO4" s="520"/>
      <c r="IP4" s="520"/>
      <c r="IQ4" s="520"/>
      <c r="IR4" s="520"/>
      <c r="IS4" s="520"/>
      <c r="IT4" s="520"/>
      <c r="IU4" s="520"/>
      <c r="IV4" s="520"/>
      <c r="IW4" s="520"/>
      <c r="IX4" s="520"/>
      <c r="IY4" s="520"/>
      <c r="IZ4" s="520"/>
      <c r="JA4" s="520"/>
      <c r="JB4" s="520"/>
      <c r="JC4" s="520"/>
      <c r="JD4" s="520"/>
      <c r="JE4" s="520"/>
      <c r="JF4" s="520"/>
      <c r="JG4" s="520"/>
      <c r="JH4" s="520"/>
      <c r="JI4" s="520"/>
      <c r="JJ4" s="520"/>
      <c r="JK4" s="520"/>
      <c r="JL4" s="520"/>
      <c r="JM4" s="520"/>
      <c r="JN4" s="520"/>
      <c r="JO4" s="520"/>
      <c r="JP4" s="520"/>
      <c r="JQ4" s="521"/>
      <c r="JR4" s="505" t="s">
        <v>40</v>
      </c>
      <c r="JS4" s="506"/>
      <c r="JT4" s="506"/>
      <c r="JU4" s="506"/>
      <c r="JV4" s="506"/>
      <c r="JW4" s="506"/>
      <c r="JX4" s="506"/>
      <c r="JY4" s="506"/>
      <c r="JZ4" s="506"/>
      <c r="KA4" s="506"/>
      <c r="KB4" s="507"/>
      <c r="KC4" s="505" t="s">
        <v>41</v>
      </c>
      <c r="KD4" s="506"/>
      <c r="KE4" s="506"/>
      <c r="KF4" s="506"/>
      <c r="KG4" s="506"/>
      <c r="KH4" s="506"/>
      <c r="KI4" s="506"/>
      <c r="KJ4" s="506"/>
      <c r="KK4" s="506"/>
      <c r="KL4" s="506"/>
      <c r="KM4" s="507"/>
    </row>
    <row r="5" spans="2:299" ht="21" customHeight="1" thickBot="1" x14ac:dyDescent="0.25">
      <c r="B5" s="511"/>
      <c r="C5" s="511"/>
      <c r="D5" s="512"/>
      <c r="E5" s="512"/>
      <c r="F5" s="512"/>
      <c r="G5" s="512"/>
      <c r="H5" s="512"/>
      <c r="I5" s="512"/>
      <c r="J5" s="512"/>
      <c r="K5" s="512"/>
      <c r="L5" s="512"/>
      <c r="M5" s="513"/>
      <c r="N5" s="514" t="s">
        <v>97</v>
      </c>
      <c r="O5" s="515"/>
      <c r="P5" s="515"/>
      <c r="Q5" s="515"/>
      <c r="R5" s="515"/>
      <c r="S5" s="515"/>
      <c r="T5" s="515"/>
      <c r="U5" s="515"/>
      <c r="V5" s="515"/>
      <c r="W5" s="515"/>
      <c r="X5" s="516"/>
      <c r="Y5" s="514" t="s">
        <v>98</v>
      </c>
      <c r="Z5" s="515"/>
      <c r="AA5" s="515"/>
      <c r="AB5" s="515"/>
      <c r="AC5" s="515"/>
      <c r="AD5" s="515"/>
      <c r="AE5" s="515"/>
      <c r="AF5" s="515"/>
      <c r="AG5" s="515"/>
      <c r="AH5" s="515"/>
      <c r="AI5" s="516"/>
      <c r="AJ5" s="514" t="s">
        <v>99</v>
      </c>
      <c r="AK5" s="515"/>
      <c r="AL5" s="515"/>
      <c r="AM5" s="515"/>
      <c r="AN5" s="515"/>
      <c r="AO5" s="515"/>
      <c r="AP5" s="515"/>
      <c r="AQ5" s="515"/>
      <c r="AR5" s="515"/>
      <c r="AS5" s="515"/>
      <c r="AT5" s="516"/>
      <c r="AU5" s="514" t="s">
        <v>100</v>
      </c>
      <c r="AV5" s="515"/>
      <c r="AW5" s="515"/>
      <c r="AX5" s="515"/>
      <c r="AY5" s="515"/>
      <c r="AZ5" s="515"/>
      <c r="BA5" s="515"/>
      <c r="BB5" s="515"/>
      <c r="BC5" s="515"/>
      <c r="BD5" s="515"/>
      <c r="BE5" s="516"/>
      <c r="BF5" s="514" t="s">
        <v>101</v>
      </c>
      <c r="BG5" s="515"/>
      <c r="BH5" s="515"/>
      <c r="BI5" s="515"/>
      <c r="BJ5" s="515"/>
      <c r="BK5" s="515"/>
      <c r="BL5" s="515"/>
      <c r="BM5" s="515"/>
      <c r="BN5" s="515"/>
      <c r="BO5" s="515"/>
      <c r="BP5" s="516"/>
      <c r="BQ5" s="514" t="s">
        <v>102</v>
      </c>
      <c r="BR5" s="515"/>
      <c r="BS5" s="515"/>
      <c r="BT5" s="515"/>
      <c r="BU5" s="515"/>
      <c r="BV5" s="515"/>
      <c r="BW5" s="515"/>
      <c r="BX5" s="515"/>
      <c r="BY5" s="515"/>
      <c r="BZ5" s="515"/>
      <c r="CA5" s="516"/>
      <c r="CB5" s="508"/>
      <c r="CC5" s="509"/>
      <c r="CD5" s="509"/>
      <c r="CE5" s="509"/>
      <c r="CF5" s="509"/>
      <c r="CG5" s="509"/>
      <c r="CH5" s="509"/>
      <c r="CI5" s="509"/>
      <c r="CJ5" s="509"/>
      <c r="CK5" s="509"/>
      <c r="CL5" s="510"/>
      <c r="CM5" s="508"/>
      <c r="CN5" s="509"/>
      <c r="CO5" s="509"/>
      <c r="CP5" s="509"/>
      <c r="CQ5" s="509"/>
      <c r="CR5" s="509"/>
      <c r="CS5" s="509"/>
      <c r="CT5" s="509"/>
      <c r="CU5" s="509"/>
      <c r="CV5" s="509"/>
      <c r="CW5" s="510"/>
      <c r="CX5" s="511"/>
      <c r="CY5" s="512"/>
      <c r="CZ5" s="512"/>
      <c r="DA5" s="512"/>
      <c r="DB5" s="512"/>
      <c r="DC5" s="512"/>
      <c r="DD5" s="512"/>
      <c r="DE5" s="512"/>
      <c r="DF5" s="512"/>
      <c r="DG5" s="512"/>
      <c r="DH5" s="513"/>
      <c r="DI5" s="514" t="s">
        <v>97</v>
      </c>
      <c r="DJ5" s="515"/>
      <c r="DK5" s="515"/>
      <c r="DL5" s="515"/>
      <c r="DM5" s="515"/>
      <c r="DN5" s="515"/>
      <c r="DO5" s="515"/>
      <c r="DP5" s="515"/>
      <c r="DQ5" s="515"/>
      <c r="DR5" s="515"/>
      <c r="DS5" s="516"/>
      <c r="DT5" s="514" t="s">
        <v>98</v>
      </c>
      <c r="DU5" s="515"/>
      <c r="DV5" s="515"/>
      <c r="DW5" s="515"/>
      <c r="DX5" s="515"/>
      <c r="DY5" s="515"/>
      <c r="DZ5" s="515"/>
      <c r="EA5" s="515"/>
      <c r="EB5" s="515"/>
      <c r="EC5" s="515"/>
      <c r="ED5" s="516"/>
      <c r="EE5" s="514" t="s">
        <v>99</v>
      </c>
      <c r="EF5" s="515"/>
      <c r="EG5" s="515"/>
      <c r="EH5" s="515"/>
      <c r="EI5" s="515"/>
      <c r="EJ5" s="515"/>
      <c r="EK5" s="515"/>
      <c r="EL5" s="515"/>
      <c r="EM5" s="515"/>
      <c r="EN5" s="515"/>
      <c r="EO5" s="516"/>
      <c r="EP5" s="514" t="s">
        <v>100</v>
      </c>
      <c r="EQ5" s="515"/>
      <c r="ER5" s="515"/>
      <c r="ES5" s="515"/>
      <c r="ET5" s="515"/>
      <c r="EU5" s="515"/>
      <c r="EV5" s="515"/>
      <c r="EW5" s="515"/>
      <c r="EX5" s="515"/>
      <c r="EY5" s="515"/>
      <c r="EZ5" s="516"/>
      <c r="FA5" s="514" t="s">
        <v>101</v>
      </c>
      <c r="FB5" s="515"/>
      <c r="FC5" s="515"/>
      <c r="FD5" s="515"/>
      <c r="FE5" s="515"/>
      <c r="FF5" s="515"/>
      <c r="FG5" s="515"/>
      <c r="FH5" s="515"/>
      <c r="FI5" s="515"/>
      <c r="FJ5" s="515"/>
      <c r="FK5" s="516"/>
      <c r="FL5" s="514" t="s">
        <v>102</v>
      </c>
      <c r="FM5" s="515"/>
      <c r="FN5" s="515"/>
      <c r="FO5" s="515"/>
      <c r="FP5" s="515"/>
      <c r="FQ5" s="515"/>
      <c r="FR5" s="515"/>
      <c r="FS5" s="515"/>
      <c r="FT5" s="515"/>
      <c r="FU5" s="515"/>
      <c r="FV5" s="516"/>
      <c r="FW5" s="508"/>
      <c r="FX5" s="509"/>
      <c r="FY5" s="509"/>
      <c r="FZ5" s="509"/>
      <c r="GA5" s="509"/>
      <c r="GB5" s="509"/>
      <c r="GC5" s="509"/>
      <c r="GD5" s="509"/>
      <c r="GE5" s="509"/>
      <c r="GF5" s="509"/>
      <c r="GG5" s="510"/>
      <c r="GH5" s="508"/>
      <c r="GI5" s="509"/>
      <c r="GJ5" s="509"/>
      <c r="GK5" s="509"/>
      <c r="GL5" s="509"/>
      <c r="GM5" s="509"/>
      <c r="GN5" s="509"/>
      <c r="GO5" s="509"/>
      <c r="GP5" s="509"/>
      <c r="GQ5" s="509"/>
      <c r="GR5" s="510"/>
      <c r="GS5" s="511"/>
      <c r="GT5" s="512"/>
      <c r="GU5" s="512"/>
      <c r="GV5" s="512"/>
      <c r="GW5" s="512"/>
      <c r="GX5" s="512"/>
      <c r="GY5" s="512"/>
      <c r="GZ5" s="512"/>
      <c r="HA5" s="512"/>
      <c r="HB5" s="512"/>
      <c r="HC5" s="513"/>
      <c r="HD5" s="514" t="s">
        <v>97</v>
      </c>
      <c r="HE5" s="515"/>
      <c r="HF5" s="515"/>
      <c r="HG5" s="515"/>
      <c r="HH5" s="515"/>
      <c r="HI5" s="515"/>
      <c r="HJ5" s="515"/>
      <c r="HK5" s="515"/>
      <c r="HL5" s="515"/>
      <c r="HM5" s="515"/>
      <c r="HN5" s="516"/>
      <c r="HO5" s="514" t="s">
        <v>98</v>
      </c>
      <c r="HP5" s="515"/>
      <c r="HQ5" s="515"/>
      <c r="HR5" s="515"/>
      <c r="HS5" s="515"/>
      <c r="HT5" s="515"/>
      <c r="HU5" s="515"/>
      <c r="HV5" s="515"/>
      <c r="HW5" s="515"/>
      <c r="HX5" s="515"/>
      <c r="HY5" s="516"/>
      <c r="HZ5" s="514" t="s">
        <v>99</v>
      </c>
      <c r="IA5" s="515"/>
      <c r="IB5" s="515"/>
      <c r="IC5" s="515"/>
      <c r="ID5" s="515"/>
      <c r="IE5" s="515"/>
      <c r="IF5" s="515"/>
      <c r="IG5" s="515"/>
      <c r="IH5" s="515"/>
      <c r="II5" s="515"/>
      <c r="IJ5" s="516"/>
      <c r="IK5" s="514" t="s">
        <v>100</v>
      </c>
      <c r="IL5" s="515"/>
      <c r="IM5" s="515"/>
      <c r="IN5" s="515"/>
      <c r="IO5" s="515"/>
      <c r="IP5" s="515"/>
      <c r="IQ5" s="515"/>
      <c r="IR5" s="515"/>
      <c r="IS5" s="515"/>
      <c r="IT5" s="515"/>
      <c r="IU5" s="516"/>
      <c r="IV5" s="514" t="s">
        <v>101</v>
      </c>
      <c r="IW5" s="515"/>
      <c r="IX5" s="515"/>
      <c r="IY5" s="515"/>
      <c r="IZ5" s="515"/>
      <c r="JA5" s="515"/>
      <c r="JB5" s="515"/>
      <c r="JC5" s="515"/>
      <c r="JD5" s="515"/>
      <c r="JE5" s="515"/>
      <c r="JF5" s="516"/>
      <c r="JG5" s="514" t="s">
        <v>102</v>
      </c>
      <c r="JH5" s="515"/>
      <c r="JI5" s="515"/>
      <c r="JJ5" s="515"/>
      <c r="JK5" s="515"/>
      <c r="JL5" s="515"/>
      <c r="JM5" s="515"/>
      <c r="JN5" s="515"/>
      <c r="JO5" s="515"/>
      <c r="JP5" s="515"/>
      <c r="JQ5" s="516"/>
      <c r="JR5" s="508"/>
      <c r="JS5" s="509"/>
      <c r="JT5" s="509"/>
      <c r="JU5" s="509"/>
      <c r="JV5" s="509"/>
      <c r="JW5" s="509"/>
      <c r="JX5" s="509"/>
      <c r="JY5" s="509"/>
      <c r="JZ5" s="509"/>
      <c r="KA5" s="509"/>
      <c r="KB5" s="510"/>
      <c r="KC5" s="508"/>
      <c r="KD5" s="509"/>
      <c r="KE5" s="509"/>
      <c r="KF5" s="509"/>
      <c r="KG5" s="509"/>
      <c r="KH5" s="509"/>
      <c r="KI5" s="509"/>
      <c r="KJ5" s="509"/>
      <c r="KK5" s="509"/>
      <c r="KL5" s="509"/>
      <c r="KM5" s="510"/>
    </row>
    <row r="6" spans="2:299" ht="30" customHeight="1" thickBot="1" x14ac:dyDescent="0.25">
      <c r="B6" s="351" t="s">
        <v>42</v>
      </c>
      <c r="C6" s="51" t="s">
        <v>43</v>
      </c>
      <c r="D6" s="47" t="s">
        <v>44</v>
      </c>
      <c r="E6" s="48" t="s">
        <v>45</v>
      </c>
      <c r="F6" s="52" t="s">
        <v>46</v>
      </c>
      <c r="G6" s="47" t="s">
        <v>47</v>
      </c>
      <c r="H6" s="47" t="s">
        <v>48</v>
      </c>
      <c r="I6" s="47" t="s">
        <v>49</v>
      </c>
      <c r="J6" s="47" t="s">
        <v>50</v>
      </c>
      <c r="K6" s="47" t="s">
        <v>51</v>
      </c>
      <c r="L6" s="48" t="s">
        <v>45</v>
      </c>
      <c r="M6" s="349" t="s">
        <v>52</v>
      </c>
      <c r="N6" s="354" t="s">
        <v>43</v>
      </c>
      <c r="O6" s="355" t="s">
        <v>44</v>
      </c>
      <c r="P6" s="356" t="s">
        <v>45</v>
      </c>
      <c r="Q6" s="357" t="s">
        <v>46</v>
      </c>
      <c r="R6" s="355" t="s">
        <v>47</v>
      </c>
      <c r="S6" s="355" t="s">
        <v>48</v>
      </c>
      <c r="T6" s="355" t="s">
        <v>49</v>
      </c>
      <c r="U6" s="355" t="s">
        <v>50</v>
      </c>
      <c r="V6" s="355" t="s">
        <v>51</v>
      </c>
      <c r="W6" s="356" t="s">
        <v>45</v>
      </c>
      <c r="X6" s="353" t="s">
        <v>52</v>
      </c>
      <c r="Y6" s="354" t="s">
        <v>43</v>
      </c>
      <c r="Z6" s="355" t="s">
        <v>44</v>
      </c>
      <c r="AA6" s="356" t="s">
        <v>45</v>
      </c>
      <c r="AB6" s="357" t="s">
        <v>46</v>
      </c>
      <c r="AC6" s="355" t="s">
        <v>47</v>
      </c>
      <c r="AD6" s="355" t="s">
        <v>48</v>
      </c>
      <c r="AE6" s="355" t="s">
        <v>49</v>
      </c>
      <c r="AF6" s="355" t="s">
        <v>50</v>
      </c>
      <c r="AG6" s="355" t="s">
        <v>51</v>
      </c>
      <c r="AH6" s="356" t="s">
        <v>45</v>
      </c>
      <c r="AI6" s="358" t="s">
        <v>52</v>
      </c>
      <c r="AJ6" s="354" t="s">
        <v>43</v>
      </c>
      <c r="AK6" s="355" t="s">
        <v>44</v>
      </c>
      <c r="AL6" s="356" t="s">
        <v>45</v>
      </c>
      <c r="AM6" s="357" t="s">
        <v>46</v>
      </c>
      <c r="AN6" s="355" t="s">
        <v>47</v>
      </c>
      <c r="AO6" s="355" t="s">
        <v>48</v>
      </c>
      <c r="AP6" s="355" t="s">
        <v>49</v>
      </c>
      <c r="AQ6" s="355" t="s">
        <v>50</v>
      </c>
      <c r="AR6" s="355" t="s">
        <v>51</v>
      </c>
      <c r="AS6" s="356" t="s">
        <v>45</v>
      </c>
      <c r="AT6" s="358" t="s">
        <v>52</v>
      </c>
      <c r="AU6" s="354" t="s">
        <v>43</v>
      </c>
      <c r="AV6" s="355" t="s">
        <v>44</v>
      </c>
      <c r="AW6" s="356" t="s">
        <v>45</v>
      </c>
      <c r="AX6" s="357" t="s">
        <v>46</v>
      </c>
      <c r="AY6" s="355" t="s">
        <v>47</v>
      </c>
      <c r="AZ6" s="355" t="s">
        <v>48</v>
      </c>
      <c r="BA6" s="355" t="s">
        <v>49</v>
      </c>
      <c r="BB6" s="355" t="s">
        <v>50</v>
      </c>
      <c r="BC6" s="355" t="s">
        <v>51</v>
      </c>
      <c r="BD6" s="356" t="s">
        <v>45</v>
      </c>
      <c r="BE6" s="358" t="s">
        <v>52</v>
      </c>
      <c r="BF6" s="354" t="s">
        <v>43</v>
      </c>
      <c r="BG6" s="355" t="s">
        <v>44</v>
      </c>
      <c r="BH6" s="356" t="s">
        <v>45</v>
      </c>
      <c r="BI6" s="357" t="s">
        <v>46</v>
      </c>
      <c r="BJ6" s="355" t="s">
        <v>47</v>
      </c>
      <c r="BK6" s="355" t="s">
        <v>48</v>
      </c>
      <c r="BL6" s="355" t="s">
        <v>49</v>
      </c>
      <c r="BM6" s="355" t="s">
        <v>50</v>
      </c>
      <c r="BN6" s="355" t="s">
        <v>51</v>
      </c>
      <c r="BO6" s="356" t="s">
        <v>45</v>
      </c>
      <c r="BP6" s="358" t="s">
        <v>52</v>
      </c>
      <c r="BQ6" s="354" t="s">
        <v>43</v>
      </c>
      <c r="BR6" s="355" t="s">
        <v>44</v>
      </c>
      <c r="BS6" s="356" t="s">
        <v>45</v>
      </c>
      <c r="BT6" s="357" t="s">
        <v>46</v>
      </c>
      <c r="BU6" s="355" t="s">
        <v>47</v>
      </c>
      <c r="BV6" s="355" t="s">
        <v>48</v>
      </c>
      <c r="BW6" s="355" t="s">
        <v>49</v>
      </c>
      <c r="BX6" s="355" t="s">
        <v>50</v>
      </c>
      <c r="BY6" s="355" t="s">
        <v>51</v>
      </c>
      <c r="BZ6" s="356" t="s">
        <v>45</v>
      </c>
      <c r="CA6" s="358" t="s">
        <v>52</v>
      </c>
      <c r="CB6" s="354" t="s">
        <v>43</v>
      </c>
      <c r="CC6" s="355" t="s">
        <v>44</v>
      </c>
      <c r="CD6" s="356" t="s">
        <v>45</v>
      </c>
      <c r="CE6" s="357" t="s">
        <v>46</v>
      </c>
      <c r="CF6" s="355" t="s">
        <v>47</v>
      </c>
      <c r="CG6" s="355" t="s">
        <v>48</v>
      </c>
      <c r="CH6" s="355" t="s">
        <v>49</v>
      </c>
      <c r="CI6" s="355" t="s">
        <v>50</v>
      </c>
      <c r="CJ6" s="355" t="s">
        <v>51</v>
      </c>
      <c r="CK6" s="356" t="s">
        <v>45</v>
      </c>
      <c r="CL6" s="358" t="s">
        <v>52</v>
      </c>
      <c r="CM6" s="354" t="s">
        <v>43</v>
      </c>
      <c r="CN6" s="355" t="s">
        <v>44</v>
      </c>
      <c r="CO6" s="356" t="s">
        <v>45</v>
      </c>
      <c r="CP6" s="357" t="s">
        <v>46</v>
      </c>
      <c r="CQ6" s="355" t="s">
        <v>47</v>
      </c>
      <c r="CR6" s="355" t="s">
        <v>48</v>
      </c>
      <c r="CS6" s="355" t="s">
        <v>49</v>
      </c>
      <c r="CT6" s="355" t="s">
        <v>50</v>
      </c>
      <c r="CU6" s="355" t="s">
        <v>51</v>
      </c>
      <c r="CV6" s="356" t="s">
        <v>45</v>
      </c>
      <c r="CW6" s="358" t="s">
        <v>52</v>
      </c>
      <c r="CX6" s="51" t="s">
        <v>43</v>
      </c>
      <c r="CY6" s="47" t="s">
        <v>44</v>
      </c>
      <c r="CZ6" s="48" t="s">
        <v>45</v>
      </c>
      <c r="DA6" s="52" t="s">
        <v>46</v>
      </c>
      <c r="DB6" s="47" t="s">
        <v>47</v>
      </c>
      <c r="DC6" s="47" t="s">
        <v>48</v>
      </c>
      <c r="DD6" s="47" t="s">
        <v>49</v>
      </c>
      <c r="DE6" s="47" t="s">
        <v>50</v>
      </c>
      <c r="DF6" s="47" t="s">
        <v>51</v>
      </c>
      <c r="DG6" s="48" t="s">
        <v>45</v>
      </c>
      <c r="DH6" s="349" t="s">
        <v>52</v>
      </c>
      <c r="DI6" s="354" t="s">
        <v>43</v>
      </c>
      <c r="DJ6" s="355" t="s">
        <v>44</v>
      </c>
      <c r="DK6" s="356" t="s">
        <v>45</v>
      </c>
      <c r="DL6" s="357" t="s">
        <v>46</v>
      </c>
      <c r="DM6" s="355" t="s">
        <v>47</v>
      </c>
      <c r="DN6" s="355" t="s">
        <v>48</v>
      </c>
      <c r="DO6" s="355" t="s">
        <v>49</v>
      </c>
      <c r="DP6" s="355" t="s">
        <v>50</v>
      </c>
      <c r="DQ6" s="355" t="s">
        <v>51</v>
      </c>
      <c r="DR6" s="356" t="s">
        <v>45</v>
      </c>
      <c r="DS6" s="358" t="s">
        <v>52</v>
      </c>
      <c r="DT6" s="354" t="s">
        <v>43</v>
      </c>
      <c r="DU6" s="355" t="s">
        <v>44</v>
      </c>
      <c r="DV6" s="356" t="s">
        <v>45</v>
      </c>
      <c r="DW6" s="357" t="s">
        <v>46</v>
      </c>
      <c r="DX6" s="355" t="s">
        <v>47</v>
      </c>
      <c r="DY6" s="355" t="s">
        <v>48</v>
      </c>
      <c r="DZ6" s="355" t="s">
        <v>49</v>
      </c>
      <c r="EA6" s="355" t="s">
        <v>50</v>
      </c>
      <c r="EB6" s="355" t="s">
        <v>51</v>
      </c>
      <c r="EC6" s="356" t="s">
        <v>45</v>
      </c>
      <c r="ED6" s="358" t="s">
        <v>52</v>
      </c>
      <c r="EE6" s="354" t="s">
        <v>43</v>
      </c>
      <c r="EF6" s="355" t="s">
        <v>44</v>
      </c>
      <c r="EG6" s="356" t="s">
        <v>45</v>
      </c>
      <c r="EH6" s="357" t="s">
        <v>46</v>
      </c>
      <c r="EI6" s="355" t="s">
        <v>47</v>
      </c>
      <c r="EJ6" s="355" t="s">
        <v>48</v>
      </c>
      <c r="EK6" s="355" t="s">
        <v>49</v>
      </c>
      <c r="EL6" s="355" t="s">
        <v>50</v>
      </c>
      <c r="EM6" s="355" t="s">
        <v>51</v>
      </c>
      <c r="EN6" s="356" t="s">
        <v>45</v>
      </c>
      <c r="EO6" s="358" t="s">
        <v>52</v>
      </c>
      <c r="EP6" s="354" t="s">
        <v>43</v>
      </c>
      <c r="EQ6" s="355" t="s">
        <v>44</v>
      </c>
      <c r="ER6" s="356" t="s">
        <v>45</v>
      </c>
      <c r="ES6" s="357" t="s">
        <v>46</v>
      </c>
      <c r="ET6" s="355" t="s">
        <v>47</v>
      </c>
      <c r="EU6" s="355" t="s">
        <v>48</v>
      </c>
      <c r="EV6" s="355" t="s">
        <v>49</v>
      </c>
      <c r="EW6" s="355" t="s">
        <v>50</v>
      </c>
      <c r="EX6" s="355" t="s">
        <v>51</v>
      </c>
      <c r="EY6" s="356" t="s">
        <v>45</v>
      </c>
      <c r="EZ6" s="358" t="s">
        <v>52</v>
      </c>
      <c r="FA6" s="354" t="s">
        <v>43</v>
      </c>
      <c r="FB6" s="355" t="s">
        <v>44</v>
      </c>
      <c r="FC6" s="356" t="s">
        <v>45</v>
      </c>
      <c r="FD6" s="357" t="s">
        <v>46</v>
      </c>
      <c r="FE6" s="355" t="s">
        <v>47</v>
      </c>
      <c r="FF6" s="355" t="s">
        <v>48</v>
      </c>
      <c r="FG6" s="355" t="s">
        <v>49</v>
      </c>
      <c r="FH6" s="355" t="s">
        <v>50</v>
      </c>
      <c r="FI6" s="355" t="s">
        <v>51</v>
      </c>
      <c r="FJ6" s="356" t="s">
        <v>45</v>
      </c>
      <c r="FK6" s="358" t="s">
        <v>52</v>
      </c>
      <c r="FL6" s="354" t="s">
        <v>43</v>
      </c>
      <c r="FM6" s="355" t="s">
        <v>44</v>
      </c>
      <c r="FN6" s="356" t="s">
        <v>45</v>
      </c>
      <c r="FO6" s="357" t="s">
        <v>46</v>
      </c>
      <c r="FP6" s="355" t="s">
        <v>47</v>
      </c>
      <c r="FQ6" s="355" t="s">
        <v>48</v>
      </c>
      <c r="FR6" s="355" t="s">
        <v>49</v>
      </c>
      <c r="FS6" s="355" t="s">
        <v>50</v>
      </c>
      <c r="FT6" s="355" t="s">
        <v>51</v>
      </c>
      <c r="FU6" s="356" t="s">
        <v>45</v>
      </c>
      <c r="FV6" s="358" t="s">
        <v>52</v>
      </c>
      <c r="FW6" s="354" t="s">
        <v>43</v>
      </c>
      <c r="FX6" s="355" t="s">
        <v>44</v>
      </c>
      <c r="FY6" s="356" t="s">
        <v>45</v>
      </c>
      <c r="FZ6" s="357" t="s">
        <v>46</v>
      </c>
      <c r="GA6" s="355" t="s">
        <v>47</v>
      </c>
      <c r="GB6" s="355" t="s">
        <v>48</v>
      </c>
      <c r="GC6" s="355" t="s">
        <v>49</v>
      </c>
      <c r="GD6" s="355" t="s">
        <v>50</v>
      </c>
      <c r="GE6" s="355" t="s">
        <v>51</v>
      </c>
      <c r="GF6" s="356" t="s">
        <v>45</v>
      </c>
      <c r="GG6" s="358" t="s">
        <v>52</v>
      </c>
      <c r="GH6" s="354" t="s">
        <v>43</v>
      </c>
      <c r="GI6" s="355" t="s">
        <v>44</v>
      </c>
      <c r="GJ6" s="356" t="s">
        <v>45</v>
      </c>
      <c r="GK6" s="357" t="s">
        <v>46</v>
      </c>
      <c r="GL6" s="355" t="s">
        <v>47</v>
      </c>
      <c r="GM6" s="355" t="s">
        <v>48</v>
      </c>
      <c r="GN6" s="355" t="s">
        <v>49</v>
      </c>
      <c r="GO6" s="355" t="s">
        <v>50</v>
      </c>
      <c r="GP6" s="355" t="s">
        <v>51</v>
      </c>
      <c r="GQ6" s="356" t="s">
        <v>45</v>
      </c>
      <c r="GR6" s="358" t="s">
        <v>52</v>
      </c>
      <c r="GS6" s="51" t="s">
        <v>43</v>
      </c>
      <c r="GT6" s="47" t="s">
        <v>44</v>
      </c>
      <c r="GU6" s="48" t="s">
        <v>45</v>
      </c>
      <c r="GV6" s="52" t="s">
        <v>46</v>
      </c>
      <c r="GW6" s="47" t="s">
        <v>47</v>
      </c>
      <c r="GX6" s="47" t="s">
        <v>48</v>
      </c>
      <c r="GY6" s="47" t="s">
        <v>49</v>
      </c>
      <c r="GZ6" s="47" t="s">
        <v>50</v>
      </c>
      <c r="HA6" s="47" t="s">
        <v>51</v>
      </c>
      <c r="HB6" s="48" t="s">
        <v>45</v>
      </c>
      <c r="HC6" s="349" t="s">
        <v>52</v>
      </c>
      <c r="HD6" s="354" t="s">
        <v>43</v>
      </c>
      <c r="HE6" s="355" t="s">
        <v>44</v>
      </c>
      <c r="HF6" s="356" t="s">
        <v>45</v>
      </c>
      <c r="HG6" s="357" t="s">
        <v>46</v>
      </c>
      <c r="HH6" s="355" t="s">
        <v>47</v>
      </c>
      <c r="HI6" s="355" t="s">
        <v>48</v>
      </c>
      <c r="HJ6" s="355" t="s">
        <v>49</v>
      </c>
      <c r="HK6" s="355" t="s">
        <v>50</v>
      </c>
      <c r="HL6" s="355" t="s">
        <v>51</v>
      </c>
      <c r="HM6" s="356" t="s">
        <v>45</v>
      </c>
      <c r="HN6" s="358" t="s">
        <v>52</v>
      </c>
      <c r="HO6" s="354" t="s">
        <v>43</v>
      </c>
      <c r="HP6" s="355" t="s">
        <v>44</v>
      </c>
      <c r="HQ6" s="356" t="s">
        <v>45</v>
      </c>
      <c r="HR6" s="357" t="s">
        <v>46</v>
      </c>
      <c r="HS6" s="355" t="s">
        <v>47</v>
      </c>
      <c r="HT6" s="355" t="s">
        <v>48</v>
      </c>
      <c r="HU6" s="355" t="s">
        <v>49</v>
      </c>
      <c r="HV6" s="355" t="s">
        <v>50</v>
      </c>
      <c r="HW6" s="355" t="s">
        <v>51</v>
      </c>
      <c r="HX6" s="356" t="s">
        <v>45</v>
      </c>
      <c r="HY6" s="358" t="s">
        <v>52</v>
      </c>
      <c r="HZ6" s="354" t="s">
        <v>43</v>
      </c>
      <c r="IA6" s="355" t="s">
        <v>44</v>
      </c>
      <c r="IB6" s="356" t="s">
        <v>45</v>
      </c>
      <c r="IC6" s="357" t="s">
        <v>46</v>
      </c>
      <c r="ID6" s="355" t="s">
        <v>47</v>
      </c>
      <c r="IE6" s="355" t="s">
        <v>48</v>
      </c>
      <c r="IF6" s="355" t="s">
        <v>49</v>
      </c>
      <c r="IG6" s="355" t="s">
        <v>50</v>
      </c>
      <c r="IH6" s="355" t="s">
        <v>51</v>
      </c>
      <c r="II6" s="356" t="s">
        <v>45</v>
      </c>
      <c r="IJ6" s="358" t="s">
        <v>52</v>
      </c>
      <c r="IK6" s="354" t="s">
        <v>43</v>
      </c>
      <c r="IL6" s="355" t="s">
        <v>44</v>
      </c>
      <c r="IM6" s="356" t="s">
        <v>45</v>
      </c>
      <c r="IN6" s="357" t="s">
        <v>46</v>
      </c>
      <c r="IO6" s="355" t="s">
        <v>47</v>
      </c>
      <c r="IP6" s="355" t="s">
        <v>48</v>
      </c>
      <c r="IQ6" s="355" t="s">
        <v>49</v>
      </c>
      <c r="IR6" s="355" t="s">
        <v>50</v>
      </c>
      <c r="IS6" s="355" t="s">
        <v>51</v>
      </c>
      <c r="IT6" s="356" t="s">
        <v>45</v>
      </c>
      <c r="IU6" s="358" t="s">
        <v>52</v>
      </c>
      <c r="IV6" s="354" t="s">
        <v>43</v>
      </c>
      <c r="IW6" s="355" t="s">
        <v>44</v>
      </c>
      <c r="IX6" s="356" t="s">
        <v>45</v>
      </c>
      <c r="IY6" s="357" t="s">
        <v>46</v>
      </c>
      <c r="IZ6" s="355" t="s">
        <v>47</v>
      </c>
      <c r="JA6" s="355" t="s">
        <v>48</v>
      </c>
      <c r="JB6" s="355" t="s">
        <v>49</v>
      </c>
      <c r="JC6" s="355" t="s">
        <v>50</v>
      </c>
      <c r="JD6" s="355" t="s">
        <v>51</v>
      </c>
      <c r="JE6" s="356" t="s">
        <v>45</v>
      </c>
      <c r="JF6" s="358" t="s">
        <v>52</v>
      </c>
      <c r="JG6" s="354" t="s">
        <v>43</v>
      </c>
      <c r="JH6" s="355" t="s">
        <v>44</v>
      </c>
      <c r="JI6" s="356" t="s">
        <v>45</v>
      </c>
      <c r="JJ6" s="357" t="s">
        <v>46</v>
      </c>
      <c r="JK6" s="355" t="s">
        <v>47</v>
      </c>
      <c r="JL6" s="355" t="s">
        <v>48</v>
      </c>
      <c r="JM6" s="355" t="s">
        <v>49</v>
      </c>
      <c r="JN6" s="355" t="s">
        <v>50</v>
      </c>
      <c r="JO6" s="355" t="s">
        <v>51</v>
      </c>
      <c r="JP6" s="356" t="s">
        <v>45</v>
      </c>
      <c r="JQ6" s="358" t="s">
        <v>52</v>
      </c>
      <c r="JR6" s="354" t="s">
        <v>43</v>
      </c>
      <c r="JS6" s="355" t="s">
        <v>44</v>
      </c>
      <c r="JT6" s="356" t="s">
        <v>45</v>
      </c>
      <c r="JU6" s="357" t="s">
        <v>46</v>
      </c>
      <c r="JV6" s="355" t="s">
        <v>47</v>
      </c>
      <c r="JW6" s="355" t="s">
        <v>48</v>
      </c>
      <c r="JX6" s="355" t="s">
        <v>49</v>
      </c>
      <c r="JY6" s="355" t="s">
        <v>50</v>
      </c>
      <c r="JZ6" s="355" t="s">
        <v>51</v>
      </c>
      <c r="KA6" s="356" t="s">
        <v>45</v>
      </c>
      <c r="KB6" s="358" t="s">
        <v>52</v>
      </c>
      <c r="KC6" s="354" t="s">
        <v>43</v>
      </c>
      <c r="KD6" s="355" t="s">
        <v>44</v>
      </c>
      <c r="KE6" s="356" t="s">
        <v>45</v>
      </c>
      <c r="KF6" s="357" t="s">
        <v>46</v>
      </c>
      <c r="KG6" s="355" t="s">
        <v>47</v>
      </c>
      <c r="KH6" s="355" t="s">
        <v>48</v>
      </c>
      <c r="KI6" s="355" t="s">
        <v>49</v>
      </c>
      <c r="KJ6" s="355" t="s">
        <v>50</v>
      </c>
      <c r="KK6" s="355" t="s">
        <v>51</v>
      </c>
      <c r="KL6" s="356" t="s">
        <v>45</v>
      </c>
      <c r="KM6" s="358" t="s">
        <v>52</v>
      </c>
    </row>
    <row r="7" spans="2:299" ht="21" customHeight="1" x14ac:dyDescent="0.2">
      <c r="B7" s="350" t="s">
        <v>4</v>
      </c>
      <c r="C7" s="312">
        <v>3308</v>
      </c>
      <c r="D7" s="78">
        <v>3209</v>
      </c>
      <c r="E7" s="79">
        <v>6517</v>
      </c>
      <c r="F7" s="240"/>
      <c r="G7" s="78">
        <v>4379</v>
      </c>
      <c r="H7" s="78">
        <v>4044</v>
      </c>
      <c r="I7" s="78">
        <v>2425</v>
      </c>
      <c r="J7" s="78">
        <v>2143</v>
      </c>
      <c r="K7" s="78">
        <v>1392</v>
      </c>
      <c r="L7" s="80">
        <v>14383</v>
      </c>
      <c r="M7" s="81">
        <v>20900</v>
      </c>
      <c r="N7" s="66">
        <v>107</v>
      </c>
      <c r="O7" s="67">
        <v>118</v>
      </c>
      <c r="P7" s="68">
        <v>225</v>
      </c>
      <c r="Q7" s="243"/>
      <c r="R7" s="67">
        <v>100</v>
      </c>
      <c r="S7" s="67">
        <v>138</v>
      </c>
      <c r="T7" s="67">
        <v>77</v>
      </c>
      <c r="U7" s="67">
        <v>88</v>
      </c>
      <c r="V7" s="67">
        <v>83</v>
      </c>
      <c r="W7" s="68">
        <v>486</v>
      </c>
      <c r="X7" s="69">
        <v>711</v>
      </c>
      <c r="Y7" s="66">
        <v>274</v>
      </c>
      <c r="Z7" s="67">
        <v>274</v>
      </c>
      <c r="AA7" s="68">
        <v>548</v>
      </c>
      <c r="AB7" s="243"/>
      <c r="AC7" s="67">
        <v>280</v>
      </c>
      <c r="AD7" s="67">
        <v>319</v>
      </c>
      <c r="AE7" s="67">
        <v>191</v>
      </c>
      <c r="AF7" s="67">
        <v>161</v>
      </c>
      <c r="AG7" s="67">
        <v>139</v>
      </c>
      <c r="AH7" s="68">
        <v>1090</v>
      </c>
      <c r="AI7" s="69">
        <v>1638</v>
      </c>
      <c r="AJ7" s="66">
        <v>371</v>
      </c>
      <c r="AK7" s="67">
        <v>412</v>
      </c>
      <c r="AL7" s="68">
        <v>783</v>
      </c>
      <c r="AM7" s="243"/>
      <c r="AN7" s="67">
        <v>533</v>
      </c>
      <c r="AO7" s="67">
        <v>477</v>
      </c>
      <c r="AP7" s="67">
        <v>283</v>
      </c>
      <c r="AQ7" s="67">
        <v>268</v>
      </c>
      <c r="AR7" s="67">
        <v>198</v>
      </c>
      <c r="AS7" s="68">
        <v>1759</v>
      </c>
      <c r="AT7" s="69">
        <v>2542</v>
      </c>
      <c r="AU7" s="66">
        <v>740</v>
      </c>
      <c r="AV7" s="67">
        <v>729</v>
      </c>
      <c r="AW7" s="68">
        <v>1469</v>
      </c>
      <c r="AX7" s="243"/>
      <c r="AY7" s="67">
        <v>997</v>
      </c>
      <c r="AZ7" s="67">
        <v>837</v>
      </c>
      <c r="BA7" s="67">
        <v>492</v>
      </c>
      <c r="BB7" s="67">
        <v>394</v>
      </c>
      <c r="BC7" s="67">
        <v>291</v>
      </c>
      <c r="BD7" s="68">
        <v>3011</v>
      </c>
      <c r="BE7" s="69">
        <v>4480</v>
      </c>
      <c r="BF7" s="66">
        <v>1036</v>
      </c>
      <c r="BG7" s="67">
        <v>913</v>
      </c>
      <c r="BH7" s="68">
        <v>1949</v>
      </c>
      <c r="BI7" s="243"/>
      <c r="BJ7" s="67">
        <v>1300</v>
      </c>
      <c r="BK7" s="67">
        <v>1087</v>
      </c>
      <c r="BL7" s="67">
        <v>623</v>
      </c>
      <c r="BM7" s="67">
        <v>563</v>
      </c>
      <c r="BN7" s="67">
        <v>322</v>
      </c>
      <c r="BO7" s="68">
        <v>3895</v>
      </c>
      <c r="BP7" s="69">
        <v>5844</v>
      </c>
      <c r="BQ7" s="66">
        <v>780</v>
      </c>
      <c r="BR7" s="67">
        <v>763</v>
      </c>
      <c r="BS7" s="68">
        <v>1543</v>
      </c>
      <c r="BT7" s="243"/>
      <c r="BU7" s="67">
        <v>1169</v>
      </c>
      <c r="BV7" s="67">
        <v>1186</v>
      </c>
      <c r="BW7" s="67">
        <v>759</v>
      </c>
      <c r="BX7" s="67">
        <v>669</v>
      </c>
      <c r="BY7" s="67">
        <v>359</v>
      </c>
      <c r="BZ7" s="68">
        <v>4142</v>
      </c>
      <c r="CA7" s="69">
        <v>5685</v>
      </c>
      <c r="CB7" s="66">
        <v>0</v>
      </c>
      <c r="CC7" s="67">
        <v>0</v>
      </c>
      <c r="CD7" s="68">
        <v>0</v>
      </c>
      <c r="CE7" s="243"/>
      <c r="CF7" s="67">
        <v>0</v>
      </c>
      <c r="CG7" s="67">
        <v>0</v>
      </c>
      <c r="CH7" s="67">
        <v>0</v>
      </c>
      <c r="CI7" s="67">
        <v>0</v>
      </c>
      <c r="CJ7" s="67">
        <v>0</v>
      </c>
      <c r="CK7" s="68">
        <v>0</v>
      </c>
      <c r="CL7" s="69">
        <v>0</v>
      </c>
      <c r="CM7" s="66">
        <v>3308</v>
      </c>
      <c r="CN7" s="67">
        <v>3209</v>
      </c>
      <c r="CO7" s="68">
        <v>6517</v>
      </c>
      <c r="CP7" s="243"/>
      <c r="CQ7" s="67">
        <v>4379</v>
      </c>
      <c r="CR7" s="67">
        <v>4044</v>
      </c>
      <c r="CS7" s="67">
        <v>2425</v>
      </c>
      <c r="CT7" s="67">
        <v>2143</v>
      </c>
      <c r="CU7" s="67">
        <v>1392</v>
      </c>
      <c r="CV7" s="68">
        <v>14383</v>
      </c>
      <c r="CW7" s="69">
        <v>20900</v>
      </c>
      <c r="CX7" s="122">
        <v>1215</v>
      </c>
      <c r="CY7" s="78">
        <v>1418</v>
      </c>
      <c r="CZ7" s="79">
        <v>2633</v>
      </c>
      <c r="DA7" s="240"/>
      <c r="DB7" s="78">
        <v>1771</v>
      </c>
      <c r="DC7" s="78">
        <v>1635</v>
      </c>
      <c r="DD7" s="78">
        <v>1141</v>
      </c>
      <c r="DE7" s="78">
        <v>1135</v>
      </c>
      <c r="DF7" s="78">
        <v>757</v>
      </c>
      <c r="DG7" s="80">
        <v>6439</v>
      </c>
      <c r="DH7" s="81">
        <v>9072</v>
      </c>
      <c r="DI7" s="66">
        <v>33</v>
      </c>
      <c r="DJ7" s="67">
        <v>36</v>
      </c>
      <c r="DK7" s="68">
        <v>69</v>
      </c>
      <c r="DL7" s="243"/>
      <c r="DM7" s="67">
        <v>19</v>
      </c>
      <c r="DN7" s="67">
        <v>20</v>
      </c>
      <c r="DO7" s="67">
        <v>26</v>
      </c>
      <c r="DP7" s="67">
        <v>12</v>
      </c>
      <c r="DQ7" s="67">
        <v>15</v>
      </c>
      <c r="DR7" s="68">
        <v>92</v>
      </c>
      <c r="DS7" s="69">
        <v>161</v>
      </c>
      <c r="DT7" s="66">
        <v>92</v>
      </c>
      <c r="DU7" s="67">
        <v>99</v>
      </c>
      <c r="DV7" s="68">
        <v>191</v>
      </c>
      <c r="DW7" s="243"/>
      <c r="DX7" s="67">
        <v>87</v>
      </c>
      <c r="DY7" s="67">
        <v>85</v>
      </c>
      <c r="DZ7" s="67">
        <v>53</v>
      </c>
      <c r="EA7" s="67">
        <v>44</v>
      </c>
      <c r="EB7" s="67">
        <v>39</v>
      </c>
      <c r="EC7" s="68">
        <v>308</v>
      </c>
      <c r="ED7" s="69">
        <v>499</v>
      </c>
      <c r="EE7" s="66">
        <v>194</v>
      </c>
      <c r="EF7" s="67">
        <v>211</v>
      </c>
      <c r="EG7" s="68">
        <v>405</v>
      </c>
      <c r="EH7" s="243"/>
      <c r="EI7" s="67">
        <v>209</v>
      </c>
      <c r="EJ7" s="67">
        <v>166</v>
      </c>
      <c r="EK7" s="67">
        <v>100</v>
      </c>
      <c r="EL7" s="67">
        <v>74</v>
      </c>
      <c r="EM7" s="67">
        <v>74</v>
      </c>
      <c r="EN7" s="68">
        <v>623</v>
      </c>
      <c r="EO7" s="69">
        <v>1028</v>
      </c>
      <c r="EP7" s="66">
        <v>341</v>
      </c>
      <c r="EQ7" s="67">
        <v>333</v>
      </c>
      <c r="ER7" s="68">
        <v>674</v>
      </c>
      <c r="ES7" s="243"/>
      <c r="ET7" s="67">
        <v>366</v>
      </c>
      <c r="EU7" s="67">
        <v>292</v>
      </c>
      <c r="EV7" s="67">
        <v>153</v>
      </c>
      <c r="EW7" s="67">
        <v>153</v>
      </c>
      <c r="EX7" s="67">
        <v>99</v>
      </c>
      <c r="EY7" s="68">
        <v>1063</v>
      </c>
      <c r="EZ7" s="69">
        <v>1737</v>
      </c>
      <c r="FA7" s="66">
        <v>315</v>
      </c>
      <c r="FB7" s="67">
        <v>420</v>
      </c>
      <c r="FC7" s="68">
        <v>735</v>
      </c>
      <c r="FD7" s="243"/>
      <c r="FE7" s="67">
        <v>517</v>
      </c>
      <c r="FF7" s="67">
        <v>466</v>
      </c>
      <c r="FG7" s="67">
        <v>305</v>
      </c>
      <c r="FH7" s="67">
        <v>272</v>
      </c>
      <c r="FI7" s="67">
        <v>171</v>
      </c>
      <c r="FJ7" s="68">
        <v>1731</v>
      </c>
      <c r="FK7" s="69">
        <v>2466</v>
      </c>
      <c r="FL7" s="66">
        <v>240</v>
      </c>
      <c r="FM7" s="67">
        <v>319</v>
      </c>
      <c r="FN7" s="68">
        <v>559</v>
      </c>
      <c r="FO7" s="243"/>
      <c r="FP7" s="67">
        <v>573</v>
      </c>
      <c r="FQ7" s="67">
        <v>606</v>
      </c>
      <c r="FR7" s="67">
        <v>504</v>
      </c>
      <c r="FS7" s="67">
        <v>580</v>
      </c>
      <c r="FT7" s="67">
        <v>359</v>
      </c>
      <c r="FU7" s="68">
        <v>2622</v>
      </c>
      <c r="FV7" s="69">
        <v>3181</v>
      </c>
      <c r="FW7" s="66">
        <v>0</v>
      </c>
      <c r="FX7" s="67">
        <v>0</v>
      </c>
      <c r="FY7" s="68">
        <v>0</v>
      </c>
      <c r="FZ7" s="243"/>
      <c r="GA7" s="67">
        <v>0</v>
      </c>
      <c r="GB7" s="67">
        <v>0</v>
      </c>
      <c r="GC7" s="67">
        <v>0</v>
      </c>
      <c r="GD7" s="67">
        <v>0</v>
      </c>
      <c r="GE7" s="67">
        <v>0</v>
      </c>
      <c r="GF7" s="68">
        <v>0</v>
      </c>
      <c r="GG7" s="69">
        <v>0</v>
      </c>
      <c r="GH7" s="66">
        <v>1215</v>
      </c>
      <c r="GI7" s="67">
        <v>1418</v>
      </c>
      <c r="GJ7" s="68">
        <v>2633</v>
      </c>
      <c r="GK7" s="243"/>
      <c r="GL7" s="67">
        <v>1771</v>
      </c>
      <c r="GM7" s="67">
        <v>1635</v>
      </c>
      <c r="GN7" s="67">
        <v>1141</v>
      </c>
      <c r="GO7" s="67">
        <v>1135</v>
      </c>
      <c r="GP7" s="67">
        <v>757</v>
      </c>
      <c r="GQ7" s="68">
        <v>6439</v>
      </c>
      <c r="GR7" s="69">
        <v>9072</v>
      </c>
      <c r="GS7" s="122">
        <v>4523</v>
      </c>
      <c r="GT7" s="78">
        <v>4627</v>
      </c>
      <c r="GU7" s="79">
        <v>9150</v>
      </c>
      <c r="GV7" s="240"/>
      <c r="GW7" s="78">
        <v>6150</v>
      </c>
      <c r="GX7" s="78">
        <v>5679</v>
      </c>
      <c r="GY7" s="78">
        <v>3566</v>
      </c>
      <c r="GZ7" s="78">
        <v>3278</v>
      </c>
      <c r="HA7" s="78">
        <v>2149</v>
      </c>
      <c r="HB7" s="80">
        <v>20822</v>
      </c>
      <c r="HC7" s="81">
        <v>29972</v>
      </c>
      <c r="HD7" s="66">
        <v>140</v>
      </c>
      <c r="HE7" s="67">
        <v>154</v>
      </c>
      <c r="HF7" s="68">
        <v>294</v>
      </c>
      <c r="HG7" s="243"/>
      <c r="HH7" s="67">
        <v>119</v>
      </c>
      <c r="HI7" s="67">
        <v>158</v>
      </c>
      <c r="HJ7" s="67">
        <v>103</v>
      </c>
      <c r="HK7" s="67">
        <v>100</v>
      </c>
      <c r="HL7" s="67">
        <v>98</v>
      </c>
      <c r="HM7" s="68">
        <v>578</v>
      </c>
      <c r="HN7" s="69">
        <v>872</v>
      </c>
      <c r="HO7" s="66">
        <v>366</v>
      </c>
      <c r="HP7" s="67">
        <v>373</v>
      </c>
      <c r="HQ7" s="68">
        <v>739</v>
      </c>
      <c r="HR7" s="243"/>
      <c r="HS7" s="67">
        <v>367</v>
      </c>
      <c r="HT7" s="67">
        <v>404</v>
      </c>
      <c r="HU7" s="67">
        <v>244</v>
      </c>
      <c r="HV7" s="67">
        <v>205</v>
      </c>
      <c r="HW7" s="67">
        <v>178</v>
      </c>
      <c r="HX7" s="68">
        <v>1398</v>
      </c>
      <c r="HY7" s="69">
        <v>2137</v>
      </c>
      <c r="HZ7" s="66">
        <v>565</v>
      </c>
      <c r="IA7" s="67">
        <v>623</v>
      </c>
      <c r="IB7" s="68">
        <v>1188</v>
      </c>
      <c r="IC7" s="243"/>
      <c r="ID7" s="67">
        <v>742</v>
      </c>
      <c r="IE7" s="67">
        <v>643</v>
      </c>
      <c r="IF7" s="67">
        <v>383</v>
      </c>
      <c r="IG7" s="67">
        <v>342</v>
      </c>
      <c r="IH7" s="67">
        <v>272</v>
      </c>
      <c r="II7" s="68">
        <v>2382</v>
      </c>
      <c r="IJ7" s="69">
        <v>3570</v>
      </c>
      <c r="IK7" s="66">
        <v>1081</v>
      </c>
      <c r="IL7" s="67">
        <v>1062</v>
      </c>
      <c r="IM7" s="68">
        <v>2143</v>
      </c>
      <c r="IN7" s="243"/>
      <c r="IO7" s="67">
        <v>1363</v>
      </c>
      <c r="IP7" s="67">
        <v>1129</v>
      </c>
      <c r="IQ7" s="67">
        <v>645</v>
      </c>
      <c r="IR7" s="67">
        <v>547</v>
      </c>
      <c r="IS7" s="67">
        <v>390</v>
      </c>
      <c r="IT7" s="68">
        <v>4074</v>
      </c>
      <c r="IU7" s="69">
        <v>6217</v>
      </c>
      <c r="IV7" s="66">
        <v>1351</v>
      </c>
      <c r="IW7" s="67">
        <v>1333</v>
      </c>
      <c r="IX7" s="68">
        <v>2684</v>
      </c>
      <c r="IY7" s="243"/>
      <c r="IZ7" s="67">
        <v>1817</v>
      </c>
      <c r="JA7" s="67">
        <v>1553</v>
      </c>
      <c r="JB7" s="67">
        <v>928</v>
      </c>
      <c r="JC7" s="67">
        <v>835</v>
      </c>
      <c r="JD7" s="67">
        <v>493</v>
      </c>
      <c r="JE7" s="68">
        <v>5626</v>
      </c>
      <c r="JF7" s="69">
        <v>8310</v>
      </c>
      <c r="JG7" s="66">
        <v>1020</v>
      </c>
      <c r="JH7" s="67">
        <v>1082</v>
      </c>
      <c r="JI7" s="68">
        <v>2102</v>
      </c>
      <c r="JJ7" s="243"/>
      <c r="JK7" s="67">
        <v>1742</v>
      </c>
      <c r="JL7" s="67">
        <v>1792</v>
      </c>
      <c r="JM7" s="67">
        <v>1263</v>
      </c>
      <c r="JN7" s="67">
        <v>1249</v>
      </c>
      <c r="JO7" s="67">
        <v>718</v>
      </c>
      <c r="JP7" s="68">
        <v>6764</v>
      </c>
      <c r="JQ7" s="69">
        <v>8866</v>
      </c>
      <c r="JR7" s="66">
        <v>0</v>
      </c>
      <c r="JS7" s="67">
        <v>0</v>
      </c>
      <c r="JT7" s="68">
        <v>0</v>
      </c>
      <c r="JU7" s="243"/>
      <c r="JV7" s="67">
        <v>0</v>
      </c>
      <c r="JW7" s="67">
        <v>0</v>
      </c>
      <c r="JX7" s="67">
        <v>0</v>
      </c>
      <c r="JY7" s="67">
        <v>0</v>
      </c>
      <c r="JZ7" s="67">
        <v>0</v>
      </c>
      <c r="KA7" s="68">
        <v>0</v>
      </c>
      <c r="KB7" s="69">
        <v>0</v>
      </c>
      <c r="KC7" s="66">
        <v>4523</v>
      </c>
      <c r="KD7" s="67">
        <v>4627</v>
      </c>
      <c r="KE7" s="68">
        <v>9150</v>
      </c>
      <c r="KF7" s="243"/>
      <c r="KG7" s="67">
        <v>6150</v>
      </c>
      <c r="KH7" s="67">
        <v>5679</v>
      </c>
      <c r="KI7" s="67">
        <v>3566</v>
      </c>
      <c r="KJ7" s="67">
        <v>3278</v>
      </c>
      <c r="KK7" s="67">
        <v>2149</v>
      </c>
      <c r="KL7" s="68">
        <v>20822</v>
      </c>
      <c r="KM7" s="69">
        <v>29972</v>
      </c>
    </row>
    <row r="8" spans="2:299" ht="21" customHeight="1" x14ac:dyDescent="0.2">
      <c r="B8" s="126" t="s">
        <v>5</v>
      </c>
      <c r="C8" s="313">
        <v>1519</v>
      </c>
      <c r="D8" s="82">
        <v>1625</v>
      </c>
      <c r="E8" s="83">
        <v>3144</v>
      </c>
      <c r="F8" s="241"/>
      <c r="G8" s="82">
        <v>1619</v>
      </c>
      <c r="H8" s="82">
        <v>1948</v>
      </c>
      <c r="I8" s="82">
        <v>1096</v>
      </c>
      <c r="J8" s="82">
        <v>948</v>
      </c>
      <c r="K8" s="82">
        <v>599</v>
      </c>
      <c r="L8" s="84">
        <v>6210</v>
      </c>
      <c r="M8" s="85">
        <v>9354</v>
      </c>
      <c r="N8" s="70">
        <v>56</v>
      </c>
      <c r="O8" s="71">
        <v>53</v>
      </c>
      <c r="P8" s="72">
        <v>109</v>
      </c>
      <c r="Q8" s="244"/>
      <c r="R8" s="71">
        <v>32</v>
      </c>
      <c r="S8" s="71">
        <v>60</v>
      </c>
      <c r="T8" s="71">
        <v>36</v>
      </c>
      <c r="U8" s="71">
        <v>30</v>
      </c>
      <c r="V8" s="71">
        <v>30</v>
      </c>
      <c r="W8" s="72">
        <v>188</v>
      </c>
      <c r="X8" s="73">
        <v>297</v>
      </c>
      <c r="Y8" s="70">
        <v>107</v>
      </c>
      <c r="Z8" s="71">
        <v>145</v>
      </c>
      <c r="AA8" s="72">
        <v>252</v>
      </c>
      <c r="AB8" s="244"/>
      <c r="AC8" s="71">
        <v>82</v>
      </c>
      <c r="AD8" s="71">
        <v>125</v>
      </c>
      <c r="AE8" s="71">
        <v>73</v>
      </c>
      <c r="AF8" s="71">
        <v>75</v>
      </c>
      <c r="AG8" s="71">
        <v>53</v>
      </c>
      <c r="AH8" s="72">
        <v>408</v>
      </c>
      <c r="AI8" s="73">
        <v>660</v>
      </c>
      <c r="AJ8" s="70">
        <v>158</v>
      </c>
      <c r="AK8" s="71">
        <v>195</v>
      </c>
      <c r="AL8" s="72">
        <v>353</v>
      </c>
      <c r="AM8" s="244"/>
      <c r="AN8" s="71">
        <v>181</v>
      </c>
      <c r="AO8" s="71">
        <v>200</v>
      </c>
      <c r="AP8" s="71">
        <v>113</v>
      </c>
      <c r="AQ8" s="71">
        <v>120</v>
      </c>
      <c r="AR8" s="71">
        <v>76</v>
      </c>
      <c r="AS8" s="72">
        <v>690</v>
      </c>
      <c r="AT8" s="73">
        <v>1043</v>
      </c>
      <c r="AU8" s="70">
        <v>356</v>
      </c>
      <c r="AV8" s="71">
        <v>365</v>
      </c>
      <c r="AW8" s="72">
        <v>721</v>
      </c>
      <c r="AX8" s="244"/>
      <c r="AY8" s="71">
        <v>351</v>
      </c>
      <c r="AZ8" s="71">
        <v>402</v>
      </c>
      <c r="BA8" s="71">
        <v>223</v>
      </c>
      <c r="BB8" s="71">
        <v>170</v>
      </c>
      <c r="BC8" s="71">
        <v>128</v>
      </c>
      <c r="BD8" s="72">
        <v>1274</v>
      </c>
      <c r="BE8" s="73">
        <v>1995</v>
      </c>
      <c r="BF8" s="70">
        <v>492</v>
      </c>
      <c r="BG8" s="71">
        <v>474</v>
      </c>
      <c r="BH8" s="72">
        <v>966</v>
      </c>
      <c r="BI8" s="244"/>
      <c r="BJ8" s="71">
        <v>516</v>
      </c>
      <c r="BK8" s="71">
        <v>546</v>
      </c>
      <c r="BL8" s="71">
        <v>274</v>
      </c>
      <c r="BM8" s="71">
        <v>242</v>
      </c>
      <c r="BN8" s="71">
        <v>139</v>
      </c>
      <c r="BO8" s="72">
        <v>1717</v>
      </c>
      <c r="BP8" s="73">
        <v>2683</v>
      </c>
      <c r="BQ8" s="70">
        <v>350</v>
      </c>
      <c r="BR8" s="71">
        <v>393</v>
      </c>
      <c r="BS8" s="72">
        <v>743</v>
      </c>
      <c r="BT8" s="244"/>
      <c r="BU8" s="71">
        <v>457</v>
      </c>
      <c r="BV8" s="71">
        <v>615</v>
      </c>
      <c r="BW8" s="71">
        <v>377</v>
      </c>
      <c r="BX8" s="71">
        <v>311</v>
      </c>
      <c r="BY8" s="71">
        <v>173</v>
      </c>
      <c r="BZ8" s="72">
        <v>1933</v>
      </c>
      <c r="CA8" s="73">
        <v>2676</v>
      </c>
      <c r="CB8" s="70">
        <v>0</v>
      </c>
      <c r="CC8" s="71">
        <v>0</v>
      </c>
      <c r="CD8" s="72">
        <v>0</v>
      </c>
      <c r="CE8" s="244"/>
      <c r="CF8" s="71">
        <v>0</v>
      </c>
      <c r="CG8" s="71">
        <v>0</v>
      </c>
      <c r="CH8" s="71">
        <v>0</v>
      </c>
      <c r="CI8" s="71">
        <v>0</v>
      </c>
      <c r="CJ8" s="71">
        <v>0</v>
      </c>
      <c r="CK8" s="72">
        <v>0</v>
      </c>
      <c r="CL8" s="73">
        <v>0</v>
      </c>
      <c r="CM8" s="70">
        <v>1519</v>
      </c>
      <c r="CN8" s="71">
        <v>1625</v>
      </c>
      <c r="CO8" s="72">
        <v>3144</v>
      </c>
      <c r="CP8" s="244"/>
      <c r="CQ8" s="71">
        <v>1619</v>
      </c>
      <c r="CR8" s="71">
        <v>1948</v>
      </c>
      <c r="CS8" s="71">
        <v>1096</v>
      </c>
      <c r="CT8" s="71">
        <v>948</v>
      </c>
      <c r="CU8" s="71">
        <v>599</v>
      </c>
      <c r="CV8" s="72">
        <v>6210</v>
      </c>
      <c r="CW8" s="73">
        <v>9354</v>
      </c>
      <c r="CX8" s="123">
        <v>473</v>
      </c>
      <c r="CY8" s="82">
        <v>673</v>
      </c>
      <c r="CZ8" s="83">
        <v>1146</v>
      </c>
      <c r="DA8" s="241"/>
      <c r="DB8" s="82">
        <v>636</v>
      </c>
      <c r="DC8" s="82">
        <v>776</v>
      </c>
      <c r="DD8" s="82">
        <v>490</v>
      </c>
      <c r="DE8" s="82">
        <v>520</v>
      </c>
      <c r="DF8" s="82">
        <v>340</v>
      </c>
      <c r="DG8" s="84">
        <v>2762</v>
      </c>
      <c r="DH8" s="85">
        <v>3908</v>
      </c>
      <c r="DI8" s="70">
        <v>14</v>
      </c>
      <c r="DJ8" s="71">
        <v>14</v>
      </c>
      <c r="DK8" s="72">
        <v>28</v>
      </c>
      <c r="DL8" s="244"/>
      <c r="DM8" s="71">
        <v>7</v>
      </c>
      <c r="DN8" s="71">
        <v>11</v>
      </c>
      <c r="DO8" s="71">
        <v>9</v>
      </c>
      <c r="DP8" s="71">
        <v>7</v>
      </c>
      <c r="DQ8" s="71">
        <v>7</v>
      </c>
      <c r="DR8" s="72">
        <v>41</v>
      </c>
      <c r="DS8" s="73">
        <v>69</v>
      </c>
      <c r="DT8" s="70">
        <v>37</v>
      </c>
      <c r="DU8" s="71">
        <v>48</v>
      </c>
      <c r="DV8" s="72">
        <v>85</v>
      </c>
      <c r="DW8" s="244"/>
      <c r="DX8" s="71">
        <v>18</v>
      </c>
      <c r="DY8" s="71">
        <v>36</v>
      </c>
      <c r="DZ8" s="71">
        <v>24</v>
      </c>
      <c r="EA8" s="71">
        <v>23</v>
      </c>
      <c r="EB8" s="71">
        <v>19</v>
      </c>
      <c r="EC8" s="72">
        <v>120</v>
      </c>
      <c r="ED8" s="73">
        <v>205</v>
      </c>
      <c r="EE8" s="70">
        <v>76</v>
      </c>
      <c r="EF8" s="71">
        <v>100</v>
      </c>
      <c r="EG8" s="72">
        <v>176</v>
      </c>
      <c r="EH8" s="244"/>
      <c r="EI8" s="71">
        <v>77</v>
      </c>
      <c r="EJ8" s="71">
        <v>77</v>
      </c>
      <c r="EK8" s="71">
        <v>39</v>
      </c>
      <c r="EL8" s="71">
        <v>30</v>
      </c>
      <c r="EM8" s="71">
        <v>37</v>
      </c>
      <c r="EN8" s="72">
        <v>260</v>
      </c>
      <c r="EO8" s="73">
        <v>436</v>
      </c>
      <c r="EP8" s="70">
        <v>137</v>
      </c>
      <c r="EQ8" s="71">
        <v>155</v>
      </c>
      <c r="ER8" s="72">
        <v>292</v>
      </c>
      <c r="ES8" s="244"/>
      <c r="ET8" s="71">
        <v>123</v>
      </c>
      <c r="EU8" s="71">
        <v>135</v>
      </c>
      <c r="EV8" s="71">
        <v>59</v>
      </c>
      <c r="EW8" s="71">
        <v>74</v>
      </c>
      <c r="EX8" s="71">
        <v>38</v>
      </c>
      <c r="EY8" s="72">
        <v>429</v>
      </c>
      <c r="EZ8" s="73">
        <v>721</v>
      </c>
      <c r="FA8" s="70">
        <v>109</v>
      </c>
      <c r="FB8" s="71">
        <v>214</v>
      </c>
      <c r="FC8" s="72">
        <v>323</v>
      </c>
      <c r="FD8" s="244"/>
      <c r="FE8" s="71">
        <v>204</v>
      </c>
      <c r="FF8" s="71">
        <v>237</v>
      </c>
      <c r="FG8" s="71">
        <v>131</v>
      </c>
      <c r="FH8" s="71">
        <v>132</v>
      </c>
      <c r="FI8" s="71">
        <v>80</v>
      </c>
      <c r="FJ8" s="72">
        <v>784</v>
      </c>
      <c r="FK8" s="73">
        <v>1107</v>
      </c>
      <c r="FL8" s="70">
        <v>100</v>
      </c>
      <c r="FM8" s="71">
        <v>142</v>
      </c>
      <c r="FN8" s="72">
        <v>242</v>
      </c>
      <c r="FO8" s="244"/>
      <c r="FP8" s="71">
        <v>207</v>
      </c>
      <c r="FQ8" s="71">
        <v>280</v>
      </c>
      <c r="FR8" s="71">
        <v>228</v>
      </c>
      <c r="FS8" s="71">
        <v>254</v>
      </c>
      <c r="FT8" s="71">
        <v>159</v>
      </c>
      <c r="FU8" s="72">
        <v>1128</v>
      </c>
      <c r="FV8" s="73">
        <v>1370</v>
      </c>
      <c r="FW8" s="70">
        <v>0</v>
      </c>
      <c r="FX8" s="71">
        <v>0</v>
      </c>
      <c r="FY8" s="72">
        <v>0</v>
      </c>
      <c r="FZ8" s="244"/>
      <c r="GA8" s="71">
        <v>0</v>
      </c>
      <c r="GB8" s="71">
        <v>0</v>
      </c>
      <c r="GC8" s="71">
        <v>0</v>
      </c>
      <c r="GD8" s="71">
        <v>0</v>
      </c>
      <c r="GE8" s="71">
        <v>0</v>
      </c>
      <c r="GF8" s="72">
        <v>0</v>
      </c>
      <c r="GG8" s="73">
        <v>0</v>
      </c>
      <c r="GH8" s="70">
        <v>473</v>
      </c>
      <c r="GI8" s="71">
        <v>673</v>
      </c>
      <c r="GJ8" s="72">
        <v>1146</v>
      </c>
      <c r="GK8" s="244"/>
      <c r="GL8" s="71">
        <v>636</v>
      </c>
      <c r="GM8" s="71">
        <v>776</v>
      </c>
      <c r="GN8" s="71">
        <v>490</v>
      </c>
      <c r="GO8" s="71">
        <v>520</v>
      </c>
      <c r="GP8" s="71">
        <v>340</v>
      </c>
      <c r="GQ8" s="72">
        <v>2762</v>
      </c>
      <c r="GR8" s="73">
        <v>3908</v>
      </c>
      <c r="GS8" s="123">
        <v>1992</v>
      </c>
      <c r="GT8" s="82">
        <v>2298</v>
      </c>
      <c r="GU8" s="83">
        <v>4290</v>
      </c>
      <c r="GV8" s="241"/>
      <c r="GW8" s="82">
        <v>2255</v>
      </c>
      <c r="GX8" s="82">
        <v>2724</v>
      </c>
      <c r="GY8" s="82">
        <v>1586</v>
      </c>
      <c r="GZ8" s="82">
        <v>1468</v>
      </c>
      <c r="HA8" s="82">
        <v>939</v>
      </c>
      <c r="HB8" s="84">
        <v>8972</v>
      </c>
      <c r="HC8" s="85">
        <v>13262</v>
      </c>
      <c r="HD8" s="70">
        <v>70</v>
      </c>
      <c r="HE8" s="71">
        <v>67</v>
      </c>
      <c r="HF8" s="72">
        <v>137</v>
      </c>
      <c r="HG8" s="244"/>
      <c r="HH8" s="71">
        <v>39</v>
      </c>
      <c r="HI8" s="71">
        <v>71</v>
      </c>
      <c r="HJ8" s="71">
        <v>45</v>
      </c>
      <c r="HK8" s="71">
        <v>37</v>
      </c>
      <c r="HL8" s="71">
        <v>37</v>
      </c>
      <c r="HM8" s="72">
        <v>229</v>
      </c>
      <c r="HN8" s="73">
        <v>366</v>
      </c>
      <c r="HO8" s="70">
        <v>144</v>
      </c>
      <c r="HP8" s="71">
        <v>193</v>
      </c>
      <c r="HQ8" s="72">
        <v>337</v>
      </c>
      <c r="HR8" s="244"/>
      <c r="HS8" s="71">
        <v>100</v>
      </c>
      <c r="HT8" s="71">
        <v>161</v>
      </c>
      <c r="HU8" s="71">
        <v>97</v>
      </c>
      <c r="HV8" s="71">
        <v>98</v>
      </c>
      <c r="HW8" s="71">
        <v>72</v>
      </c>
      <c r="HX8" s="72">
        <v>528</v>
      </c>
      <c r="HY8" s="73">
        <v>865</v>
      </c>
      <c r="HZ8" s="70">
        <v>234</v>
      </c>
      <c r="IA8" s="71">
        <v>295</v>
      </c>
      <c r="IB8" s="72">
        <v>529</v>
      </c>
      <c r="IC8" s="244"/>
      <c r="ID8" s="71">
        <v>258</v>
      </c>
      <c r="IE8" s="71">
        <v>277</v>
      </c>
      <c r="IF8" s="71">
        <v>152</v>
      </c>
      <c r="IG8" s="71">
        <v>150</v>
      </c>
      <c r="IH8" s="71">
        <v>113</v>
      </c>
      <c r="II8" s="72">
        <v>950</v>
      </c>
      <c r="IJ8" s="73">
        <v>1479</v>
      </c>
      <c r="IK8" s="70">
        <v>493</v>
      </c>
      <c r="IL8" s="71">
        <v>520</v>
      </c>
      <c r="IM8" s="72">
        <v>1013</v>
      </c>
      <c r="IN8" s="244"/>
      <c r="IO8" s="71">
        <v>474</v>
      </c>
      <c r="IP8" s="71">
        <v>537</v>
      </c>
      <c r="IQ8" s="71">
        <v>282</v>
      </c>
      <c r="IR8" s="71">
        <v>244</v>
      </c>
      <c r="IS8" s="71">
        <v>166</v>
      </c>
      <c r="IT8" s="72">
        <v>1703</v>
      </c>
      <c r="IU8" s="73">
        <v>2716</v>
      </c>
      <c r="IV8" s="70">
        <v>601</v>
      </c>
      <c r="IW8" s="71">
        <v>688</v>
      </c>
      <c r="IX8" s="72">
        <v>1289</v>
      </c>
      <c r="IY8" s="244"/>
      <c r="IZ8" s="71">
        <v>720</v>
      </c>
      <c r="JA8" s="71">
        <v>783</v>
      </c>
      <c r="JB8" s="71">
        <v>405</v>
      </c>
      <c r="JC8" s="71">
        <v>374</v>
      </c>
      <c r="JD8" s="71">
        <v>219</v>
      </c>
      <c r="JE8" s="72">
        <v>2501</v>
      </c>
      <c r="JF8" s="73">
        <v>3790</v>
      </c>
      <c r="JG8" s="70">
        <v>450</v>
      </c>
      <c r="JH8" s="71">
        <v>535</v>
      </c>
      <c r="JI8" s="72">
        <v>985</v>
      </c>
      <c r="JJ8" s="244"/>
      <c r="JK8" s="71">
        <v>664</v>
      </c>
      <c r="JL8" s="71">
        <v>895</v>
      </c>
      <c r="JM8" s="71">
        <v>605</v>
      </c>
      <c r="JN8" s="71">
        <v>565</v>
      </c>
      <c r="JO8" s="71">
        <v>332</v>
      </c>
      <c r="JP8" s="72">
        <v>3061</v>
      </c>
      <c r="JQ8" s="73">
        <v>4046</v>
      </c>
      <c r="JR8" s="70">
        <v>0</v>
      </c>
      <c r="JS8" s="71">
        <v>0</v>
      </c>
      <c r="JT8" s="72">
        <v>0</v>
      </c>
      <c r="JU8" s="244"/>
      <c r="JV8" s="71">
        <v>0</v>
      </c>
      <c r="JW8" s="71">
        <v>0</v>
      </c>
      <c r="JX8" s="71">
        <v>0</v>
      </c>
      <c r="JY8" s="71">
        <v>0</v>
      </c>
      <c r="JZ8" s="71">
        <v>0</v>
      </c>
      <c r="KA8" s="72">
        <v>0</v>
      </c>
      <c r="KB8" s="73">
        <v>0</v>
      </c>
      <c r="KC8" s="70">
        <v>1992</v>
      </c>
      <c r="KD8" s="71">
        <v>2298</v>
      </c>
      <c r="KE8" s="72">
        <v>4290</v>
      </c>
      <c r="KF8" s="244"/>
      <c r="KG8" s="71">
        <v>2255</v>
      </c>
      <c r="KH8" s="71">
        <v>2724</v>
      </c>
      <c r="KI8" s="71">
        <v>1586</v>
      </c>
      <c r="KJ8" s="71">
        <v>1468</v>
      </c>
      <c r="KK8" s="71">
        <v>939</v>
      </c>
      <c r="KL8" s="72">
        <v>8972</v>
      </c>
      <c r="KM8" s="73">
        <v>13262</v>
      </c>
    </row>
    <row r="9" spans="2:299" ht="21" customHeight="1" x14ac:dyDescent="0.2">
      <c r="B9" s="126" t="s">
        <v>6</v>
      </c>
      <c r="C9" s="313">
        <v>415</v>
      </c>
      <c r="D9" s="82">
        <v>398</v>
      </c>
      <c r="E9" s="83">
        <v>813</v>
      </c>
      <c r="F9" s="241"/>
      <c r="G9" s="82">
        <v>761</v>
      </c>
      <c r="H9" s="82">
        <v>560</v>
      </c>
      <c r="I9" s="82">
        <v>381</v>
      </c>
      <c r="J9" s="82">
        <v>330</v>
      </c>
      <c r="K9" s="82">
        <v>223</v>
      </c>
      <c r="L9" s="84">
        <v>2255</v>
      </c>
      <c r="M9" s="85">
        <v>3068</v>
      </c>
      <c r="N9" s="70">
        <v>16</v>
      </c>
      <c r="O9" s="71">
        <v>21</v>
      </c>
      <c r="P9" s="72">
        <v>37</v>
      </c>
      <c r="Q9" s="244"/>
      <c r="R9" s="71">
        <v>16</v>
      </c>
      <c r="S9" s="71">
        <v>21</v>
      </c>
      <c r="T9" s="71">
        <v>13</v>
      </c>
      <c r="U9" s="71">
        <v>17</v>
      </c>
      <c r="V9" s="71">
        <v>14</v>
      </c>
      <c r="W9" s="72">
        <v>81</v>
      </c>
      <c r="X9" s="73">
        <v>118</v>
      </c>
      <c r="Y9" s="70">
        <v>40</v>
      </c>
      <c r="Z9" s="71">
        <v>29</v>
      </c>
      <c r="AA9" s="72">
        <v>69</v>
      </c>
      <c r="AB9" s="244"/>
      <c r="AC9" s="71">
        <v>56</v>
      </c>
      <c r="AD9" s="71">
        <v>47</v>
      </c>
      <c r="AE9" s="71">
        <v>34</v>
      </c>
      <c r="AF9" s="71">
        <v>21</v>
      </c>
      <c r="AG9" s="71">
        <v>22</v>
      </c>
      <c r="AH9" s="72">
        <v>180</v>
      </c>
      <c r="AI9" s="73">
        <v>249</v>
      </c>
      <c r="AJ9" s="70">
        <v>44</v>
      </c>
      <c r="AK9" s="71">
        <v>54</v>
      </c>
      <c r="AL9" s="72">
        <v>98</v>
      </c>
      <c r="AM9" s="244"/>
      <c r="AN9" s="71">
        <v>93</v>
      </c>
      <c r="AO9" s="71">
        <v>78</v>
      </c>
      <c r="AP9" s="71">
        <v>51</v>
      </c>
      <c r="AQ9" s="71">
        <v>41</v>
      </c>
      <c r="AR9" s="71">
        <v>37</v>
      </c>
      <c r="AS9" s="72">
        <v>300</v>
      </c>
      <c r="AT9" s="73">
        <v>398</v>
      </c>
      <c r="AU9" s="70">
        <v>76</v>
      </c>
      <c r="AV9" s="71">
        <v>87</v>
      </c>
      <c r="AW9" s="72">
        <v>163</v>
      </c>
      <c r="AX9" s="244"/>
      <c r="AY9" s="71">
        <v>169</v>
      </c>
      <c r="AZ9" s="71">
        <v>110</v>
      </c>
      <c r="BA9" s="71">
        <v>73</v>
      </c>
      <c r="BB9" s="71">
        <v>60</v>
      </c>
      <c r="BC9" s="71">
        <v>40</v>
      </c>
      <c r="BD9" s="72">
        <v>452</v>
      </c>
      <c r="BE9" s="73">
        <v>615</v>
      </c>
      <c r="BF9" s="70">
        <v>131</v>
      </c>
      <c r="BG9" s="71">
        <v>107</v>
      </c>
      <c r="BH9" s="72">
        <v>238</v>
      </c>
      <c r="BI9" s="244"/>
      <c r="BJ9" s="71">
        <v>218</v>
      </c>
      <c r="BK9" s="71">
        <v>135</v>
      </c>
      <c r="BL9" s="71">
        <v>92</v>
      </c>
      <c r="BM9" s="71">
        <v>86</v>
      </c>
      <c r="BN9" s="71">
        <v>54</v>
      </c>
      <c r="BO9" s="72">
        <v>585</v>
      </c>
      <c r="BP9" s="73">
        <v>823</v>
      </c>
      <c r="BQ9" s="70">
        <v>108</v>
      </c>
      <c r="BR9" s="71">
        <v>100</v>
      </c>
      <c r="BS9" s="72">
        <v>208</v>
      </c>
      <c r="BT9" s="244"/>
      <c r="BU9" s="71">
        <v>209</v>
      </c>
      <c r="BV9" s="71">
        <v>169</v>
      </c>
      <c r="BW9" s="71">
        <v>118</v>
      </c>
      <c r="BX9" s="71">
        <v>105</v>
      </c>
      <c r="BY9" s="71">
        <v>56</v>
      </c>
      <c r="BZ9" s="72">
        <v>657</v>
      </c>
      <c r="CA9" s="73">
        <v>865</v>
      </c>
      <c r="CB9" s="70">
        <v>0</v>
      </c>
      <c r="CC9" s="71">
        <v>0</v>
      </c>
      <c r="CD9" s="72">
        <v>0</v>
      </c>
      <c r="CE9" s="244"/>
      <c r="CF9" s="71">
        <v>0</v>
      </c>
      <c r="CG9" s="71">
        <v>0</v>
      </c>
      <c r="CH9" s="71">
        <v>0</v>
      </c>
      <c r="CI9" s="71">
        <v>0</v>
      </c>
      <c r="CJ9" s="71">
        <v>0</v>
      </c>
      <c r="CK9" s="72">
        <v>0</v>
      </c>
      <c r="CL9" s="73">
        <v>0</v>
      </c>
      <c r="CM9" s="70">
        <v>415</v>
      </c>
      <c r="CN9" s="71">
        <v>398</v>
      </c>
      <c r="CO9" s="72">
        <v>813</v>
      </c>
      <c r="CP9" s="244"/>
      <c r="CQ9" s="71">
        <v>761</v>
      </c>
      <c r="CR9" s="71">
        <v>560</v>
      </c>
      <c r="CS9" s="71">
        <v>381</v>
      </c>
      <c r="CT9" s="71">
        <v>330</v>
      </c>
      <c r="CU9" s="71">
        <v>223</v>
      </c>
      <c r="CV9" s="72">
        <v>2255</v>
      </c>
      <c r="CW9" s="73">
        <v>3068</v>
      </c>
      <c r="CX9" s="123">
        <v>204</v>
      </c>
      <c r="CY9" s="82">
        <v>236</v>
      </c>
      <c r="CZ9" s="83">
        <v>440</v>
      </c>
      <c r="DA9" s="241"/>
      <c r="DB9" s="82">
        <v>375</v>
      </c>
      <c r="DC9" s="82">
        <v>275</v>
      </c>
      <c r="DD9" s="82">
        <v>195</v>
      </c>
      <c r="DE9" s="82">
        <v>200</v>
      </c>
      <c r="DF9" s="82">
        <v>125</v>
      </c>
      <c r="DG9" s="84">
        <v>1170</v>
      </c>
      <c r="DH9" s="85">
        <v>1610</v>
      </c>
      <c r="DI9" s="70">
        <v>3</v>
      </c>
      <c r="DJ9" s="71">
        <v>7</v>
      </c>
      <c r="DK9" s="72">
        <v>10</v>
      </c>
      <c r="DL9" s="244"/>
      <c r="DM9" s="71">
        <v>4</v>
      </c>
      <c r="DN9" s="71">
        <v>5</v>
      </c>
      <c r="DO9" s="71">
        <v>6</v>
      </c>
      <c r="DP9" s="71">
        <v>2</v>
      </c>
      <c r="DQ9" s="71">
        <v>2</v>
      </c>
      <c r="DR9" s="72">
        <v>19</v>
      </c>
      <c r="DS9" s="73">
        <v>29</v>
      </c>
      <c r="DT9" s="70">
        <v>12</v>
      </c>
      <c r="DU9" s="71">
        <v>18</v>
      </c>
      <c r="DV9" s="72">
        <v>30</v>
      </c>
      <c r="DW9" s="244"/>
      <c r="DX9" s="71">
        <v>21</v>
      </c>
      <c r="DY9" s="71">
        <v>20</v>
      </c>
      <c r="DZ9" s="71">
        <v>8</v>
      </c>
      <c r="EA9" s="71">
        <v>10</v>
      </c>
      <c r="EB9" s="71">
        <v>2</v>
      </c>
      <c r="EC9" s="72">
        <v>61</v>
      </c>
      <c r="ED9" s="73">
        <v>91</v>
      </c>
      <c r="EE9" s="70">
        <v>27</v>
      </c>
      <c r="EF9" s="71">
        <v>28</v>
      </c>
      <c r="EG9" s="72">
        <v>55</v>
      </c>
      <c r="EH9" s="244"/>
      <c r="EI9" s="71">
        <v>48</v>
      </c>
      <c r="EJ9" s="71">
        <v>27</v>
      </c>
      <c r="EK9" s="71">
        <v>21</v>
      </c>
      <c r="EL9" s="71">
        <v>18</v>
      </c>
      <c r="EM9" s="71">
        <v>13</v>
      </c>
      <c r="EN9" s="72">
        <v>127</v>
      </c>
      <c r="EO9" s="73">
        <v>182</v>
      </c>
      <c r="EP9" s="70">
        <v>58</v>
      </c>
      <c r="EQ9" s="71">
        <v>47</v>
      </c>
      <c r="ER9" s="72">
        <v>105</v>
      </c>
      <c r="ES9" s="244"/>
      <c r="ET9" s="71">
        <v>73</v>
      </c>
      <c r="EU9" s="71">
        <v>54</v>
      </c>
      <c r="EV9" s="71">
        <v>28</v>
      </c>
      <c r="EW9" s="71">
        <v>27</v>
      </c>
      <c r="EX9" s="71">
        <v>22</v>
      </c>
      <c r="EY9" s="72">
        <v>204</v>
      </c>
      <c r="EZ9" s="73">
        <v>309</v>
      </c>
      <c r="FA9" s="70">
        <v>59</v>
      </c>
      <c r="FB9" s="71">
        <v>77</v>
      </c>
      <c r="FC9" s="72">
        <v>136</v>
      </c>
      <c r="FD9" s="244"/>
      <c r="FE9" s="71">
        <v>109</v>
      </c>
      <c r="FF9" s="71">
        <v>71</v>
      </c>
      <c r="FG9" s="71">
        <v>51</v>
      </c>
      <c r="FH9" s="71">
        <v>48</v>
      </c>
      <c r="FI9" s="71">
        <v>29</v>
      </c>
      <c r="FJ9" s="72">
        <v>308</v>
      </c>
      <c r="FK9" s="73">
        <v>444</v>
      </c>
      <c r="FL9" s="70">
        <v>45</v>
      </c>
      <c r="FM9" s="71">
        <v>59</v>
      </c>
      <c r="FN9" s="72">
        <v>104</v>
      </c>
      <c r="FO9" s="244"/>
      <c r="FP9" s="71">
        <v>120</v>
      </c>
      <c r="FQ9" s="71">
        <v>98</v>
      </c>
      <c r="FR9" s="71">
        <v>81</v>
      </c>
      <c r="FS9" s="71">
        <v>95</v>
      </c>
      <c r="FT9" s="71">
        <v>57</v>
      </c>
      <c r="FU9" s="72">
        <v>451</v>
      </c>
      <c r="FV9" s="73">
        <v>555</v>
      </c>
      <c r="FW9" s="70">
        <v>0</v>
      </c>
      <c r="FX9" s="71">
        <v>0</v>
      </c>
      <c r="FY9" s="72">
        <v>0</v>
      </c>
      <c r="FZ9" s="244"/>
      <c r="GA9" s="71">
        <v>0</v>
      </c>
      <c r="GB9" s="71">
        <v>0</v>
      </c>
      <c r="GC9" s="71">
        <v>0</v>
      </c>
      <c r="GD9" s="71">
        <v>0</v>
      </c>
      <c r="GE9" s="71">
        <v>0</v>
      </c>
      <c r="GF9" s="72">
        <v>0</v>
      </c>
      <c r="GG9" s="73">
        <v>0</v>
      </c>
      <c r="GH9" s="70">
        <v>204</v>
      </c>
      <c r="GI9" s="71">
        <v>236</v>
      </c>
      <c r="GJ9" s="72">
        <v>440</v>
      </c>
      <c r="GK9" s="244"/>
      <c r="GL9" s="71">
        <v>375</v>
      </c>
      <c r="GM9" s="71">
        <v>275</v>
      </c>
      <c r="GN9" s="71">
        <v>195</v>
      </c>
      <c r="GO9" s="71">
        <v>200</v>
      </c>
      <c r="GP9" s="71">
        <v>125</v>
      </c>
      <c r="GQ9" s="72">
        <v>1170</v>
      </c>
      <c r="GR9" s="73">
        <v>1610</v>
      </c>
      <c r="GS9" s="123">
        <v>619</v>
      </c>
      <c r="GT9" s="82">
        <v>634</v>
      </c>
      <c r="GU9" s="83">
        <v>1253</v>
      </c>
      <c r="GV9" s="241"/>
      <c r="GW9" s="82">
        <v>1136</v>
      </c>
      <c r="GX9" s="82">
        <v>835</v>
      </c>
      <c r="GY9" s="82">
        <v>576</v>
      </c>
      <c r="GZ9" s="82">
        <v>530</v>
      </c>
      <c r="HA9" s="82">
        <v>348</v>
      </c>
      <c r="HB9" s="84">
        <v>3425</v>
      </c>
      <c r="HC9" s="85">
        <v>4678</v>
      </c>
      <c r="HD9" s="70">
        <v>19</v>
      </c>
      <c r="HE9" s="71">
        <v>28</v>
      </c>
      <c r="HF9" s="72">
        <v>47</v>
      </c>
      <c r="HG9" s="244"/>
      <c r="HH9" s="71">
        <v>20</v>
      </c>
      <c r="HI9" s="71">
        <v>26</v>
      </c>
      <c r="HJ9" s="71">
        <v>19</v>
      </c>
      <c r="HK9" s="71">
        <v>19</v>
      </c>
      <c r="HL9" s="71">
        <v>16</v>
      </c>
      <c r="HM9" s="72">
        <v>100</v>
      </c>
      <c r="HN9" s="73">
        <v>147</v>
      </c>
      <c r="HO9" s="70">
        <v>52</v>
      </c>
      <c r="HP9" s="71">
        <v>47</v>
      </c>
      <c r="HQ9" s="72">
        <v>99</v>
      </c>
      <c r="HR9" s="244"/>
      <c r="HS9" s="71">
        <v>77</v>
      </c>
      <c r="HT9" s="71">
        <v>67</v>
      </c>
      <c r="HU9" s="71">
        <v>42</v>
      </c>
      <c r="HV9" s="71">
        <v>31</v>
      </c>
      <c r="HW9" s="71">
        <v>24</v>
      </c>
      <c r="HX9" s="72">
        <v>241</v>
      </c>
      <c r="HY9" s="73">
        <v>340</v>
      </c>
      <c r="HZ9" s="70">
        <v>71</v>
      </c>
      <c r="IA9" s="71">
        <v>82</v>
      </c>
      <c r="IB9" s="72">
        <v>153</v>
      </c>
      <c r="IC9" s="244"/>
      <c r="ID9" s="71">
        <v>141</v>
      </c>
      <c r="IE9" s="71">
        <v>105</v>
      </c>
      <c r="IF9" s="71">
        <v>72</v>
      </c>
      <c r="IG9" s="71">
        <v>59</v>
      </c>
      <c r="IH9" s="71">
        <v>50</v>
      </c>
      <c r="II9" s="72">
        <v>427</v>
      </c>
      <c r="IJ9" s="73">
        <v>580</v>
      </c>
      <c r="IK9" s="70">
        <v>134</v>
      </c>
      <c r="IL9" s="71">
        <v>134</v>
      </c>
      <c r="IM9" s="72">
        <v>268</v>
      </c>
      <c r="IN9" s="244"/>
      <c r="IO9" s="71">
        <v>242</v>
      </c>
      <c r="IP9" s="71">
        <v>164</v>
      </c>
      <c r="IQ9" s="71">
        <v>101</v>
      </c>
      <c r="IR9" s="71">
        <v>87</v>
      </c>
      <c r="IS9" s="71">
        <v>62</v>
      </c>
      <c r="IT9" s="72">
        <v>656</v>
      </c>
      <c r="IU9" s="73">
        <v>924</v>
      </c>
      <c r="IV9" s="70">
        <v>190</v>
      </c>
      <c r="IW9" s="71">
        <v>184</v>
      </c>
      <c r="IX9" s="72">
        <v>374</v>
      </c>
      <c r="IY9" s="244"/>
      <c r="IZ9" s="71">
        <v>327</v>
      </c>
      <c r="JA9" s="71">
        <v>206</v>
      </c>
      <c r="JB9" s="71">
        <v>143</v>
      </c>
      <c r="JC9" s="71">
        <v>134</v>
      </c>
      <c r="JD9" s="71">
        <v>83</v>
      </c>
      <c r="JE9" s="72">
        <v>893</v>
      </c>
      <c r="JF9" s="73">
        <v>1267</v>
      </c>
      <c r="JG9" s="70">
        <v>153</v>
      </c>
      <c r="JH9" s="71">
        <v>159</v>
      </c>
      <c r="JI9" s="72">
        <v>312</v>
      </c>
      <c r="JJ9" s="244"/>
      <c r="JK9" s="71">
        <v>329</v>
      </c>
      <c r="JL9" s="71">
        <v>267</v>
      </c>
      <c r="JM9" s="71">
        <v>199</v>
      </c>
      <c r="JN9" s="71">
        <v>200</v>
      </c>
      <c r="JO9" s="71">
        <v>113</v>
      </c>
      <c r="JP9" s="72">
        <v>1108</v>
      </c>
      <c r="JQ9" s="73">
        <v>1420</v>
      </c>
      <c r="JR9" s="70">
        <v>0</v>
      </c>
      <c r="JS9" s="71">
        <v>0</v>
      </c>
      <c r="JT9" s="72">
        <v>0</v>
      </c>
      <c r="JU9" s="244"/>
      <c r="JV9" s="71">
        <v>0</v>
      </c>
      <c r="JW9" s="71">
        <v>0</v>
      </c>
      <c r="JX9" s="71">
        <v>0</v>
      </c>
      <c r="JY9" s="71">
        <v>0</v>
      </c>
      <c r="JZ9" s="71">
        <v>0</v>
      </c>
      <c r="KA9" s="72">
        <v>0</v>
      </c>
      <c r="KB9" s="73">
        <v>0</v>
      </c>
      <c r="KC9" s="70">
        <v>619</v>
      </c>
      <c r="KD9" s="71">
        <v>634</v>
      </c>
      <c r="KE9" s="72">
        <v>1253</v>
      </c>
      <c r="KF9" s="244"/>
      <c r="KG9" s="71">
        <v>1136</v>
      </c>
      <c r="KH9" s="71">
        <v>835</v>
      </c>
      <c r="KI9" s="71">
        <v>576</v>
      </c>
      <c r="KJ9" s="71">
        <v>530</v>
      </c>
      <c r="KK9" s="71">
        <v>348</v>
      </c>
      <c r="KL9" s="72">
        <v>3425</v>
      </c>
      <c r="KM9" s="73">
        <v>4678</v>
      </c>
    </row>
    <row r="10" spans="2:299" ht="21" customHeight="1" x14ac:dyDescent="0.2">
      <c r="B10" s="126" t="s">
        <v>14</v>
      </c>
      <c r="C10" s="313">
        <v>188</v>
      </c>
      <c r="D10" s="82">
        <v>207</v>
      </c>
      <c r="E10" s="83">
        <v>395</v>
      </c>
      <c r="F10" s="241"/>
      <c r="G10" s="82">
        <v>263</v>
      </c>
      <c r="H10" s="82">
        <v>259</v>
      </c>
      <c r="I10" s="82">
        <v>166</v>
      </c>
      <c r="J10" s="82">
        <v>138</v>
      </c>
      <c r="K10" s="82">
        <v>94</v>
      </c>
      <c r="L10" s="84">
        <v>920</v>
      </c>
      <c r="M10" s="85">
        <v>1315</v>
      </c>
      <c r="N10" s="70">
        <v>5</v>
      </c>
      <c r="O10" s="71">
        <v>7</v>
      </c>
      <c r="P10" s="72">
        <v>12</v>
      </c>
      <c r="Q10" s="244"/>
      <c r="R10" s="71">
        <v>7</v>
      </c>
      <c r="S10" s="71">
        <v>13</v>
      </c>
      <c r="T10" s="71">
        <v>4</v>
      </c>
      <c r="U10" s="71">
        <v>7</v>
      </c>
      <c r="V10" s="71">
        <v>14</v>
      </c>
      <c r="W10" s="72">
        <v>45</v>
      </c>
      <c r="X10" s="73">
        <v>57</v>
      </c>
      <c r="Y10" s="70">
        <v>20</v>
      </c>
      <c r="Z10" s="71">
        <v>22</v>
      </c>
      <c r="AA10" s="72">
        <v>42</v>
      </c>
      <c r="AB10" s="244"/>
      <c r="AC10" s="71">
        <v>22</v>
      </c>
      <c r="AD10" s="71">
        <v>22</v>
      </c>
      <c r="AE10" s="71">
        <v>17</v>
      </c>
      <c r="AF10" s="71">
        <v>9</v>
      </c>
      <c r="AG10" s="71">
        <v>10</v>
      </c>
      <c r="AH10" s="72">
        <v>80</v>
      </c>
      <c r="AI10" s="73">
        <v>122</v>
      </c>
      <c r="AJ10" s="70">
        <v>21</v>
      </c>
      <c r="AK10" s="71">
        <v>37</v>
      </c>
      <c r="AL10" s="72">
        <v>58</v>
      </c>
      <c r="AM10" s="244"/>
      <c r="AN10" s="71">
        <v>39</v>
      </c>
      <c r="AO10" s="71">
        <v>41</v>
      </c>
      <c r="AP10" s="71">
        <v>14</v>
      </c>
      <c r="AQ10" s="71">
        <v>20</v>
      </c>
      <c r="AR10" s="71">
        <v>12</v>
      </c>
      <c r="AS10" s="72">
        <v>126</v>
      </c>
      <c r="AT10" s="73">
        <v>184</v>
      </c>
      <c r="AU10" s="70">
        <v>42</v>
      </c>
      <c r="AV10" s="71">
        <v>47</v>
      </c>
      <c r="AW10" s="72">
        <v>89</v>
      </c>
      <c r="AX10" s="244"/>
      <c r="AY10" s="71">
        <v>57</v>
      </c>
      <c r="AZ10" s="71">
        <v>53</v>
      </c>
      <c r="BA10" s="71">
        <v>38</v>
      </c>
      <c r="BB10" s="71">
        <v>27</v>
      </c>
      <c r="BC10" s="71">
        <v>20</v>
      </c>
      <c r="BD10" s="72">
        <v>195</v>
      </c>
      <c r="BE10" s="73">
        <v>284</v>
      </c>
      <c r="BF10" s="70">
        <v>61</v>
      </c>
      <c r="BG10" s="71">
        <v>46</v>
      </c>
      <c r="BH10" s="72">
        <v>107</v>
      </c>
      <c r="BI10" s="244"/>
      <c r="BJ10" s="71">
        <v>81</v>
      </c>
      <c r="BK10" s="71">
        <v>65</v>
      </c>
      <c r="BL10" s="71">
        <v>57</v>
      </c>
      <c r="BM10" s="71">
        <v>37</v>
      </c>
      <c r="BN10" s="71">
        <v>19</v>
      </c>
      <c r="BO10" s="72">
        <v>259</v>
      </c>
      <c r="BP10" s="73">
        <v>366</v>
      </c>
      <c r="BQ10" s="70">
        <v>39</v>
      </c>
      <c r="BR10" s="71">
        <v>48</v>
      </c>
      <c r="BS10" s="72">
        <v>87</v>
      </c>
      <c r="BT10" s="244"/>
      <c r="BU10" s="71">
        <v>57</v>
      </c>
      <c r="BV10" s="71">
        <v>65</v>
      </c>
      <c r="BW10" s="71">
        <v>36</v>
      </c>
      <c r="BX10" s="71">
        <v>38</v>
      </c>
      <c r="BY10" s="71">
        <v>19</v>
      </c>
      <c r="BZ10" s="72">
        <v>215</v>
      </c>
      <c r="CA10" s="73">
        <v>302</v>
      </c>
      <c r="CB10" s="70">
        <v>0</v>
      </c>
      <c r="CC10" s="71">
        <v>0</v>
      </c>
      <c r="CD10" s="72">
        <v>0</v>
      </c>
      <c r="CE10" s="244"/>
      <c r="CF10" s="71">
        <v>0</v>
      </c>
      <c r="CG10" s="71">
        <v>0</v>
      </c>
      <c r="CH10" s="71">
        <v>0</v>
      </c>
      <c r="CI10" s="71">
        <v>0</v>
      </c>
      <c r="CJ10" s="71">
        <v>0</v>
      </c>
      <c r="CK10" s="72">
        <v>0</v>
      </c>
      <c r="CL10" s="73">
        <v>0</v>
      </c>
      <c r="CM10" s="70">
        <v>188</v>
      </c>
      <c r="CN10" s="71">
        <v>207</v>
      </c>
      <c r="CO10" s="72">
        <v>395</v>
      </c>
      <c r="CP10" s="244"/>
      <c r="CQ10" s="71">
        <v>263</v>
      </c>
      <c r="CR10" s="71">
        <v>259</v>
      </c>
      <c r="CS10" s="71">
        <v>166</v>
      </c>
      <c r="CT10" s="71">
        <v>138</v>
      </c>
      <c r="CU10" s="71">
        <v>94</v>
      </c>
      <c r="CV10" s="72">
        <v>920</v>
      </c>
      <c r="CW10" s="73">
        <v>1315</v>
      </c>
      <c r="CX10" s="123">
        <v>57</v>
      </c>
      <c r="CY10" s="82">
        <v>92</v>
      </c>
      <c r="CZ10" s="83">
        <v>149</v>
      </c>
      <c r="DA10" s="241"/>
      <c r="DB10" s="82">
        <v>99</v>
      </c>
      <c r="DC10" s="82">
        <v>116</v>
      </c>
      <c r="DD10" s="82">
        <v>85</v>
      </c>
      <c r="DE10" s="82">
        <v>65</v>
      </c>
      <c r="DF10" s="82">
        <v>51</v>
      </c>
      <c r="DG10" s="84">
        <v>416</v>
      </c>
      <c r="DH10" s="85">
        <v>565</v>
      </c>
      <c r="DI10" s="70">
        <v>0</v>
      </c>
      <c r="DJ10" s="71">
        <v>3</v>
      </c>
      <c r="DK10" s="72">
        <v>3</v>
      </c>
      <c r="DL10" s="244"/>
      <c r="DM10" s="71">
        <v>0</v>
      </c>
      <c r="DN10" s="71">
        <v>2</v>
      </c>
      <c r="DO10" s="71">
        <v>1</v>
      </c>
      <c r="DP10" s="71">
        <v>0</v>
      </c>
      <c r="DQ10" s="71">
        <v>1</v>
      </c>
      <c r="DR10" s="72">
        <v>4</v>
      </c>
      <c r="DS10" s="73">
        <v>7</v>
      </c>
      <c r="DT10" s="70">
        <v>4</v>
      </c>
      <c r="DU10" s="71">
        <v>7</v>
      </c>
      <c r="DV10" s="72">
        <v>11</v>
      </c>
      <c r="DW10" s="244"/>
      <c r="DX10" s="71">
        <v>7</v>
      </c>
      <c r="DY10" s="71">
        <v>6</v>
      </c>
      <c r="DZ10" s="71">
        <v>6</v>
      </c>
      <c r="EA10" s="71">
        <v>0</v>
      </c>
      <c r="EB10" s="71">
        <v>1</v>
      </c>
      <c r="EC10" s="72">
        <v>20</v>
      </c>
      <c r="ED10" s="73">
        <v>31</v>
      </c>
      <c r="EE10" s="70">
        <v>12</v>
      </c>
      <c r="EF10" s="71">
        <v>16</v>
      </c>
      <c r="EG10" s="72">
        <v>28</v>
      </c>
      <c r="EH10" s="244"/>
      <c r="EI10" s="71">
        <v>9</v>
      </c>
      <c r="EJ10" s="71">
        <v>12</v>
      </c>
      <c r="EK10" s="71">
        <v>11</v>
      </c>
      <c r="EL10" s="71">
        <v>5</v>
      </c>
      <c r="EM10" s="71">
        <v>4</v>
      </c>
      <c r="EN10" s="72">
        <v>41</v>
      </c>
      <c r="EO10" s="73">
        <v>69</v>
      </c>
      <c r="EP10" s="70">
        <v>17</v>
      </c>
      <c r="EQ10" s="71">
        <v>23</v>
      </c>
      <c r="ER10" s="72">
        <v>40</v>
      </c>
      <c r="ES10" s="244"/>
      <c r="ET10" s="71">
        <v>23</v>
      </c>
      <c r="EU10" s="71">
        <v>20</v>
      </c>
      <c r="EV10" s="71">
        <v>13</v>
      </c>
      <c r="EW10" s="71">
        <v>8</v>
      </c>
      <c r="EX10" s="71">
        <v>11</v>
      </c>
      <c r="EY10" s="72">
        <v>75</v>
      </c>
      <c r="EZ10" s="73">
        <v>115</v>
      </c>
      <c r="FA10" s="70">
        <v>16</v>
      </c>
      <c r="FB10" s="71">
        <v>27</v>
      </c>
      <c r="FC10" s="72">
        <v>43</v>
      </c>
      <c r="FD10" s="244"/>
      <c r="FE10" s="71">
        <v>27</v>
      </c>
      <c r="FF10" s="71">
        <v>29</v>
      </c>
      <c r="FG10" s="71">
        <v>15</v>
      </c>
      <c r="FH10" s="71">
        <v>18</v>
      </c>
      <c r="FI10" s="71">
        <v>14</v>
      </c>
      <c r="FJ10" s="72">
        <v>103</v>
      </c>
      <c r="FK10" s="73">
        <v>146</v>
      </c>
      <c r="FL10" s="70">
        <v>8</v>
      </c>
      <c r="FM10" s="71">
        <v>16</v>
      </c>
      <c r="FN10" s="72">
        <v>24</v>
      </c>
      <c r="FO10" s="244"/>
      <c r="FP10" s="71">
        <v>33</v>
      </c>
      <c r="FQ10" s="71">
        <v>47</v>
      </c>
      <c r="FR10" s="71">
        <v>39</v>
      </c>
      <c r="FS10" s="71">
        <v>34</v>
      </c>
      <c r="FT10" s="71">
        <v>20</v>
      </c>
      <c r="FU10" s="72">
        <v>173</v>
      </c>
      <c r="FV10" s="73">
        <v>197</v>
      </c>
      <c r="FW10" s="70">
        <v>0</v>
      </c>
      <c r="FX10" s="71">
        <v>0</v>
      </c>
      <c r="FY10" s="72">
        <v>0</v>
      </c>
      <c r="FZ10" s="244"/>
      <c r="GA10" s="71">
        <v>0</v>
      </c>
      <c r="GB10" s="71">
        <v>0</v>
      </c>
      <c r="GC10" s="71">
        <v>0</v>
      </c>
      <c r="GD10" s="71">
        <v>0</v>
      </c>
      <c r="GE10" s="71">
        <v>0</v>
      </c>
      <c r="GF10" s="72">
        <v>0</v>
      </c>
      <c r="GG10" s="73">
        <v>0</v>
      </c>
      <c r="GH10" s="70">
        <v>57</v>
      </c>
      <c r="GI10" s="71">
        <v>92</v>
      </c>
      <c r="GJ10" s="72">
        <v>149</v>
      </c>
      <c r="GK10" s="244"/>
      <c r="GL10" s="71">
        <v>99</v>
      </c>
      <c r="GM10" s="71">
        <v>116</v>
      </c>
      <c r="GN10" s="71">
        <v>85</v>
      </c>
      <c r="GO10" s="71">
        <v>65</v>
      </c>
      <c r="GP10" s="71">
        <v>51</v>
      </c>
      <c r="GQ10" s="72">
        <v>416</v>
      </c>
      <c r="GR10" s="73">
        <v>565</v>
      </c>
      <c r="GS10" s="123">
        <v>245</v>
      </c>
      <c r="GT10" s="82">
        <v>299</v>
      </c>
      <c r="GU10" s="83">
        <v>544</v>
      </c>
      <c r="GV10" s="241"/>
      <c r="GW10" s="82">
        <v>362</v>
      </c>
      <c r="GX10" s="82">
        <v>375</v>
      </c>
      <c r="GY10" s="82">
        <v>251</v>
      </c>
      <c r="GZ10" s="82">
        <v>203</v>
      </c>
      <c r="HA10" s="82">
        <v>145</v>
      </c>
      <c r="HB10" s="84">
        <v>1336</v>
      </c>
      <c r="HC10" s="85">
        <v>1880</v>
      </c>
      <c r="HD10" s="70">
        <v>5</v>
      </c>
      <c r="HE10" s="71">
        <v>10</v>
      </c>
      <c r="HF10" s="72">
        <v>15</v>
      </c>
      <c r="HG10" s="244"/>
      <c r="HH10" s="71">
        <v>7</v>
      </c>
      <c r="HI10" s="71">
        <v>15</v>
      </c>
      <c r="HJ10" s="71">
        <v>5</v>
      </c>
      <c r="HK10" s="71">
        <v>7</v>
      </c>
      <c r="HL10" s="71">
        <v>15</v>
      </c>
      <c r="HM10" s="72">
        <v>49</v>
      </c>
      <c r="HN10" s="73">
        <v>64</v>
      </c>
      <c r="HO10" s="70">
        <v>24</v>
      </c>
      <c r="HP10" s="71">
        <v>29</v>
      </c>
      <c r="HQ10" s="72">
        <v>53</v>
      </c>
      <c r="HR10" s="244"/>
      <c r="HS10" s="71">
        <v>29</v>
      </c>
      <c r="HT10" s="71">
        <v>28</v>
      </c>
      <c r="HU10" s="71">
        <v>23</v>
      </c>
      <c r="HV10" s="71">
        <v>9</v>
      </c>
      <c r="HW10" s="71">
        <v>11</v>
      </c>
      <c r="HX10" s="72">
        <v>100</v>
      </c>
      <c r="HY10" s="73">
        <v>153</v>
      </c>
      <c r="HZ10" s="70">
        <v>33</v>
      </c>
      <c r="IA10" s="71">
        <v>53</v>
      </c>
      <c r="IB10" s="72">
        <v>86</v>
      </c>
      <c r="IC10" s="244"/>
      <c r="ID10" s="71">
        <v>48</v>
      </c>
      <c r="IE10" s="71">
        <v>53</v>
      </c>
      <c r="IF10" s="71">
        <v>25</v>
      </c>
      <c r="IG10" s="71">
        <v>25</v>
      </c>
      <c r="IH10" s="71">
        <v>16</v>
      </c>
      <c r="II10" s="72">
        <v>167</v>
      </c>
      <c r="IJ10" s="73">
        <v>253</v>
      </c>
      <c r="IK10" s="70">
        <v>59</v>
      </c>
      <c r="IL10" s="71">
        <v>70</v>
      </c>
      <c r="IM10" s="72">
        <v>129</v>
      </c>
      <c r="IN10" s="244"/>
      <c r="IO10" s="71">
        <v>80</v>
      </c>
      <c r="IP10" s="71">
        <v>73</v>
      </c>
      <c r="IQ10" s="71">
        <v>51</v>
      </c>
      <c r="IR10" s="71">
        <v>35</v>
      </c>
      <c r="IS10" s="71">
        <v>31</v>
      </c>
      <c r="IT10" s="72">
        <v>270</v>
      </c>
      <c r="IU10" s="73">
        <v>399</v>
      </c>
      <c r="IV10" s="70">
        <v>77</v>
      </c>
      <c r="IW10" s="71">
        <v>73</v>
      </c>
      <c r="IX10" s="72">
        <v>150</v>
      </c>
      <c r="IY10" s="244"/>
      <c r="IZ10" s="71">
        <v>108</v>
      </c>
      <c r="JA10" s="71">
        <v>94</v>
      </c>
      <c r="JB10" s="71">
        <v>72</v>
      </c>
      <c r="JC10" s="71">
        <v>55</v>
      </c>
      <c r="JD10" s="71">
        <v>33</v>
      </c>
      <c r="JE10" s="72">
        <v>362</v>
      </c>
      <c r="JF10" s="73">
        <v>512</v>
      </c>
      <c r="JG10" s="70">
        <v>47</v>
      </c>
      <c r="JH10" s="71">
        <v>64</v>
      </c>
      <c r="JI10" s="72">
        <v>111</v>
      </c>
      <c r="JJ10" s="244"/>
      <c r="JK10" s="71">
        <v>90</v>
      </c>
      <c r="JL10" s="71">
        <v>112</v>
      </c>
      <c r="JM10" s="71">
        <v>75</v>
      </c>
      <c r="JN10" s="71">
        <v>72</v>
      </c>
      <c r="JO10" s="71">
        <v>39</v>
      </c>
      <c r="JP10" s="72">
        <v>388</v>
      </c>
      <c r="JQ10" s="73">
        <v>499</v>
      </c>
      <c r="JR10" s="70">
        <v>0</v>
      </c>
      <c r="JS10" s="71">
        <v>0</v>
      </c>
      <c r="JT10" s="72">
        <v>0</v>
      </c>
      <c r="JU10" s="244"/>
      <c r="JV10" s="71">
        <v>0</v>
      </c>
      <c r="JW10" s="71">
        <v>0</v>
      </c>
      <c r="JX10" s="71">
        <v>0</v>
      </c>
      <c r="JY10" s="71">
        <v>0</v>
      </c>
      <c r="JZ10" s="71">
        <v>0</v>
      </c>
      <c r="KA10" s="72">
        <v>0</v>
      </c>
      <c r="KB10" s="73">
        <v>0</v>
      </c>
      <c r="KC10" s="70">
        <v>245</v>
      </c>
      <c r="KD10" s="71">
        <v>299</v>
      </c>
      <c r="KE10" s="72">
        <v>544</v>
      </c>
      <c r="KF10" s="244"/>
      <c r="KG10" s="71">
        <v>362</v>
      </c>
      <c r="KH10" s="71">
        <v>375</v>
      </c>
      <c r="KI10" s="71">
        <v>251</v>
      </c>
      <c r="KJ10" s="71">
        <v>203</v>
      </c>
      <c r="KK10" s="71">
        <v>145</v>
      </c>
      <c r="KL10" s="72">
        <v>1336</v>
      </c>
      <c r="KM10" s="73">
        <v>1880</v>
      </c>
    </row>
    <row r="11" spans="2:299" ht="21" customHeight="1" x14ac:dyDescent="0.2">
      <c r="B11" s="126" t="s">
        <v>7</v>
      </c>
      <c r="C11" s="313">
        <v>109</v>
      </c>
      <c r="D11" s="82">
        <v>88</v>
      </c>
      <c r="E11" s="83">
        <v>197</v>
      </c>
      <c r="F11" s="241"/>
      <c r="G11" s="82">
        <v>237</v>
      </c>
      <c r="H11" s="82">
        <v>149</v>
      </c>
      <c r="I11" s="82">
        <v>82</v>
      </c>
      <c r="J11" s="82">
        <v>75</v>
      </c>
      <c r="K11" s="82">
        <v>37</v>
      </c>
      <c r="L11" s="84">
        <v>580</v>
      </c>
      <c r="M11" s="85">
        <v>777</v>
      </c>
      <c r="N11" s="70">
        <v>5</v>
      </c>
      <c r="O11" s="71">
        <v>3</v>
      </c>
      <c r="P11" s="72">
        <v>8</v>
      </c>
      <c r="Q11" s="244"/>
      <c r="R11" s="71">
        <v>4</v>
      </c>
      <c r="S11" s="71">
        <v>5</v>
      </c>
      <c r="T11" s="71">
        <v>5</v>
      </c>
      <c r="U11" s="71">
        <v>4</v>
      </c>
      <c r="V11" s="71">
        <v>3</v>
      </c>
      <c r="W11" s="72">
        <v>21</v>
      </c>
      <c r="X11" s="73">
        <v>29</v>
      </c>
      <c r="Y11" s="70">
        <v>10</v>
      </c>
      <c r="Z11" s="71">
        <v>7</v>
      </c>
      <c r="AA11" s="72">
        <v>17</v>
      </c>
      <c r="AB11" s="244"/>
      <c r="AC11" s="71">
        <v>16</v>
      </c>
      <c r="AD11" s="71">
        <v>12</v>
      </c>
      <c r="AE11" s="71">
        <v>8</v>
      </c>
      <c r="AF11" s="71">
        <v>4</v>
      </c>
      <c r="AG11" s="71">
        <v>5</v>
      </c>
      <c r="AH11" s="72">
        <v>45</v>
      </c>
      <c r="AI11" s="73">
        <v>62</v>
      </c>
      <c r="AJ11" s="70">
        <v>12</v>
      </c>
      <c r="AK11" s="71">
        <v>11</v>
      </c>
      <c r="AL11" s="72">
        <v>23</v>
      </c>
      <c r="AM11" s="244"/>
      <c r="AN11" s="71">
        <v>33</v>
      </c>
      <c r="AO11" s="71">
        <v>17</v>
      </c>
      <c r="AP11" s="71">
        <v>15</v>
      </c>
      <c r="AQ11" s="71">
        <v>13</v>
      </c>
      <c r="AR11" s="71">
        <v>5</v>
      </c>
      <c r="AS11" s="72">
        <v>83</v>
      </c>
      <c r="AT11" s="73">
        <v>106</v>
      </c>
      <c r="AU11" s="70">
        <v>26</v>
      </c>
      <c r="AV11" s="71">
        <v>19</v>
      </c>
      <c r="AW11" s="72">
        <v>45</v>
      </c>
      <c r="AX11" s="244"/>
      <c r="AY11" s="71">
        <v>59</v>
      </c>
      <c r="AZ11" s="71">
        <v>28</v>
      </c>
      <c r="BA11" s="71">
        <v>14</v>
      </c>
      <c r="BB11" s="71">
        <v>10</v>
      </c>
      <c r="BC11" s="71">
        <v>10</v>
      </c>
      <c r="BD11" s="72">
        <v>121</v>
      </c>
      <c r="BE11" s="73">
        <v>166</v>
      </c>
      <c r="BF11" s="70">
        <v>30</v>
      </c>
      <c r="BG11" s="71">
        <v>27</v>
      </c>
      <c r="BH11" s="72">
        <v>57</v>
      </c>
      <c r="BI11" s="244"/>
      <c r="BJ11" s="71">
        <v>71</v>
      </c>
      <c r="BK11" s="71">
        <v>42</v>
      </c>
      <c r="BL11" s="71">
        <v>15</v>
      </c>
      <c r="BM11" s="71">
        <v>21</v>
      </c>
      <c r="BN11" s="71">
        <v>10</v>
      </c>
      <c r="BO11" s="72">
        <v>159</v>
      </c>
      <c r="BP11" s="73">
        <v>216</v>
      </c>
      <c r="BQ11" s="70">
        <v>26</v>
      </c>
      <c r="BR11" s="71">
        <v>21</v>
      </c>
      <c r="BS11" s="72">
        <v>47</v>
      </c>
      <c r="BT11" s="244"/>
      <c r="BU11" s="71">
        <v>54</v>
      </c>
      <c r="BV11" s="71">
        <v>45</v>
      </c>
      <c r="BW11" s="71">
        <v>25</v>
      </c>
      <c r="BX11" s="71">
        <v>23</v>
      </c>
      <c r="BY11" s="71">
        <v>4</v>
      </c>
      <c r="BZ11" s="72">
        <v>151</v>
      </c>
      <c r="CA11" s="73">
        <v>198</v>
      </c>
      <c r="CB11" s="70">
        <v>0</v>
      </c>
      <c r="CC11" s="71">
        <v>0</v>
      </c>
      <c r="CD11" s="72">
        <v>0</v>
      </c>
      <c r="CE11" s="244"/>
      <c r="CF11" s="71">
        <v>0</v>
      </c>
      <c r="CG11" s="71">
        <v>0</v>
      </c>
      <c r="CH11" s="71">
        <v>0</v>
      </c>
      <c r="CI11" s="71">
        <v>0</v>
      </c>
      <c r="CJ11" s="71">
        <v>0</v>
      </c>
      <c r="CK11" s="72">
        <v>0</v>
      </c>
      <c r="CL11" s="73">
        <v>0</v>
      </c>
      <c r="CM11" s="70">
        <v>109</v>
      </c>
      <c r="CN11" s="71">
        <v>88</v>
      </c>
      <c r="CO11" s="72">
        <v>197</v>
      </c>
      <c r="CP11" s="244"/>
      <c r="CQ11" s="71">
        <v>237</v>
      </c>
      <c r="CR11" s="71">
        <v>149</v>
      </c>
      <c r="CS11" s="71">
        <v>82</v>
      </c>
      <c r="CT11" s="71">
        <v>75</v>
      </c>
      <c r="CU11" s="71">
        <v>37</v>
      </c>
      <c r="CV11" s="72">
        <v>580</v>
      </c>
      <c r="CW11" s="73">
        <v>777</v>
      </c>
      <c r="CX11" s="123">
        <v>38</v>
      </c>
      <c r="CY11" s="82">
        <v>42</v>
      </c>
      <c r="CZ11" s="83">
        <v>80</v>
      </c>
      <c r="DA11" s="241"/>
      <c r="DB11" s="82">
        <v>70</v>
      </c>
      <c r="DC11" s="82">
        <v>38</v>
      </c>
      <c r="DD11" s="82">
        <v>33</v>
      </c>
      <c r="DE11" s="82">
        <v>30</v>
      </c>
      <c r="DF11" s="82">
        <v>17</v>
      </c>
      <c r="DG11" s="84">
        <v>188</v>
      </c>
      <c r="DH11" s="85">
        <v>268</v>
      </c>
      <c r="DI11" s="70">
        <v>0</v>
      </c>
      <c r="DJ11" s="71">
        <v>0</v>
      </c>
      <c r="DK11" s="72">
        <v>0</v>
      </c>
      <c r="DL11" s="244"/>
      <c r="DM11" s="71">
        <v>1</v>
      </c>
      <c r="DN11" s="71">
        <v>1</v>
      </c>
      <c r="DO11" s="71">
        <v>4</v>
      </c>
      <c r="DP11" s="71">
        <v>1</v>
      </c>
      <c r="DQ11" s="71">
        <v>1</v>
      </c>
      <c r="DR11" s="72">
        <v>8</v>
      </c>
      <c r="DS11" s="73">
        <v>8</v>
      </c>
      <c r="DT11" s="70">
        <v>1</v>
      </c>
      <c r="DU11" s="71">
        <v>2</v>
      </c>
      <c r="DV11" s="72">
        <v>3</v>
      </c>
      <c r="DW11" s="244"/>
      <c r="DX11" s="71">
        <v>5</v>
      </c>
      <c r="DY11" s="71">
        <v>4</v>
      </c>
      <c r="DZ11" s="71">
        <v>2</v>
      </c>
      <c r="EA11" s="71">
        <v>3</v>
      </c>
      <c r="EB11" s="71">
        <v>2</v>
      </c>
      <c r="EC11" s="72">
        <v>16</v>
      </c>
      <c r="ED11" s="73">
        <v>19</v>
      </c>
      <c r="EE11" s="70">
        <v>5</v>
      </c>
      <c r="EF11" s="71">
        <v>6</v>
      </c>
      <c r="EG11" s="72">
        <v>11</v>
      </c>
      <c r="EH11" s="244"/>
      <c r="EI11" s="71">
        <v>12</v>
      </c>
      <c r="EJ11" s="71">
        <v>7</v>
      </c>
      <c r="EK11" s="71">
        <v>4</v>
      </c>
      <c r="EL11" s="71">
        <v>6</v>
      </c>
      <c r="EM11" s="71">
        <v>3</v>
      </c>
      <c r="EN11" s="72">
        <v>32</v>
      </c>
      <c r="EO11" s="73">
        <v>43</v>
      </c>
      <c r="EP11" s="70">
        <v>12</v>
      </c>
      <c r="EQ11" s="71">
        <v>10</v>
      </c>
      <c r="ER11" s="72">
        <v>22</v>
      </c>
      <c r="ES11" s="244"/>
      <c r="ET11" s="71">
        <v>19</v>
      </c>
      <c r="EU11" s="71">
        <v>9</v>
      </c>
      <c r="EV11" s="71">
        <v>4</v>
      </c>
      <c r="EW11" s="71">
        <v>1</v>
      </c>
      <c r="EX11" s="71">
        <v>2</v>
      </c>
      <c r="EY11" s="72">
        <v>35</v>
      </c>
      <c r="EZ11" s="73">
        <v>57</v>
      </c>
      <c r="FA11" s="70">
        <v>12</v>
      </c>
      <c r="FB11" s="71">
        <v>15</v>
      </c>
      <c r="FC11" s="72">
        <v>27</v>
      </c>
      <c r="FD11" s="244"/>
      <c r="FE11" s="71">
        <v>19</v>
      </c>
      <c r="FF11" s="71">
        <v>4</v>
      </c>
      <c r="FG11" s="71">
        <v>9</v>
      </c>
      <c r="FH11" s="71">
        <v>8</v>
      </c>
      <c r="FI11" s="71">
        <v>4</v>
      </c>
      <c r="FJ11" s="72">
        <v>44</v>
      </c>
      <c r="FK11" s="73">
        <v>71</v>
      </c>
      <c r="FL11" s="70">
        <v>8</v>
      </c>
      <c r="FM11" s="71">
        <v>9</v>
      </c>
      <c r="FN11" s="72">
        <v>17</v>
      </c>
      <c r="FO11" s="244"/>
      <c r="FP11" s="71">
        <v>14</v>
      </c>
      <c r="FQ11" s="71">
        <v>13</v>
      </c>
      <c r="FR11" s="71">
        <v>10</v>
      </c>
      <c r="FS11" s="71">
        <v>11</v>
      </c>
      <c r="FT11" s="71">
        <v>5</v>
      </c>
      <c r="FU11" s="72">
        <v>53</v>
      </c>
      <c r="FV11" s="73">
        <v>70</v>
      </c>
      <c r="FW11" s="70">
        <v>0</v>
      </c>
      <c r="FX11" s="71">
        <v>0</v>
      </c>
      <c r="FY11" s="72">
        <v>0</v>
      </c>
      <c r="FZ11" s="244"/>
      <c r="GA11" s="71">
        <v>0</v>
      </c>
      <c r="GB11" s="71">
        <v>0</v>
      </c>
      <c r="GC11" s="71">
        <v>0</v>
      </c>
      <c r="GD11" s="71">
        <v>0</v>
      </c>
      <c r="GE11" s="71">
        <v>0</v>
      </c>
      <c r="GF11" s="72">
        <v>0</v>
      </c>
      <c r="GG11" s="73">
        <v>0</v>
      </c>
      <c r="GH11" s="70">
        <v>38</v>
      </c>
      <c r="GI11" s="71">
        <v>42</v>
      </c>
      <c r="GJ11" s="72">
        <v>80</v>
      </c>
      <c r="GK11" s="244"/>
      <c r="GL11" s="71">
        <v>70</v>
      </c>
      <c r="GM11" s="71">
        <v>38</v>
      </c>
      <c r="GN11" s="71">
        <v>33</v>
      </c>
      <c r="GO11" s="71">
        <v>30</v>
      </c>
      <c r="GP11" s="71">
        <v>17</v>
      </c>
      <c r="GQ11" s="72">
        <v>188</v>
      </c>
      <c r="GR11" s="73">
        <v>268</v>
      </c>
      <c r="GS11" s="123">
        <v>147</v>
      </c>
      <c r="GT11" s="82">
        <v>130</v>
      </c>
      <c r="GU11" s="83">
        <v>277</v>
      </c>
      <c r="GV11" s="241"/>
      <c r="GW11" s="82">
        <v>307</v>
      </c>
      <c r="GX11" s="82">
        <v>187</v>
      </c>
      <c r="GY11" s="82">
        <v>115</v>
      </c>
      <c r="GZ11" s="82">
        <v>105</v>
      </c>
      <c r="HA11" s="82">
        <v>54</v>
      </c>
      <c r="HB11" s="84">
        <v>768</v>
      </c>
      <c r="HC11" s="85">
        <v>1045</v>
      </c>
      <c r="HD11" s="70">
        <v>5</v>
      </c>
      <c r="HE11" s="71">
        <v>3</v>
      </c>
      <c r="HF11" s="72">
        <v>8</v>
      </c>
      <c r="HG11" s="244"/>
      <c r="HH11" s="71">
        <v>5</v>
      </c>
      <c r="HI11" s="71">
        <v>6</v>
      </c>
      <c r="HJ11" s="71">
        <v>9</v>
      </c>
      <c r="HK11" s="71">
        <v>5</v>
      </c>
      <c r="HL11" s="71">
        <v>4</v>
      </c>
      <c r="HM11" s="72">
        <v>29</v>
      </c>
      <c r="HN11" s="73">
        <v>37</v>
      </c>
      <c r="HO11" s="70">
        <v>11</v>
      </c>
      <c r="HP11" s="71">
        <v>9</v>
      </c>
      <c r="HQ11" s="72">
        <v>20</v>
      </c>
      <c r="HR11" s="244"/>
      <c r="HS11" s="71">
        <v>21</v>
      </c>
      <c r="HT11" s="71">
        <v>16</v>
      </c>
      <c r="HU11" s="71">
        <v>10</v>
      </c>
      <c r="HV11" s="71">
        <v>7</v>
      </c>
      <c r="HW11" s="71">
        <v>7</v>
      </c>
      <c r="HX11" s="72">
        <v>61</v>
      </c>
      <c r="HY11" s="73">
        <v>81</v>
      </c>
      <c r="HZ11" s="70">
        <v>17</v>
      </c>
      <c r="IA11" s="71">
        <v>17</v>
      </c>
      <c r="IB11" s="72">
        <v>34</v>
      </c>
      <c r="IC11" s="244"/>
      <c r="ID11" s="71">
        <v>45</v>
      </c>
      <c r="IE11" s="71">
        <v>24</v>
      </c>
      <c r="IF11" s="71">
        <v>19</v>
      </c>
      <c r="IG11" s="71">
        <v>19</v>
      </c>
      <c r="IH11" s="71">
        <v>8</v>
      </c>
      <c r="II11" s="72">
        <v>115</v>
      </c>
      <c r="IJ11" s="73">
        <v>149</v>
      </c>
      <c r="IK11" s="70">
        <v>38</v>
      </c>
      <c r="IL11" s="71">
        <v>29</v>
      </c>
      <c r="IM11" s="72">
        <v>67</v>
      </c>
      <c r="IN11" s="244"/>
      <c r="IO11" s="71">
        <v>78</v>
      </c>
      <c r="IP11" s="71">
        <v>37</v>
      </c>
      <c r="IQ11" s="71">
        <v>18</v>
      </c>
      <c r="IR11" s="71">
        <v>11</v>
      </c>
      <c r="IS11" s="71">
        <v>12</v>
      </c>
      <c r="IT11" s="72">
        <v>156</v>
      </c>
      <c r="IU11" s="73">
        <v>223</v>
      </c>
      <c r="IV11" s="70">
        <v>42</v>
      </c>
      <c r="IW11" s="71">
        <v>42</v>
      </c>
      <c r="IX11" s="72">
        <v>84</v>
      </c>
      <c r="IY11" s="244"/>
      <c r="IZ11" s="71">
        <v>90</v>
      </c>
      <c r="JA11" s="71">
        <v>46</v>
      </c>
      <c r="JB11" s="71">
        <v>24</v>
      </c>
      <c r="JC11" s="71">
        <v>29</v>
      </c>
      <c r="JD11" s="71">
        <v>14</v>
      </c>
      <c r="JE11" s="72">
        <v>203</v>
      </c>
      <c r="JF11" s="73">
        <v>287</v>
      </c>
      <c r="JG11" s="70">
        <v>34</v>
      </c>
      <c r="JH11" s="71">
        <v>30</v>
      </c>
      <c r="JI11" s="72">
        <v>64</v>
      </c>
      <c r="JJ11" s="244"/>
      <c r="JK11" s="71">
        <v>68</v>
      </c>
      <c r="JL11" s="71">
        <v>58</v>
      </c>
      <c r="JM11" s="71">
        <v>35</v>
      </c>
      <c r="JN11" s="71">
        <v>34</v>
      </c>
      <c r="JO11" s="71">
        <v>9</v>
      </c>
      <c r="JP11" s="72">
        <v>204</v>
      </c>
      <c r="JQ11" s="73">
        <v>268</v>
      </c>
      <c r="JR11" s="70">
        <v>0</v>
      </c>
      <c r="JS11" s="71">
        <v>0</v>
      </c>
      <c r="JT11" s="72">
        <v>0</v>
      </c>
      <c r="JU11" s="244"/>
      <c r="JV11" s="71">
        <v>0</v>
      </c>
      <c r="JW11" s="71">
        <v>0</v>
      </c>
      <c r="JX11" s="71">
        <v>0</v>
      </c>
      <c r="JY11" s="71">
        <v>0</v>
      </c>
      <c r="JZ11" s="71">
        <v>0</v>
      </c>
      <c r="KA11" s="72">
        <v>0</v>
      </c>
      <c r="KB11" s="73">
        <v>0</v>
      </c>
      <c r="KC11" s="70">
        <v>147</v>
      </c>
      <c r="KD11" s="71">
        <v>130</v>
      </c>
      <c r="KE11" s="72">
        <v>277</v>
      </c>
      <c r="KF11" s="244"/>
      <c r="KG11" s="71">
        <v>307</v>
      </c>
      <c r="KH11" s="71">
        <v>187</v>
      </c>
      <c r="KI11" s="71">
        <v>115</v>
      </c>
      <c r="KJ11" s="71">
        <v>105</v>
      </c>
      <c r="KK11" s="71">
        <v>54</v>
      </c>
      <c r="KL11" s="72">
        <v>768</v>
      </c>
      <c r="KM11" s="73">
        <v>1045</v>
      </c>
    </row>
    <row r="12" spans="2:299" ht="21" customHeight="1" x14ac:dyDescent="0.2">
      <c r="B12" s="126" t="s">
        <v>8</v>
      </c>
      <c r="C12" s="313">
        <v>50</v>
      </c>
      <c r="D12" s="82">
        <v>32</v>
      </c>
      <c r="E12" s="83">
        <v>82</v>
      </c>
      <c r="F12" s="241"/>
      <c r="G12" s="82">
        <v>114</v>
      </c>
      <c r="H12" s="82">
        <v>79</v>
      </c>
      <c r="I12" s="82">
        <v>52</v>
      </c>
      <c r="J12" s="82">
        <v>54</v>
      </c>
      <c r="K12" s="82">
        <v>24</v>
      </c>
      <c r="L12" s="84">
        <v>323</v>
      </c>
      <c r="M12" s="85">
        <v>405</v>
      </c>
      <c r="N12" s="70">
        <v>3</v>
      </c>
      <c r="O12" s="71">
        <v>2</v>
      </c>
      <c r="P12" s="72">
        <v>5</v>
      </c>
      <c r="Q12" s="244"/>
      <c r="R12" s="71">
        <v>4</v>
      </c>
      <c r="S12" s="71">
        <v>4</v>
      </c>
      <c r="T12" s="71">
        <v>1</v>
      </c>
      <c r="U12" s="71">
        <v>2</v>
      </c>
      <c r="V12" s="71">
        <v>3</v>
      </c>
      <c r="W12" s="72">
        <v>14</v>
      </c>
      <c r="X12" s="73">
        <v>19</v>
      </c>
      <c r="Y12" s="70">
        <v>7</v>
      </c>
      <c r="Z12" s="71">
        <v>3</v>
      </c>
      <c r="AA12" s="72">
        <v>10</v>
      </c>
      <c r="AB12" s="244"/>
      <c r="AC12" s="71">
        <v>9</v>
      </c>
      <c r="AD12" s="71">
        <v>12</v>
      </c>
      <c r="AE12" s="71">
        <v>8</v>
      </c>
      <c r="AF12" s="71">
        <v>5</v>
      </c>
      <c r="AG12" s="71">
        <v>2</v>
      </c>
      <c r="AH12" s="72">
        <v>36</v>
      </c>
      <c r="AI12" s="73">
        <v>46</v>
      </c>
      <c r="AJ12" s="70">
        <v>6</v>
      </c>
      <c r="AK12" s="71">
        <v>6</v>
      </c>
      <c r="AL12" s="72">
        <v>12</v>
      </c>
      <c r="AM12" s="244"/>
      <c r="AN12" s="71">
        <v>15</v>
      </c>
      <c r="AO12" s="71">
        <v>7</v>
      </c>
      <c r="AP12" s="71">
        <v>7</v>
      </c>
      <c r="AQ12" s="71">
        <v>7</v>
      </c>
      <c r="AR12" s="71">
        <v>5</v>
      </c>
      <c r="AS12" s="72">
        <v>41</v>
      </c>
      <c r="AT12" s="73">
        <v>53</v>
      </c>
      <c r="AU12" s="70">
        <v>9</v>
      </c>
      <c r="AV12" s="71">
        <v>4</v>
      </c>
      <c r="AW12" s="72">
        <v>13</v>
      </c>
      <c r="AX12" s="244"/>
      <c r="AY12" s="71">
        <v>23</v>
      </c>
      <c r="AZ12" s="71">
        <v>15</v>
      </c>
      <c r="BA12" s="71">
        <v>8</v>
      </c>
      <c r="BB12" s="71">
        <v>11</v>
      </c>
      <c r="BC12" s="71">
        <v>2</v>
      </c>
      <c r="BD12" s="72">
        <v>59</v>
      </c>
      <c r="BE12" s="73">
        <v>72</v>
      </c>
      <c r="BF12" s="70">
        <v>16</v>
      </c>
      <c r="BG12" s="71">
        <v>6</v>
      </c>
      <c r="BH12" s="72">
        <v>22</v>
      </c>
      <c r="BI12" s="244"/>
      <c r="BJ12" s="71">
        <v>34</v>
      </c>
      <c r="BK12" s="71">
        <v>21</v>
      </c>
      <c r="BL12" s="71">
        <v>15</v>
      </c>
      <c r="BM12" s="71">
        <v>9</v>
      </c>
      <c r="BN12" s="71">
        <v>4</v>
      </c>
      <c r="BO12" s="72">
        <v>83</v>
      </c>
      <c r="BP12" s="73">
        <v>105</v>
      </c>
      <c r="BQ12" s="70">
        <v>9</v>
      </c>
      <c r="BR12" s="71">
        <v>11</v>
      </c>
      <c r="BS12" s="72">
        <v>20</v>
      </c>
      <c r="BT12" s="244"/>
      <c r="BU12" s="71">
        <v>29</v>
      </c>
      <c r="BV12" s="71">
        <v>20</v>
      </c>
      <c r="BW12" s="71">
        <v>13</v>
      </c>
      <c r="BX12" s="71">
        <v>20</v>
      </c>
      <c r="BY12" s="71">
        <v>8</v>
      </c>
      <c r="BZ12" s="72">
        <v>90</v>
      </c>
      <c r="CA12" s="73">
        <v>110</v>
      </c>
      <c r="CB12" s="70">
        <v>0</v>
      </c>
      <c r="CC12" s="71">
        <v>0</v>
      </c>
      <c r="CD12" s="72">
        <v>0</v>
      </c>
      <c r="CE12" s="244"/>
      <c r="CF12" s="71">
        <v>0</v>
      </c>
      <c r="CG12" s="71">
        <v>0</v>
      </c>
      <c r="CH12" s="71">
        <v>0</v>
      </c>
      <c r="CI12" s="71">
        <v>0</v>
      </c>
      <c r="CJ12" s="71">
        <v>0</v>
      </c>
      <c r="CK12" s="72">
        <v>0</v>
      </c>
      <c r="CL12" s="73">
        <v>0</v>
      </c>
      <c r="CM12" s="70">
        <v>50</v>
      </c>
      <c r="CN12" s="71">
        <v>32</v>
      </c>
      <c r="CO12" s="72">
        <v>82</v>
      </c>
      <c r="CP12" s="244"/>
      <c r="CQ12" s="71">
        <v>114</v>
      </c>
      <c r="CR12" s="71">
        <v>79</v>
      </c>
      <c r="CS12" s="71">
        <v>52</v>
      </c>
      <c r="CT12" s="71">
        <v>54</v>
      </c>
      <c r="CU12" s="71">
        <v>24</v>
      </c>
      <c r="CV12" s="72">
        <v>323</v>
      </c>
      <c r="CW12" s="73">
        <v>405</v>
      </c>
      <c r="CX12" s="123">
        <v>22</v>
      </c>
      <c r="CY12" s="82">
        <v>30</v>
      </c>
      <c r="CZ12" s="83">
        <v>52</v>
      </c>
      <c r="DA12" s="241"/>
      <c r="DB12" s="82">
        <v>46</v>
      </c>
      <c r="DC12" s="82">
        <v>32</v>
      </c>
      <c r="DD12" s="82">
        <v>18</v>
      </c>
      <c r="DE12" s="82">
        <v>21</v>
      </c>
      <c r="DF12" s="82">
        <v>12</v>
      </c>
      <c r="DG12" s="84">
        <v>129</v>
      </c>
      <c r="DH12" s="85">
        <v>181</v>
      </c>
      <c r="DI12" s="70">
        <v>1</v>
      </c>
      <c r="DJ12" s="71">
        <v>0</v>
      </c>
      <c r="DK12" s="72">
        <v>1</v>
      </c>
      <c r="DL12" s="244"/>
      <c r="DM12" s="71">
        <v>1</v>
      </c>
      <c r="DN12" s="71">
        <v>0</v>
      </c>
      <c r="DO12" s="71">
        <v>1</v>
      </c>
      <c r="DP12" s="71">
        <v>2</v>
      </c>
      <c r="DQ12" s="71">
        <v>0</v>
      </c>
      <c r="DR12" s="72">
        <v>4</v>
      </c>
      <c r="DS12" s="73">
        <v>5</v>
      </c>
      <c r="DT12" s="70">
        <v>3</v>
      </c>
      <c r="DU12" s="71">
        <v>3</v>
      </c>
      <c r="DV12" s="72">
        <v>6</v>
      </c>
      <c r="DW12" s="244"/>
      <c r="DX12" s="71">
        <v>4</v>
      </c>
      <c r="DY12" s="71">
        <v>0</v>
      </c>
      <c r="DZ12" s="71">
        <v>0</v>
      </c>
      <c r="EA12" s="71">
        <v>1</v>
      </c>
      <c r="EB12" s="71">
        <v>2</v>
      </c>
      <c r="EC12" s="72">
        <v>7</v>
      </c>
      <c r="ED12" s="73">
        <v>13</v>
      </c>
      <c r="EE12" s="70">
        <v>4</v>
      </c>
      <c r="EF12" s="71">
        <v>6</v>
      </c>
      <c r="EG12" s="72">
        <v>10</v>
      </c>
      <c r="EH12" s="244"/>
      <c r="EI12" s="71">
        <v>4</v>
      </c>
      <c r="EJ12" s="71">
        <v>2</v>
      </c>
      <c r="EK12" s="71">
        <v>2</v>
      </c>
      <c r="EL12" s="71">
        <v>1</v>
      </c>
      <c r="EM12" s="71">
        <v>2</v>
      </c>
      <c r="EN12" s="72">
        <v>11</v>
      </c>
      <c r="EO12" s="73">
        <v>21</v>
      </c>
      <c r="EP12" s="70">
        <v>5</v>
      </c>
      <c r="EQ12" s="71">
        <v>9</v>
      </c>
      <c r="ER12" s="72">
        <v>14</v>
      </c>
      <c r="ES12" s="244"/>
      <c r="ET12" s="71">
        <v>9</v>
      </c>
      <c r="EU12" s="71">
        <v>5</v>
      </c>
      <c r="EV12" s="71">
        <v>1</v>
      </c>
      <c r="EW12" s="71">
        <v>4</v>
      </c>
      <c r="EX12" s="71">
        <v>0</v>
      </c>
      <c r="EY12" s="72">
        <v>19</v>
      </c>
      <c r="EZ12" s="73">
        <v>33</v>
      </c>
      <c r="FA12" s="70">
        <v>6</v>
      </c>
      <c r="FB12" s="71">
        <v>4</v>
      </c>
      <c r="FC12" s="72">
        <v>10</v>
      </c>
      <c r="FD12" s="244"/>
      <c r="FE12" s="71">
        <v>15</v>
      </c>
      <c r="FF12" s="71">
        <v>10</v>
      </c>
      <c r="FG12" s="71">
        <v>7</v>
      </c>
      <c r="FH12" s="71">
        <v>1</v>
      </c>
      <c r="FI12" s="71">
        <v>3</v>
      </c>
      <c r="FJ12" s="72">
        <v>36</v>
      </c>
      <c r="FK12" s="73">
        <v>46</v>
      </c>
      <c r="FL12" s="70">
        <v>3</v>
      </c>
      <c r="FM12" s="71">
        <v>8</v>
      </c>
      <c r="FN12" s="72">
        <v>11</v>
      </c>
      <c r="FO12" s="244"/>
      <c r="FP12" s="71">
        <v>13</v>
      </c>
      <c r="FQ12" s="71">
        <v>15</v>
      </c>
      <c r="FR12" s="71">
        <v>7</v>
      </c>
      <c r="FS12" s="71">
        <v>12</v>
      </c>
      <c r="FT12" s="71">
        <v>5</v>
      </c>
      <c r="FU12" s="72">
        <v>52</v>
      </c>
      <c r="FV12" s="73">
        <v>63</v>
      </c>
      <c r="FW12" s="70">
        <v>0</v>
      </c>
      <c r="FX12" s="71">
        <v>0</v>
      </c>
      <c r="FY12" s="72">
        <v>0</v>
      </c>
      <c r="FZ12" s="244"/>
      <c r="GA12" s="71">
        <v>0</v>
      </c>
      <c r="GB12" s="71">
        <v>0</v>
      </c>
      <c r="GC12" s="71">
        <v>0</v>
      </c>
      <c r="GD12" s="71">
        <v>0</v>
      </c>
      <c r="GE12" s="71">
        <v>0</v>
      </c>
      <c r="GF12" s="72">
        <v>0</v>
      </c>
      <c r="GG12" s="73">
        <v>0</v>
      </c>
      <c r="GH12" s="70">
        <v>22</v>
      </c>
      <c r="GI12" s="71">
        <v>30</v>
      </c>
      <c r="GJ12" s="72">
        <v>52</v>
      </c>
      <c r="GK12" s="244"/>
      <c r="GL12" s="71">
        <v>46</v>
      </c>
      <c r="GM12" s="71">
        <v>32</v>
      </c>
      <c r="GN12" s="71">
        <v>18</v>
      </c>
      <c r="GO12" s="71">
        <v>21</v>
      </c>
      <c r="GP12" s="71">
        <v>12</v>
      </c>
      <c r="GQ12" s="72">
        <v>129</v>
      </c>
      <c r="GR12" s="73">
        <v>181</v>
      </c>
      <c r="GS12" s="123">
        <v>72</v>
      </c>
      <c r="GT12" s="82">
        <v>62</v>
      </c>
      <c r="GU12" s="83">
        <v>134</v>
      </c>
      <c r="GV12" s="241"/>
      <c r="GW12" s="82">
        <v>160</v>
      </c>
      <c r="GX12" s="82">
        <v>111</v>
      </c>
      <c r="GY12" s="82">
        <v>70</v>
      </c>
      <c r="GZ12" s="82">
        <v>75</v>
      </c>
      <c r="HA12" s="82">
        <v>36</v>
      </c>
      <c r="HB12" s="84">
        <v>452</v>
      </c>
      <c r="HC12" s="85">
        <v>586</v>
      </c>
      <c r="HD12" s="70">
        <v>4</v>
      </c>
      <c r="HE12" s="71">
        <v>2</v>
      </c>
      <c r="HF12" s="72">
        <v>6</v>
      </c>
      <c r="HG12" s="244"/>
      <c r="HH12" s="71">
        <v>5</v>
      </c>
      <c r="HI12" s="71">
        <v>4</v>
      </c>
      <c r="HJ12" s="71">
        <v>2</v>
      </c>
      <c r="HK12" s="71">
        <v>4</v>
      </c>
      <c r="HL12" s="71">
        <v>3</v>
      </c>
      <c r="HM12" s="72">
        <v>18</v>
      </c>
      <c r="HN12" s="73">
        <v>24</v>
      </c>
      <c r="HO12" s="70">
        <v>10</v>
      </c>
      <c r="HP12" s="71">
        <v>6</v>
      </c>
      <c r="HQ12" s="72">
        <v>16</v>
      </c>
      <c r="HR12" s="244"/>
      <c r="HS12" s="71">
        <v>13</v>
      </c>
      <c r="HT12" s="71">
        <v>12</v>
      </c>
      <c r="HU12" s="71">
        <v>8</v>
      </c>
      <c r="HV12" s="71">
        <v>6</v>
      </c>
      <c r="HW12" s="71">
        <v>4</v>
      </c>
      <c r="HX12" s="72">
        <v>43</v>
      </c>
      <c r="HY12" s="73">
        <v>59</v>
      </c>
      <c r="HZ12" s="70">
        <v>10</v>
      </c>
      <c r="IA12" s="71">
        <v>12</v>
      </c>
      <c r="IB12" s="72">
        <v>22</v>
      </c>
      <c r="IC12" s="244"/>
      <c r="ID12" s="71">
        <v>19</v>
      </c>
      <c r="IE12" s="71">
        <v>9</v>
      </c>
      <c r="IF12" s="71">
        <v>9</v>
      </c>
      <c r="IG12" s="71">
        <v>8</v>
      </c>
      <c r="IH12" s="71">
        <v>7</v>
      </c>
      <c r="II12" s="72">
        <v>52</v>
      </c>
      <c r="IJ12" s="73">
        <v>74</v>
      </c>
      <c r="IK12" s="70">
        <v>14</v>
      </c>
      <c r="IL12" s="71">
        <v>13</v>
      </c>
      <c r="IM12" s="72">
        <v>27</v>
      </c>
      <c r="IN12" s="244"/>
      <c r="IO12" s="71">
        <v>32</v>
      </c>
      <c r="IP12" s="71">
        <v>20</v>
      </c>
      <c r="IQ12" s="71">
        <v>9</v>
      </c>
      <c r="IR12" s="71">
        <v>15</v>
      </c>
      <c r="IS12" s="71">
        <v>2</v>
      </c>
      <c r="IT12" s="72">
        <v>78</v>
      </c>
      <c r="IU12" s="73">
        <v>105</v>
      </c>
      <c r="IV12" s="70">
        <v>22</v>
      </c>
      <c r="IW12" s="71">
        <v>10</v>
      </c>
      <c r="IX12" s="72">
        <v>32</v>
      </c>
      <c r="IY12" s="244"/>
      <c r="IZ12" s="71">
        <v>49</v>
      </c>
      <c r="JA12" s="71">
        <v>31</v>
      </c>
      <c r="JB12" s="71">
        <v>22</v>
      </c>
      <c r="JC12" s="71">
        <v>10</v>
      </c>
      <c r="JD12" s="71">
        <v>7</v>
      </c>
      <c r="JE12" s="72">
        <v>119</v>
      </c>
      <c r="JF12" s="73">
        <v>151</v>
      </c>
      <c r="JG12" s="70">
        <v>12</v>
      </c>
      <c r="JH12" s="71">
        <v>19</v>
      </c>
      <c r="JI12" s="72">
        <v>31</v>
      </c>
      <c r="JJ12" s="244"/>
      <c r="JK12" s="71">
        <v>42</v>
      </c>
      <c r="JL12" s="71">
        <v>35</v>
      </c>
      <c r="JM12" s="71">
        <v>20</v>
      </c>
      <c r="JN12" s="71">
        <v>32</v>
      </c>
      <c r="JO12" s="71">
        <v>13</v>
      </c>
      <c r="JP12" s="72">
        <v>142</v>
      </c>
      <c r="JQ12" s="73">
        <v>173</v>
      </c>
      <c r="JR12" s="70">
        <v>0</v>
      </c>
      <c r="JS12" s="71">
        <v>0</v>
      </c>
      <c r="JT12" s="72">
        <v>0</v>
      </c>
      <c r="JU12" s="244"/>
      <c r="JV12" s="71">
        <v>0</v>
      </c>
      <c r="JW12" s="71">
        <v>0</v>
      </c>
      <c r="JX12" s="71">
        <v>0</v>
      </c>
      <c r="JY12" s="71">
        <v>0</v>
      </c>
      <c r="JZ12" s="71">
        <v>0</v>
      </c>
      <c r="KA12" s="72">
        <v>0</v>
      </c>
      <c r="KB12" s="73">
        <v>0</v>
      </c>
      <c r="KC12" s="70">
        <v>72</v>
      </c>
      <c r="KD12" s="71">
        <v>62</v>
      </c>
      <c r="KE12" s="72">
        <v>134</v>
      </c>
      <c r="KF12" s="244"/>
      <c r="KG12" s="71">
        <v>160</v>
      </c>
      <c r="KH12" s="71">
        <v>111</v>
      </c>
      <c r="KI12" s="71">
        <v>70</v>
      </c>
      <c r="KJ12" s="71">
        <v>75</v>
      </c>
      <c r="KK12" s="71">
        <v>36</v>
      </c>
      <c r="KL12" s="72">
        <v>452</v>
      </c>
      <c r="KM12" s="73">
        <v>586</v>
      </c>
    </row>
    <row r="13" spans="2:299" ht="21" customHeight="1" x14ac:dyDescent="0.2">
      <c r="B13" s="126" t="s">
        <v>9</v>
      </c>
      <c r="C13" s="313">
        <v>194</v>
      </c>
      <c r="D13" s="82">
        <v>110</v>
      </c>
      <c r="E13" s="83">
        <v>304</v>
      </c>
      <c r="F13" s="241"/>
      <c r="G13" s="82">
        <v>220</v>
      </c>
      <c r="H13" s="82">
        <v>147</v>
      </c>
      <c r="I13" s="82">
        <v>88</v>
      </c>
      <c r="J13" s="82">
        <v>86</v>
      </c>
      <c r="K13" s="82">
        <v>58</v>
      </c>
      <c r="L13" s="84">
        <v>599</v>
      </c>
      <c r="M13" s="85">
        <v>903</v>
      </c>
      <c r="N13" s="70">
        <v>4</v>
      </c>
      <c r="O13" s="71">
        <v>3</v>
      </c>
      <c r="P13" s="72">
        <v>7</v>
      </c>
      <c r="Q13" s="244"/>
      <c r="R13" s="71">
        <v>2</v>
      </c>
      <c r="S13" s="71">
        <v>4</v>
      </c>
      <c r="T13" s="71">
        <v>1</v>
      </c>
      <c r="U13" s="71">
        <v>2</v>
      </c>
      <c r="V13" s="71">
        <v>4</v>
      </c>
      <c r="W13" s="72">
        <v>13</v>
      </c>
      <c r="X13" s="73">
        <v>20</v>
      </c>
      <c r="Y13" s="70">
        <v>10</v>
      </c>
      <c r="Z13" s="71">
        <v>7</v>
      </c>
      <c r="AA13" s="72">
        <v>17</v>
      </c>
      <c r="AB13" s="244"/>
      <c r="AC13" s="71">
        <v>4</v>
      </c>
      <c r="AD13" s="71">
        <v>6</v>
      </c>
      <c r="AE13" s="71">
        <v>2</v>
      </c>
      <c r="AF13" s="71">
        <v>2</v>
      </c>
      <c r="AG13" s="71">
        <v>5</v>
      </c>
      <c r="AH13" s="72">
        <v>19</v>
      </c>
      <c r="AI13" s="73">
        <v>36</v>
      </c>
      <c r="AJ13" s="70">
        <v>23</v>
      </c>
      <c r="AK13" s="71">
        <v>11</v>
      </c>
      <c r="AL13" s="72">
        <v>34</v>
      </c>
      <c r="AM13" s="244"/>
      <c r="AN13" s="71">
        <v>20</v>
      </c>
      <c r="AO13" s="71">
        <v>18</v>
      </c>
      <c r="AP13" s="71">
        <v>7</v>
      </c>
      <c r="AQ13" s="71">
        <v>8</v>
      </c>
      <c r="AR13" s="71">
        <v>4</v>
      </c>
      <c r="AS13" s="72">
        <v>57</v>
      </c>
      <c r="AT13" s="73">
        <v>91</v>
      </c>
      <c r="AU13" s="70">
        <v>45</v>
      </c>
      <c r="AV13" s="71">
        <v>14</v>
      </c>
      <c r="AW13" s="72">
        <v>59</v>
      </c>
      <c r="AX13" s="244"/>
      <c r="AY13" s="71">
        <v>56</v>
      </c>
      <c r="AZ13" s="71">
        <v>23</v>
      </c>
      <c r="BA13" s="71">
        <v>16</v>
      </c>
      <c r="BB13" s="71">
        <v>9</v>
      </c>
      <c r="BC13" s="71">
        <v>11</v>
      </c>
      <c r="BD13" s="72">
        <v>115</v>
      </c>
      <c r="BE13" s="73">
        <v>174</v>
      </c>
      <c r="BF13" s="70">
        <v>61</v>
      </c>
      <c r="BG13" s="71">
        <v>49</v>
      </c>
      <c r="BH13" s="72">
        <v>110</v>
      </c>
      <c r="BI13" s="244"/>
      <c r="BJ13" s="71">
        <v>68</v>
      </c>
      <c r="BK13" s="71">
        <v>49</v>
      </c>
      <c r="BL13" s="71">
        <v>27</v>
      </c>
      <c r="BM13" s="71">
        <v>34</v>
      </c>
      <c r="BN13" s="71">
        <v>15</v>
      </c>
      <c r="BO13" s="72">
        <v>193</v>
      </c>
      <c r="BP13" s="73">
        <v>303</v>
      </c>
      <c r="BQ13" s="70">
        <v>51</v>
      </c>
      <c r="BR13" s="71">
        <v>26</v>
      </c>
      <c r="BS13" s="72">
        <v>77</v>
      </c>
      <c r="BT13" s="244"/>
      <c r="BU13" s="71">
        <v>70</v>
      </c>
      <c r="BV13" s="71">
        <v>47</v>
      </c>
      <c r="BW13" s="71">
        <v>35</v>
      </c>
      <c r="BX13" s="71">
        <v>31</v>
      </c>
      <c r="BY13" s="71">
        <v>19</v>
      </c>
      <c r="BZ13" s="72">
        <v>202</v>
      </c>
      <c r="CA13" s="73">
        <v>279</v>
      </c>
      <c r="CB13" s="70">
        <v>0</v>
      </c>
      <c r="CC13" s="71">
        <v>0</v>
      </c>
      <c r="CD13" s="72">
        <v>0</v>
      </c>
      <c r="CE13" s="244"/>
      <c r="CF13" s="71">
        <v>0</v>
      </c>
      <c r="CG13" s="71">
        <v>0</v>
      </c>
      <c r="CH13" s="71">
        <v>0</v>
      </c>
      <c r="CI13" s="71">
        <v>0</v>
      </c>
      <c r="CJ13" s="71">
        <v>0</v>
      </c>
      <c r="CK13" s="72">
        <v>0</v>
      </c>
      <c r="CL13" s="73">
        <v>0</v>
      </c>
      <c r="CM13" s="70">
        <v>194</v>
      </c>
      <c r="CN13" s="71">
        <v>110</v>
      </c>
      <c r="CO13" s="72">
        <v>304</v>
      </c>
      <c r="CP13" s="244"/>
      <c r="CQ13" s="71">
        <v>220</v>
      </c>
      <c r="CR13" s="71">
        <v>147</v>
      </c>
      <c r="CS13" s="71">
        <v>88</v>
      </c>
      <c r="CT13" s="71">
        <v>86</v>
      </c>
      <c r="CU13" s="71">
        <v>58</v>
      </c>
      <c r="CV13" s="72">
        <v>599</v>
      </c>
      <c r="CW13" s="73">
        <v>903</v>
      </c>
      <c r="CX13" s="123">
        <v>75</v>
      </c>
      <c r="CY13" s="82">
        <v>40</v>
      </c>
      <c r="CZ13" s="83">
        <v>115</v>
      </c>
      <c r="DA13" s="241"/>
      <c r="DB13" s="82">
        <v>75</v>
      </c>
      <c r="DC13" s="82">
        <v>42</v>
      </c>
      <c r="DD13" s="82">
        <v>45</v>
      </c>
      <c r="DE13" s="82">
        <v>47</v>
      </c>
      <c r="DF13" s="82">
        <v>27</v>
      </c>
      <c r="DG13" s="84">
        <v>236</v>
      </c>
      <c r="DH13" s="85">
        <v>351</v>
      </c>
      <c r="DI13" s="70">
        <v>0</v>
      </c>
      <c r="DJ13" s="71">
        <v>0</v>
      </c>
      <c r="DK13" s="72">
        <v>0</v>
      </c>
      <c r="DL13" s="244"/>
      <c r="DM13" s="71">
        <v>0</v>
      </c>
      <c r="DN13" s="71">
        <v>0</v>
      </c>
      <c r="DO13" s="71">
        <v>1</v>
      </c>
      <c r="DP13" s="71">
        <v>0</v>
      </c>
      <c r="DQ13" s="71">
        <v>0</v>
      </c>
      <c r="DR13" s="72">
        <v>1</v>
      </c>
      <c r="DS13" s="73">
        <v>1</v>
      </c>
      <c r="DT13" s="70">
        <v>9</v>
      </c>
      <c r="DU13" s="71">
        <v>4</v>
      </c>
      <c r="DV13" s="72">
        <v>13</v>
      </c>
      <c r="DW13" s="244"/>
      <c r="DX13" s="71">
        <v>5</v>
      </c>
      <c r="DY13" s="71">
        <v>1</v>
      </c>
      <c r="DZ13" s="71">
        <v>1</v>
      </c>
      <c r="EA13" s="71">
        <v>1</v>
      </c>
      <c r="EB13" s="71">
        <v>0</v>
      </c>
      <c r="EC13" s="72">
        <v>8</v>
      </c>
      <c r="ED13" s="73">
        <v>21</v>
      </c>
      <c r="EE13" s="70">
        <v>7</v>
      </c>
      <c r="EF13" s="71">
        <v>7</v>
      </c>
      <c r="EG13" s="72">
        <v>14</v>
      </c>
      <c r="EH13" s="244"/>
      <c r="EI13" s="71">
        <v>12</v>
      </c>
      <c r="EJ13" s="71">
        <v>4</v>
      </c>
      <c r="EK13" s="71">
        <v>3</v>
      </c>
      <c r="EL13" s="71">
        <v>5</v>
      </c>
      <c r="EM13" s="71">
        <v>2</v>
      </c>
      <c r="EN13" s="72">
        <v>26</v>
      </c>
      <c r="EO13" s="73">
        <v>40</v>
      </c>
      <c r="EP13" s="70">
        <v>22</v>
      </c>
      <c r="EQ13" s="71">
        <v>8</v>
      </c>
      <c r="ER13" s="72">
        <v>30</v>
      </c>
      <c r="ES13" s="244"/>
      <c r="ET13" s="71">
        <v>14</v>
      </c>
      <c r="EU13" s="71">
        <v>7</v>
      </c>
      <c r="EV13" s="71">
        <v>10</v>
      </c>
      <c r="EW13" s="71">
        <v>7</v>
      </c>
      <c r="EX13" s="71">
        <v>3</v>
      </c>
      <c r="EY13" s="72">
        <v>41</v>
      </c>
      <c r="EZ13" s="73">
        <v>71</v>
      </c>
      <c r="FA13" s="70">
        <v>26</v>
      </c>
      <c r="FB13" s="71">
        <v>9</v>
      </c>
      <c r="FC13" s="72">
        <v>35</v>
      </c>
      <c r="FD13" s="244"/>
      <c r="FE13" s="71">
        <v>15</v>
      </c>
      <c r="FF13" s="71">
        <v>12</v>
      </c>
      <c r="FG13" s="71">
        <v>11</v>
      </c>
      <c r="FH13" s="71">
        <v>9</v>
      </c>
      <c r="FI13" s="71">
        <v>5</v>
      </c>
      <c r="FJ13" s="72">
        <v>52</v>
      </c>
      <c r="FK13" s="73">
        <v>87</v>
      </c>
      <c r="FL13" s="70">
        <v>11</v>
      </c>
      <c r="FM13" s="71">
        <v>12</v>
      </c>
      <c r="FN13" s="72">
        <v>23</v>
      </c>
      <c r="FO13" s="244"/>
      <c r="FP13" s="71">
        <v>29</v>
      </c>
      <c r="FQ13" s="71">
        <v>18</v>
      </c>
      <c r="FR13" s="71">
        <v>19</v>
      </c>
      <c r="FS13" s="71">
        <v>25</v>
      </c>
      <c r="FT13" s="71">
        <v>17</v>
      </c>
      <c r="FU13" s="72">
        <v>108</v>
      </c>
      <c r="FV13" s="73">
        <v>131</v>
      </c>
      <c r="FW13" s="70">
        <v>0</v>
      </c>
      <c r="FX13" s="71">
        <v>0</v>
      </c>
      <c r="FY13" s="72">
        <v>0</v>
      </c>
      <c r="FZ13" s="244"/>
      <c r="GA13" s="71">
        <v>0</v>
      </c>
      <c r="GB13" s="71">
        <v>0</v>
      </c>
      <c r="GC13" s="71">
        <v>0</v>
      </c>
      <c r="GD13" s="71">
        <v>0</v>
      </c>
      <c r="GE13" s="71">
        <v>0</v>
      </c>
      <c r="GF13" s="72">
        <v>0</v>
      </c>
      <c r="GG13" s="73">
        <v>0</v>
      </c>
      <c r="GH13" s="70">
        <v>75</v>
      </c>
      <c r="GI13" s="71">
        <v>40</v>
      </c>
      <c r="GJ13" s="72">
        <v>115</v>
      </c>
      <c r="GK13" s="244"/>
      <c r="GL13" s="71">
        <v>75</v>
      </c>
      <c r="GM13" s="71">
        <v>42</v>
      </c>
      <c r="GN13" s="71">
        <v>45</v>
      </c>
      <c r="GO13" s="71">
        <v>47</v>
      </c>
      <c r="GP13" s="71">
        <v>27</v>
      </c>
      <c r="GQ13" s="72">
        <v>236</v>
      </c>
      <c r="GR13" s="73">
        <v>351</v>
      </c>
      <c r="GS13" s="123">
        <v>269</v>
      </c>
      <c r="GT13" s="82">
        <v>150</v>
      </c>
      <c r="GU13" s="83">
        <v>419</v>
      </c>
      <c r="GV13" s="241"/>
      <c r="GW13" s="82">
        <v>295</v>
      </c>
      <c r="GX13" s="82">
        <v>189</v>
      </c>
      <c r="GY13" s="82">
        <v>133</v>
      </c>
      <c r="GZ13" s="82">
        <v>133</v>
      </c>
      <c r="HA13" s="82">
        <v>85</v>
      </c>
      <c r="HB13" s="84">
        <v>835</v>
      </c>
      <c r="HC13" s="85">
        <v>1254</v>
      </c>
      <c r="HD13" s="70">
        <v>4</v>
      </c>
      <c r="HE13" s="71">
        <v>3</v>
      </c>
      <c r="HF13" s="72">
        <v>7</v>
      </c>
      <c r="HG13" s="244"/>
      <c r="HH13" s="71">
        <v>2</v>
      </c>
      <c r="HI13" s="71">
        <v>4</v>
      </c>
      <c r="HJ13" s="71">
        <v>2</v>
      </c>
      <c r="HK13" s="71">
        <v>2</v>
      </c>
      <c r="HL13" s="71">
        <v>4</v>
      </c>
      <c r="HM13" s="72">
        <v>14</v>
      </c>
      <c r="HN13" s="73">
        <v>21</v>
      </c>
      <c r="HO13" s="70">
        <v>19</v>
      </c>
      <c r="HP13" s="71">
        <v>11</v>
      </c>
      <c r="HQ13" s="72">
        <v>30</v>
      </c>
      <c r="HR13" s="244"/>
      <c r="HS13" s="71">
        <v>9</v>
      </c>
      <c r="HT13" s="71">
        <v>7</v>
      </c>
      <c r="HU13" s="71">
        <v>3</v>
      </c>
      <c r="HV13" s="71">
        <v>3</v>
      </c>
      <c r="HW13" s="71">
        <v>5</v>
      </c>
      <c r="HX13" s="72">
        <v>27</v>
      </c>
      <c r="HY13" s="73">
        <v>57</v>
      </c>
      <c r="HZ13" s="70">
        <v>30</v>
      </c>
      <c r="IA13" s="71">
        <v>18</v>
      </c>
      <c r="IB13" s="72">
        <v>48</v>
      </c>
      <c r="IC13" s="244"/>
      <c r="ID13" s="71">
        <v>32</v>
      </c>
      <c r="IE13" s="71">
        <v>22</v>
      </c>
      <c r="IF13" s="71">
        <v>10</v>
      </c>
      <c r="IG13" s="71">
        <v>13</v>
      </c>
      <c r="IH13" s="71">
        <v>6</v>
      </c>
      <c r="II13" s="72">
        <v>83</v>
      </c>
      <c r="IJ13" s="73">
        <v>131</v>
      </c>
      <c r="IK13" s="70">
        <v>67</v>
      </c>
      <c r="IL13" s="71">
        <v>22</v>
      </c>
      <c r="IM13" s="72">
        <v>89</v>
      </c>
      <c r="IN13" s="244"/>
      <c r="IO13" s="71">
        <v>70</v>
      </c>
      <c r="IP13" s="71">
        <v>30</v>
      </c>
      <c r="IQ13" s="71">
        <v>26</v>
      </c>
      <c r="IR13" s="71">
        <v>16</v>
      </c>
      <c r="IS13" s="71">
        <v>14</v>
      </c>
      <c r="IT13" s="72">
        <v>156</v>
      </c>
      <c r="IU13" s="73">
        <v>245</v>
      </c>
      <c r="IV13" s="70">
        <v>87</v>
      </c>
      <c r="IW13" s="71">
        <v>58</v>
      </c>
      <c r="IX13" s="72">
        <v>145</v>
      </c>
      <c r="IY13" s="244"/>
      <c r="IZ13" s="71">
        <v>83</v>
      </c>
      <c r="JA13" s="71">
        <v>61</v>
      </c>
      <c r="JB13" s="71">
        <v>38</v>
      </c>
      <c r="JC13" s="71">
        <v>43</v>
      </c>
      <c r="JD13" s="71">
        <v>20</v>
      </c>
      <c r="JE13" s="72">
        <v>245</v>
      </c>
      <c r="JF13" s="73">
        <v>390</v>
      </c>
      <c r="JG13" s="70">
        <v>62</v>
      </c>
      <c r="JH13" s="71">
        <v>38</v>
      </c>
      <c r="JI13" s="72">
        <v>100</v>
      </c>
      <c r="JJ13" s="244"/>
      <c r="JK13" s="71">
        <v>99</v>
      </c>
      <c r="JL13" s="71">
        <v>65</v>
      </c>
      <c r="JM13" s="71">
        <v>54</v>
      </c>
      <c r="JN13" s="71">
        <v>56</v>
      </c>
      <c r="JO13" s="71">
        <v>36</v>
      </c>
      <c r="JP13" s="72">
        <v>310</v>
      </c>
      <c r="JQ13" s="73">
        <v>410</v>
      </c>
      <c r="JR13" s="70">
        <v>0</v>
      </c>
      <c r="JS13" s="71">
        <v>0</v>
      </c>
      <c r="JT13" s="72">
        <v>0</v>
      </c>
      <c r="JU13" s="244"/>
      <c r="JV13" s="71">
        <v>0</v>
      </c>
      <c r="JW13" s="71">
        <v>0</v>
      </c>
      <c r="JX13" s="71">
        <v>0</v>
      </c>
      <c r="JY13" s="71">
        <v>0</v>
      </c>
      <c r="JZ13" s="71">
        <v>0</v>
      </c>
      <c r="KA13" s="72">
        <v>0</v>
      </c>
      <c r="KB13" s="73">
        <v>0</v>
      </c>
      <c r="KC13" s="70">
        <v>269</v>
      </c>
      <c r="KD13" s="71">
        <v>150</v>
      </c>
      <c r="KE13" s="72">
        <v>419</v>
      </c>
      <c r="KF13" s="244"/>
      <c r="KG13" s="71">
        <v>295</v>
      </c>
      <c r="KH13" s="71">
        <v>189</v>
      </c>
      <c r="KI13" s="71">
        <v>133</v>
      </c>
      <c r="KJ13" s="71">
        <v>133</v>
      </c>
      <c r="KK13" s="71">
        <v>85</v>
      </c>
      <c r="KL13" s="72">
        <v>835</v>
      </c>
      <c r="KM13" s="73">
        <v>1254</v>
      </c>
    </row>
    <row r="14" spans="2:299" ht="21" customHeight="1" x14ac:dyDescent="0.2">
      <c r="B14" s="126" t="s">
        <v>10</v>
      </c>
      <c r="C14" s="313">
        <v>285</v>
      </c>
      <c r="D14" s="82">
        <v>189</v>
      </c>
      <c r="E14" s="83">
        <v>474</v>
      </c>
      <c r="F14" s="241"/>
      <c r="G14" s="82">
        <v>263</v>
      </c>
      <c r="H14" s="82">
        <v>165</v>
      </c>
      <c r="I14" s="82">
        <v>89</v>
      </c>
      <c r="J14" s="82">
        <v>85</v>
      </c>
      <c r="K14" s="82">
        <v>85</v>
      </c>
      <c r="L14" s="84">
        <v>687</v>
      </c>
      <c r="M14" s="85">
        <v>1161</v>
      </c>
      <c r="N14" s="70">
        <v>5</v>
      </c>
      <c r="O14" s="71">
        <v>6</v>
      </c>
      <c r="P14" s="72">
        <v>11</v>
      </c>
      <c r="Q14" s="244"/>
      <c r="R14" s="71">
        <v>9</v>
      </c>
      <c r="S14" s="71">
        <v>8</v>
      </c>
      <c r="T14" s="71">
        <v>1</v>
      </c>
      <c r="U14" s="71">
        <v>5</v>
      </c>
      <c r="V14" s="71">
        <v>2</v>
      </c>
      <c r="W14" s="72">
        <v>25</v>
      </c>
      <c r="X14" s="73">
        <v>36</v>
      </c>
      <c r="Y14" s="70">
        <v>29</v>
      </c>
      <c r="Z14" s="71">
        <v>17</v>
      </c>
      <c r="AA14" s="72">
        <v>46</v>
      </c>
      <c r="AB14" s="244"/>
      <c r="AC14" s="71">
        <v>21</v>
      </c>
      <c r="AD14" s="71">
        <v>16</v>
      </c>
      <c r="AE14" s="71">
        <v>7</v>
      </c>
      <c r="AF14" s="71">
        <v>5</v>
      </c>
      <c r="AG14" s="71">
        <v>13</v>
      </c>
      <c r="AH14" s="72">
        <v>62</v>
      </c>
      <c r="AI14" s="73">
        <v>108</v>
      </c>
      <c r="AJ14" s="70">
        <v>33</v>
      </c>
      <c r="AK14" s="71">
        <v>33</v>
      </c>
      <c r="AL14" s="72">
        <v>66</v>
      </c>
      <c r="AM14" s="244"/>
      <c r="AN14" s="71">
        <v>30</v>
      </c>
      <c r="AO14" s="71">
        <v>19</v>
      </c>
      <c r="AP14" s="71">
        <v>10</v>
      </c>
      <c r="AQ14" s="71">
        <v>8</v>
      </c>
      <c r="AR14" s="71">
        <v>13</v>
      </c>
      <c r="AS14" s="72">
        <v>80</v>
      </c>
      <c r="AT14" s="73">
        <v>146</v>
      </c>
      <c r="AU14" s="70">
        <v>61</v>
      </c>
      <c r="AV14" s="71">
        <v>41</v>
      </c>
      <c r="AW14" s="72">
        <v>102</v>
      </c>
      <c r="AX14" s="244"/>
      <c r="AY14" s="71">
        <v>59</v>
      </c>
      <c r="AZ14" s="71">
        <v>29</v>
      </c>
      <c r="BA14" s="71">
        <v>14</v>
      </c>
      <c r="BB14" s="71">
        <v>17</v>
      </c>
      <c r="BC14" s="71">
        <v>18</v>
      </c>
      <c r="BD14" s="72">
        <v>137</v>
      </c>
      <c r="BE14" s="73">
        <v>239</v>
      </c>
      <c r="BF14" s="70">
        <v>83</v>
      </c>
      <c r="BG14" s="71">
        <v>50</v>
      </c>
      <c r="BH14" s="72">
        <v>133</v>
      </c>
      <c r="BI14" s="244"/>
      <c r="BJ14" s="71">
        <v>70</v>
      </c>
      <c r="BK14" s="71">
        <v>43</v>
      </c>
      <c r="BL14" s="71">
        <v>28</v>
      </c>
      <c r="BM14" s="71">
        <v>18</v>
      </c>
      <c r="BN14" s="71">
        <v>19</v>
      </c>
      <c r="BO14" s="72">
        <v>178</v>
      </c>
      <c r="BP14" s="73">
        <v>311</v>
      </c>
      <c r="BQ14" s="70">
        <v>74</v>
      </c>
      <c r="BR14" s="71">
        <v>42</v>
      </c>
      <c r="BS14" s="72">
        <v>116</v>
      </c>
      <c r="BT14" s="244"/>
      <c r="BU14" s="71">
        <v>74</v>
      </c>
      <c r="BV14" s="71">
        <v>50</v>
      </c>
      <c r="BW14" s="71">
        <v>29</v>
      </c>
      <c r="BX14" s="71">
        <v>32</v>
      </c>
      <c r="BY14" s="71">
        <v>20</v>
      </c>
      <c r="BZ14" s="72">
        <v>205</v>
      </c>
      <c r="CA14" s="73">
        <v>321</v>
      </c>
      <c r="CB14" s="70">
        <v>0</v>
      </c>
      <c r="CC14" s="71">
        <v>0</v>
      </c>
      <c r="CD14" s="72">
        <v>0</v>
      </c>
      <c r="CE14" s="244"/>
      <c r="CF14" s="71">
        <v>0</v>
      </c>
      <c r="CG14" s="71">
        <v>0</v>
      </c>
      <c r="CH14" s="71">
        <v>0</v>
      </c>
      <c r="CI14" s="71">
        <v>0</v>
      </c>
      <c r="CJ14" s="71">
        <v>0</v>
      </c>
      <c r="CK14" s="72">
        <v>0</v>
      </c>
      <c r="CL14" s="73">
        <v>0</v>
      </c>
      <c r="CM14" s="70">
        <v>285</v>
      </c>
      <c r="CN14" s="71">
        <v>189</v>
      </c>
      <c r="CO14" s="72">
        <v>474</v>
      </c>
      <c r="CP14" s="244"/>
      <c r="CQ14" s="71">
        <v>263</v>
      </c>
      <c r="CR14" s="71">
        <v>165</v>
      </c>
      <c r="CS14" s="71">
        <v>89</v>
      </c>
      <c r="CT14" s="71">
        <v>85</v>
      </c>
      <c r="CU14" s="71">
        <v>85</v>
      </c>
      <c r="CV14" s="72">
        <v>687</v>
      </c>
      <c r="CW14" s="73">
        <v>1161</v>
      </c>
      <c r="CX14" s="123">
        <v>108</v>
      </c>
      <c r="CY14" s="82">
        <v>71</v>
      </c>
      <c r="CZ14" s="83">
        <v>179</v>
      </c>
      <c r="DA14" s="241"/>
      <c r="DB14" s="82">
        <v>127</v>
      </c>
      <c r="DC14" s="82">
        <v>46</v>
      </c>
      <c r="DD14" s="82">
        <v>46</v>
      </c>
      <c r="DE14" s="82">
        <v>40</v>
      </c>
      <c r="DF14" s="82">
        <v>38</v>
      </c>
      <c r="DG14" s="84">
        <v>297</v>
      </c>
      <c r="DH14" s="85">
        <v>476</v>
      </c>
      <c r="DI14" s="70">
        <v>6</v>
      </c>
      <c r="DJ14" s="71">
        <v>4</v>
      </c>
      <c r="DK14" s="72">
        <v>10</v>
      </c>
      <c r="DL14" s="244"/>
      <c r="DM14" s="71">
        <v>2</v>
      </c>
      <c r="DN14" s="71">
        <v>0</v>
      </c>
      <c r="DO14" s="71">
        <v>1</v>
      </c>
      <c r="DP14" s="71">
        <v>0</v>
      </c>
      <c r="DQ14" s="71">
        <v>1</v>
      </c>
      <c r="DR14" s="72">
        <v>4</v>
      </c>
      <c r="DS14" s="73">
        <v>14</v>
      </c>
      <c r="DT14" s="70">
        <v>7</v>
      </c>
      <c r="DU14" s="71">
        <v>2</v>
      </c>
      <c r="DV14" s="72">
        <v>9</v>
      </c>
      <c r="DW14" s="244"/>
      <c r="DX14" s="71">
        <v>5</v>
      </c>
      <c r="DY14" s="71">
        <v>1</v>
      </c>
      <c r="DZ14" s="71">
        <v>2</v>
      </c>
      <c r="EA14" s="71">
        <v>0</v>
      </c>
      <c r="EB14" s="71">
        <v>3</v>
      </c>
      <c r="EC14" s="72">
        <v>11</v>
      </c>
      <c r="ED14" s="73">
        <v>20</v>
      </c>
      <c r="EE14" s="70">
        <v>18</v>
      </c>
      <c r="EF14" s="71">
        <v>10</v>
      </c>
      <c r="EG14" s="72">
        <v>28</v>
      </c>
      <c r="EH14" s="244"/>
      <c r="EI14" s="71">
        <v>10</v>
      </c>
      <c r="EJ14" s="71">
        <v>5</v>
      </c>
      <c r="EK14" s="71">
        <v>3</v>
      </c>
      <c r="EL14" s="71">
        <v>0</v>
      </c>
      <c r="EM14" s="71">
        <v>1</v>
      </c>
      <c r="EN14" s="72">
        <v>19</v>
      </c>
      <c r="EO14" s="73">
        <v>47</v>
      </c>
      <c r="EP14" s="70">
        <v>26</v>
      </c>
      <c r="EQ14" s="71">
        <v>19</v>
      </c>
      <c r="ER14" s="72">
        <v>45</v>
      </c>
      <c r="ES14" s="244"/>
      <c r="ET14" s="71">
        <v>22</v>
      </c>
      <c r="EU14" s="71">
        <v>6</v>
      </c>
      <c r="EV14" s="71">
        <v>5</v>
      </c>
      <c r="EW14" s="71">
        <v>2</v>
      </c>
      <c r="EX14" s="71">
        <v>4</v>
      </c>
      <c r="EY14" s="72">
        <v>39</v>
      </c>
      <c r="EZ14" s="73">
        <v>84</v>
      </c>
      <c r="FA14" s="70">
        <v>29</v>
      </c>
      <c r="FB14" s="71">
        <v>21</v>
      </c>
      <c r="FC14" s="72">
        <v>50</v>
      </c>
      <c r="FD14" s="244"/>
      <c r="FE14" s="71">
        <v>32</v>
      </c>
      <c r="FF14" s="71">
        <v>14</v>
      </c>
      <c r="FG14" s="71">
        <v>13</v>
      </c>
      <c r="FH14" s="71">
        <v>8</v>
      </c>
      <c r="FI14" s="71">
        <v>9</v>
      </c>
      <c r="FJ14" s="72">
        <v>76</v>
      </c>
      <c r="FK14" s="73">
        <v>126</v>
      </c>
      <c r="FL14" s="70">
        <v>22</v>
      </c>
      <c r="FM14" s="71">
        <v>15</v>
      </c>
      <c r="FN14" s="72">
        <v>37</v>
      </c>
      <c r="FO14" s="244"/>
      <c r="FP14" s="71">
        <v>56</v>
      </c>
      <c r="FQ14" s="71">
        <v>20</v>
      </c>
      <c r="FR14" s="71">
        <v>22</v>
      </c>
      <c r="FS14" s="71">
        <v>30</v>
      </c>
      <c r="FT14" s="71">
        <v>20</v>
      </c>
      <c r="FU14" s="72">
        <v>148</v>
      </c>
      <c r="FV14" s="73">
        <v>185</v>
      </c>
      <c r="FW14" s="70">
        <v>0</v>
      </c>
      <c r="FX14" s="71">
        <v>0</v>
      </c>
      <c r="FY14" s="72">
        <v>0</v>
      </c>
      <c r="FZ14" s="244"/>
      <c r="GA14" s="71">
        <v>0</v>
      </c>
      <c r="GB14" s="71">
        <v>0</v>
      </c>
      <c r="GC14" s="71">
        <v>0</v>
      </c>
      <c r="GD14" s="71">
        <v>0</v>
      </c>
      <c r="GE14" s="71">
        <v>0</v>
      </c>
      <c r="GF14" s="72">
        <v>0</v>
      </c>
      <c r="GG14" s="73">
        <v>0</v>
      </c>
      <c r="GH14" s="70">
        <v>108</v>
      </c>
      <c r="GI14" s="71">
        <v>71</v>
      </c>
      <c r="GJ14" s="72">
        <v>179</v>
      </c>
      <c r="GK14" s="244"/>
      <c r="GL14" s="71">
        <v>127</v>
      </c>
      <c r="GM14" s="71">
        <v>46</v>
      </c>
      <c r="GN14" s="71">
        <v>46</v>
      </c>
      <c r="GO14" s="71">
        <v>40</v>
      </c>
      <c r="GP14" s="71">
        <v>38</v>
      </c>
      <c r="GQ14" s="72">
        <v>297</v>
      </c>
      <c r="GR14" s="73">
        <v>476</v>
      </c>
      <c r="GS14" s="123">
        <v>393</v>
      </c>
      <c r="GT14" s="82">
        <v>260</v>
      </c>
      <c r="GU14" s="83">
        <v>653</v>
      </c>
      <c r="GV14" s="241"/>
      <c r="GW14" s="82">
        <v>390</v>
      </c>
      <c r="GX14" s="82">
        <v>211</v>
      </c>
      <c r="GY14" s="82">
        <v>135</v>
      </c>
      <c r="GZ14" s="82">
        <v>125</v>
      </c>
      <c r="HA14" s="82">
        <v>123</v>
      </c>
      <c r="HB14" s="84">
        <v>984</v>
      </c>
      <c r="HC14" s="85">
        <v>1637</v>
      </c>
      <c r="HD14" s="70">
        <v>11</v>
      </c>
      <c r="HE14" s="71">
        <v>10</v>
      </c>
      <c r="HF14" s="72">
        <v>21</v>
      </c>
      <c r="HG14" s="244"/>
      <c r="HH14" s="71">
        <v>11</v>
      </c>
      <c r="HI14" s="71">
        <v>8</v>
      </c>
      <c r="HJ14" s="71">
        <v>2</v>
      </c>
      <c r="HK14" s="71">
        <v>5</v>
      </c>
      <c r="HL14" s="71">
        <v>3</v>
      </c>
      <c r="HM14" s="72">
        <v>29</v>
      </c>
      <c r="HN14" s="73">
        <v>50</v>
      </c>
      <c r="HO14" s="70">
        <v>36</v>
      </c>
      <c r="HP14" s="71">
        <v>19</v>
      </c>
      <c r="HQ14" s="72">
        <v>55</v>
      </c>
      <c r="HR14" s="244"/>
      <c r="HS14" s="71">
        <v>26</v>
      </c>
      <c r="HT14" s="71">
        <v>17</v>
      </c>
      <c r="HU14" s="71">
        <v>9</v>
      </c>
      <c r="HV14" s="71">
        <v>5</v>
      </c>
      <c r="HW14" s="71">
        <v>16</v>
      </c>
      <c r="HX14" s="72">
        <v>73</v>
      </c>
      <c r="HY14" s="73">
        <v>128</v>
      </c>
      <c r="HZ14" s="70">
        <v>51</v>
      </c>
      <c r="IA14" s="71">
        <v>43</v>
      </c>
      <c r="IB14" s="72">
        <v>94</v>
      </c>
      <c r="IC14" s="244"/>
      <c r="ID14" s="71">
        <v>40</v>
      </c>
      <c r="IE14" s="71">
        <v>24</v>
      </c>
      <c r="IF14" s="71">
        <v>13</v>
      </c>
      <c r="IG14" s="71">
        <v>8</v>
      </c>
      <c r="IH14" s="71">
        <v>14</v>
      </c>
      <c r="II14" s="72">
        <v>99</v>
      </c>
      <c r="IJ14" s="73">
        <v>193</v>
      </c>
      <c r="IK14" s="70">
        <v>87</v>
      </c>
      <c r="IL14" s="71">
        <v>60</v>
      </c>
      <c r="IM14" s="72">
        <v>147</v>
      </c>
      <c r="IN14" s="244"/>
      <c r="IO14" s="71">
        <v>81</v>
      </c>
      <c r="IP14" s="71">
        <v>35</v>
      </c>
      <c r="IQ14" s="71">
        <v>19</v>
      </c>
      <c r="IR14" s="71">
        <v>19</v>
      </c>
      <c r="IS14" s="71">
        <v>22</v>
      </c>
      <c r="IT14" s="72">
        <v>176</v>
      </c>
      <c r="IU14" s="73">
        <v>323</v>
      </c>
      <c r="IV14" s="70">
        <v>112</v>
      </c>
      <c r="IW14" s="71">
        <v>71</v>
      </c>
      <c r="IX14" s="72">
        <v>183</v>
      </c>
      <c r="IY14" s="244"/>
      <c r="IZ14" s="71">
        <v>102</v>
      </c>
      <c r="JA14" s="71">
        <v>57</v>
      </c>
      <c r="JB14" s="71">
        <v>41</v>
      </c>
      <c r="JC14" s="71">
        <v>26</v>
      </c>
      <c r="JD14" s="71">
        <v>28</v>
      </c>
      <c r="JE14" s="72">
        <v>254</v>
      </c>
      <c r="JF14" s="73">
        <v>437</v>
      </c>
      <c r="JG14" s="70">
        <v>96</v>
      </c>
      <c r="JH14" s="71">
        <v>57</v>
      </c>
      <c r="JI14" s="72">
        <v>153</v>
      </c>
      <c r="JJ14" s="244"/>
      <c r="JK14" s="71">
        <v>130</v>
      </c>
      <c r="JL14" s="71">
        <v>70</v>
      </c>
      <c r="JM14" s="71">
        <v>51</v>
      </c>
      <c r="JN14" s="71">
        <v>62</v>
      </c>
      <c r="JO14" s="71">
        <v>40</v>
      </c>
      <c r="JP14" s="72">
        <v>353</v>
      </c>
      <c r="JQ14" s="73">
        <v>506</v>
      </c>
      <c r="JR14" s="70">
        <v>0</v>
      </c>
      <c r="JS14" s="71">
        <v>0</v>
      </c>
      <c r="JT14" s="72">
        <v>0</v>
      </c>
      <c r="JU14" s="244"/>
      <c r="JV14" s="71">
        <v>0</v>
      </c>
      <c r="JW14" s="71">
        <v>0</v>
      </c>
      <c r="JX14" s="71">
        <v>0</v>
      </c>
      <c r="JY14" s="71">
        <v>0</v>
      </c>
      <c r="JZ14" s="71">
        <v>0</v>
      </c>
      <c r="KA14" s="72">
        <v>0</v>
      </c>
      <c r="KB14" s="73">
        <v>0</v>
      </c>
      <c r="KC14" s="70">
        <v>393</v>
      </c>
      <c r="KD14" s="71">
        <v>260</v>
      </c>
      <c r="KE14" s="72">
        <v>653</v>
      </c>
      <c r="KF14" s="244"/>
      <c r="KG14" s="71">
        <v>390</v>
      </c>
      <c r="KH14" s="71">
        <v>211</v>
      </c>
      <c r="KI14" s="71">
        <v>135</v>
      </c>
      <c r="KJ14" s="71">
        <v>125</v>
      </c>
      <c r="KK14" s="71">
        <v>123</v>
      </c>
      <c r="KL14" s="72">
        <v>984</v>
      </c>
      <c r="KM14" s="73">
        <v>1637</v>
      </c>
    </row>
    <row r="15" spans="2:299" ht="21" customHeight="1" x14ac:dyDescent="0.2">
      <c r="B15" s="126" t="s">
        <v>11</v>
      </c>
      <c r="C15" s="313">
        <v>47</v>
      </c>
      <c r="D15" s="82">
        <v>39</v>
      </c>
      <c r="E15" s="83">
        <v>86</v>
      </c>
      <c r="F15" s="241"/>
      <c r="G15" s="82">
        <v>96</v>
      </c>
      <c r="H15" s="82">
        <v>48</v>
      </c>
      <c r="I15" s="82">
        <v>41</v>
      </c>
      <c r="J15" s="82">
        <v>35</v>
      </c>
      <c r="K15" s="82">
        <v>16</v>
      </c>
      <c r="L15" s="84">
        <v>236</v>
      </c>
      <c r="M15" s="85">
        <v>322</v>
      </c>
      <c r="N15" s="70">
        <v>1</v>
      </c>
      <c r="O15" s="71">
        <v>2</v>
      </c>
      <c r="P15" s="72">
        <v>3</v>
      </c>
      <c r="Q15" s="244"/>
      <c r="R15" s="71">
        <v>5</v>
      </c>
      <c r="S15" s="71">
        <v>0</v>
      </c>
      <c r="T15" s="71">
        <v>2</v>
      </c>
      <c r="U15" s="71">
        <v>1</v>
      </c>
      <c r="V15" s="71">
        <v>0</v>
      </c>
      <c r="W15" s="72">
        <v>8</v>
      </c>
      <c r="X15" s="73">
        <v>11</v>
      </c>
      <c r="Y15" s="70">
        <v>3</v>
      </c>
      <c r="Z15" s="71">
        <v>1</v>
      </c>
      <c r="AA15" s="72">
        <v>4</v>
      </c>
      <c r="AB15" s="244"/>
      <c r="AC15" s="71">
        <v>7</v>
      </c>
      <c r="AD15" s="71">
        <v>5</v>
      </c>
      <c r="AE15" s="71">
        <v>3</v>
      </c>
      <c r="AF15" s="71">
        <v>2</v>
      </c>
      <c r="AG15" s="71">
        <v>1</v>
      </c>
      <c r="AH15" s="72">
        <v>18</v>
      </c>
      <c r="AI15" s="73">
        <v>22</v>
      </c>
      <c r="AJ15" s="70">
        <v>7</v>
      </c>
      <c r="AK15" s="71">
        <v>7</v>
      </c>
      <c r="AL15" s="72">
        <v>14</v>
      </c>
      <c r="AM15" s="244"/>
      <c r="AN15" s="71">
        <v>22</v>
      </c>
      <c r="AO15" s="71">
        <v>8</v>
      </c>
      <c r="AP15" s="71">
        <v>7</v>
      </c>
      <c r="AQ15" s="71">
        <v>4</v>
      </c>
      <c r="AR15" s="71">
        <v>2</v>
      </c>
      <c r="AS15" s="72">
        <v>43</v>
      </c>
      <c r="AT15" s="73">
        <v>57</v>
      </c>
      <c r="AU15" s="70">
        <v>9</v>
      </c>
      <c r="AV15" s="71">
        <v>6</v>
      </c>
      <c r="AW15" s="72">
        <v>15</v>
      </c>
      <c r="AX15" s="244"/>
      <c r="AY15" s="71">
        <v>21</v>
      </c>
      <c r="AZ15" s="71">
        <v>15</v>
      </c>
      <c r="BA15" s="71">
        <v>10</v>
      </c>
      <c r="BB15" s="71">
        <v>12</v>
      </c>
      <c r="BC15" s="71">
        <v>4</v>
      </c>
      <c r="BD15" s="72">
        <v>62</v>
      </c>
      <c r="BE15" s="73">
        <v>77</v>
      </c>
      <c r="BF15" s="70">
        <v>19</v>
      </c>
      <c r="BG15" s="71">
        <v>15</v>
      </c>
      <c r="BH15" s="72">
        <v>34</v>
      </c>
      <c r="BI15" s="244"/>
      <c r="BJ15" s="71">
        <v>24</v>
      </c>
      <c r="BK15" s="71">
        <v>11</v>
      </c>
      <c r="BL15" s="71">
        <v>5</v>
      </c>
      <c r="BM15" s="71">
        <v>9</v>
      </c>
      <c r="BN15" s="71">
        <v>5</v>
      </c>
      <c r="BO15" s="72">
        <v>54</v>
      </c>
      <c r="BP15" s="73">
        <v>88</v>
      </c>
      <c r="BQ15" s="70">
        <v>8</v>
      </c>
      <c r="BR15" s="71">
        <v>8</v>
      </c>
      <c r="BS15" s="72">
        <v>16</v>
      </c>
      <c r="BT15" s="244"/>
      <c r="BU15" s="71">
        <v>17</v>
      </c>
      <c r="BV15" s="71">
        <v>9</v>
      </c>
      <c r="BW15" s="71">
        <v>14</v>
      </c>
      <c r="BX15" s="71">
        <v>7</v>
      </c>
      <c r="BY15" s="71">
        <v>4</v>
      </c>
      <c r="BZ15" s="72">
        <v>51</v>
      </c>
      <c r="CA15" s="73">
        <v>67</v>
      </c>
      <c r="CB15" s="70">
        <v>0</v>
      </c>
      <c r="CC15" s="71">
        <v>0</v>
      </c>
      <c r="CD15" s="72">
        <v>0</v>
      </c>
      <c r="CE15" s="244"/>
      <c r="CF15" s="71">
        <v>0</v>
      </c>
      <c r="CG15" s="71">
        <v>0</v>
      </c>
      <c r="CH15" s="71">
        <v>0</v>
      </c>
      <c r="CI15" s="71">
        <v>0</v>
      </c>
      <c r="CJ15" s="71">
        <v>0</v>
      </c>
      <c r="CK15" s="72">
        <v>0</v>
      </c>
      <c r="CL15" s="73">
        <v>0</v>
      </c>
      <c r="CM15" s="70">
        <v>47</v>
      </c>
      <c r="CN15" s="71">
        <v>39</v>
      </c>
      <c r="CO15" s="72">
        <v>86</v>
      </c>
      <c r="CP15" s="244"/>
      <c r="CQ15" s="71">
        <v>96</v>
      </c>
      <c r="CR15" s="71">
        <v>48</v>
      </c>
      <c r="CS15" s="71">
        <v>41</v>
      </c>
      <c r="CT15" s="71">
        <v>35</v>
      </c>
      <c r="CU15" s="71">
        <v>16</v>
      </c>
      <c r="CV15" s="72">
        <v>236</v>
      </c>
      <c r="CW15" s="73">
        <v>322</v>
      </c>
      <c r="CX15" s="123">
        <v>22</v>
      </c>
      <c r="CY15" s="82">
        <v>17</v>
      </c>
      <c r="CZ15" s="83">
        <v>39</v>
      </c>
      <c r="DA15" s="241"/>
      <c r="DB15" s="82">
        <v>46</v>
      </c>
      <c r="DC15" s="82">
        <v>27</v>
      </c>
      <c r="DD15" s="82">
        <v>27</v>
      </c>
      <c r="DE15" s="82">
        <v>27</v>
      </c>
      <c r="DF15" s="82">
        <v>12</v>
      </c>
      <c r="DG15" s="84">
        <v>139</v>
      </c>
      <c r="DH15" s="85">
        <v>178</v>
      </c>
      <c r="DI15" s="70">
        <v>0</v>
      </c>
      <c r="DJ15" s="71">
        <v>1</v>
      </c>
      <c r="DK15" s="72">
        <v>1</v>
      </c>
      <c r="DL15" s="244"/>
      <c r="DM15" s="71">
        <v>1</v>
      </c>
      <c r="DN15" s="71">
        <v>0</v>
      </c>
      <c r="DO15" s="71">
        <v>0</v>
      </c>
      <c r="DP15" s="71">
        <v>0</v>
      </c>
      <c r="DQ15" s="71">
        <v>0</v>
      </c>
      <c r="DR15" s="72">
        <v>1</v>
      </c>
      <c r="DS15" s="73">
        <v>2</v>
      </c>
      <c r="DT15" s="70">
        <v>0</v>
      </c>
      <c r="DU15" s="71">
        <v>2</v>
      </c>
      <c r="DV15" s="72">
        <v>2</v>
      </c>
      <c r="DW15" s="244"/>
      <c r="DX15" s="71">
        <v>4</v>
      </c>
      <c r="DY15" s="71">
        <v>1</v>
      </c>
      <c r="DZ15" s="71">
        <v>0</v>
      </c>
      <c r="EA15" s="71">
        <v>1</v>
      </c>
      <c r="EB15" s="71">
        <v>1</v>
      </c>
      <c r="EC15" s="72">
        <v>7</v>
      </c>
      <c r="ED15" s="73">
        <v>9</v>
      </c>
      <c r="EE15" s="70">
        <v>5</v>
      </c>
      <c r="EF15" s="71">
        <v>3</v>
      </c>
      <c r="EG15" s="72">
        <v>8</v>
      </c>
      <c r="EH15" s="244"/>
      <c r="EI15" s="71">
        <v>6</v>
      </c>
      <c r="EJ15" s="71">
        <v>1</v>
      </c>
      <c r="EK15" s="71">
        <v>3</v>
      </c>
      <c r="EL15" s="71">
        <v>2</v>
      </c>
      <c r="EM15" s="71">
        <v>0</v>
      </c>
      <c r="EN15" s="72">
        <v>12</v>
      </c>
      <c r="EO15" s="73">
        <v>20</v>
      </c>
      <c r="EP15" s="70">
        <v>0</v>
      </c>
      <c r="EQ15" s="71">
        <v>2</v>
      </c>
      <c r="ER15" s="72">
        <v>2</v>
      </c>
      <c r="ES15" s="244"/>
      <c r="ET15" s="71">
        <v>9</v>
      </c>
      <c r="EU15" s="71">
        <v>7</v>
      </c>
      <c r="EV15" s="71">
        <v>1</v>
      </c>
      <c r="EW15" s="71">
        <v>3</v>
      </c>
      <c r="EX15" s="71">
        <v>2</v>
      </c>
      <c r="EY15" s="72">
        <v>22</v>
      </c>
      <c r="EZ15" s="73">
        <v>24</v>
      </c>
      <c r="FA15" s="70">
        <v>12</v>
      </c>
      <c r="FB15" s="71">
        <v>2</v>
      </c>
      <c r="FC15" s="72">
        <v>14</v>
      </c>
      <c r="FD15" s="244"/>
      <c r="FE15" s="71">
        <v>14</v>
      </c>
      <c r="FF15" s="71">
        <v>13</v>
      </c>
      <c r="FG15" s="71">
        <v>10</v>
      </c>
      <c r="FH15" s="71">
        <v>8</v>
      </c>
      <c r="FI15" s="71">
        <v>5</v>
      </c>
      <c r="FJ15" s="72">
        <v>50</v>
      </c>
      <c r="FK15" s="73">
        <v>64</v>
      </c>
      <c r="FL15" s="70">
        <v>5</v>
      </c>
      <c r="FM15" s="71">
        <v>7</v>
      </c>
      <c r="FN15" s="72">
        <v>12</v>
      </c>
      <c r="FO15" s="244"/>
      <c r="FP15" s="71">
        <v>12</v>
      </c>
      <c r="FQ15" s="71">
        <v>5</v>
      </c>
      <c r="FR15" s="71">
        <v>13</v>
      </c>
      <c r="FS15" s="71">
        <v>13</v>
      </c>
      <c r="FT15" s="71">
        <v>4</v>
      </c>
      <c r="FU15" s="72">
        <v>47</v>
      </c>
      <c r="FV15" s="73">
        <v>59</v>
      </c>
      <c r="FW15" s="70">
        <v>0</v>
      </c>
      <c r="FX15" s="71">
        <v>0</v>
      </c>
      <c r="FY15" s="72">
        <v>0</v>
      </c>
      <c r="FZ15" s="244"/>
      <c r="GA15" s="71">
        <v>0</v>
      </c>
      <c r="GB15" s="71">
        <v>0</v>
      </c>
      <c r="GC15" s="71">
        <v>0</v>
      </c>
      <c r="GD15" s="71">
        <v>0</v>
      </c>
      <c r="GE15" s="71">
        <v>0</v>
      </c>
      <c r="GF15" s="72">
        <v>0</v>
      </c>
      <c r="GG15" s="73">
        <v>0</v>
      </c>
      <c r="GH15" s="70">
        <v>22</v>
      </c>
      <c r="GI15" s="71">
        <v>17</v>
      </c>
      <c r="GJ15" s="72">
        <v>39</v>
      </c>
      <c r="GK15" s="244"/>
      <c r="GL15" s="71">
        <v>46</v>
      </c>
      <c r="GM15" s="71">
        <v>27</v>
      </c>
      <c r="GN15" s="71">
        <v>27</v>
      </c>
      <c r="GO15" s="71">
        <v>27</v>
      </c>
      <c r="GP15" s="71">
        <v>12</v>
      </c>
      <c r="GQ15" s="72">
        <v>139</v>
      </c>
      <c r="GR15" s="73">
        <v>178</v>
      </c>
      <c r="GS15" s="123">
        <v>69</v>
      </c>
      <c r="GT15" s="82">
        <v>56</v>
      </c>
      <c r="GU15" s="83">
        <v>125</v>
      </c>
      <c r="GV15" s="241"/>
      <c r="GW15" s="82">
        <v>142</v>
      </c>
      <c r="GX15" s="82">
        <v>75</v>
      </c>
      <c r="GY15" s="82">
        <v>68</v>
      </c>
      <c r="GZ15" s="82">
        <v>62</v>
      </c>
      <c r="HA15" s="82">
        <v>28</v>
      </c>
      <c r="HB15" s="84">
        <v>375</v>
      </c>
      <c r="HC15" s="85">
        <v>500</v>
      </c>
      <c r="HD15" s="70">
        <v>1</v>
      </c>
      <c r="HE15" s="71">
        <v>3</v>
      </c>
      <c r="HF15" s="72">
        <v>4</v>
      </c>
      <c r="HG15" s="244"/>
      <c r="HH15" s="71">
        <v>6</v>
      </c>
      <c r="HI15" s="71">
        <v>0</v>
      </c>
      <c r="HJ15" s="71">
        <v>2</v>
      </c>
      <c r="HK15" s="71">
        <v>1</v>
      </c>
      <c r="HL15" s="71">
        <v>0</v>
      </c>
      <c r="HM15" s="72">
        <v>9</v>
      </c>
      <c r="HN15" s="73">
        <v>13</v>
      </c>
      <c r="HO15" s="70">
        <v>3</v>
      </c>
      <c r="HP15" s="71">
        <v>3</v>
      </c>
      <c r="HQ15" s="72">
        <v>6</v>
      </c>
      <c r="HR15" s="244"/>
      <c r="HS15" s="71">
        <v>11</v>
      </c>
      <c r="HT15" s="71">
        <v>6</v>
      </c>
      <c r="HU15" s="71">
        <v>3</v>
      </c>
      <c r="HV15" s="71">
        <v>3</v>
      </c>
      <c r="HW15" s="71">
        <v>2</v>
      </c>
      <c r="HX15" s="72">
        <v>25</v>
      </c>
      <c r="HY15" s="73">
        <v>31</v>
      </c>
      <c r="HZ15" s="70">
        <v>12</v>
      </c>
      <c r="IA15" s="71">
        <v>10</v>
      </c>
      <c r="IB15" s="72">
        <v>22</v>
      </c>
      <c r="IC15" s="244"/>
      <c r="ID15" s="71">
        <v>28</v>
      </c>
      <c r="IE15" s="71">
        <v>9</v>
      </c>
      <c r="IF15" s="71">
        <v>10</v>
      </c>
      <c r="IG15" s="71">
        <v>6</v>
      </c>
      <c r="IH15" s="71">
        <v>2</v>
      </c>
      <c r="II15" s="72">
        <v>55</v>
      </c>
      <c r="IJ15" s="73">
        <v>77</v>
      </c>
      <c r="IK15" s="70">
        <v>9</v>
      </c>
      <c r="IL15" s="71">
        <v>8</v>
      </c>
      <c r="IM15" s="72">
        <v>17</v>
      </c>
      <c r="IN15" s="244"/>
      <c r="IO15" s="71">
        <v>30</v>
      </c>
      <c r="IP15" s="71">
        <v>22</v>
      </c>
      <c r="IQ15" s="71">
        <v>11</v>
      </c>
      <c r="IR15" s="71">
        <v>15</v>
      </c>
      <c r="IS15" s="71">
        <v>6</v>
      </c>
      <c r="IT15" s="72">
        <v>84</v>
      </c>
      <c r="IU15" s="73">
        <v>101</v>
      </c>
      <c r="IV15" s="70">
        <v>31</v>
      </c>
      <c r="IW15" s="71">
        <v>17</v>
      </c>
      <c r="IX15" s="72">
        <v>48</v>
      </c>
      <c r="IY15" s="244"/>
      <c r="IZ15" s="71">
        <v>38</v>
      </c>
      <c r="JA15" s="71">
        <v>24</v>
      </c>
      <c r="JB15" s="71">
        <v>15</v>
      </c>
      <c r="JC15" s="71">
        <v>17</v>
      </c>
      <c r="JD15" s="71">
        <v>10</v>
      </c>
      <c r="JE15" s="72">
        <v>104</v>
      </c>
      <c r="JF15" s="73">
        <v>152</v>
      </c>
      <c r="JG15" s="70">
        <v>13</v>
      </c>
      <c r="JH15" s="71">
        <v>15</v>
      </c>
      <c r="JI15" s="72">
        <v>28</v>
      </c>
      <c r="JJ15" s="244"/>
      <c r="JK15" s="71">
        <v>29</v>
      </c>
      <c r="JL15" s="71">
        <v>14</v>
      </c>
      <c r="JM15" s="71">
        <v>27</v>
      </c>
      <c r="JN15" s="71">
        <v>20</v>
      </c>
      <c r="JO15" s="71">
        <v>8</v>
      </c>
      <c r="JP15" s="72">
        <v>98</v>
      </c>
      <c r="JQ15" s="73">
        <v>126</v>
      </c>
      <c r="JR15" s="70">
        <v>0</v>
      </c>
      <c r="JS15" s="71">
        <v>0</v>
      </c>
      <c r="JT15" s="72">
        <v>0</v>
      </c>
      <c r="JU15" s="244"/>
      <c r="JV15" s="71">
        <v>0</v>
      </c>
      <c r="JW15" s="71">
        <v>0</v>
      </c>
      <c r="JX15" s="71">
        <v>0</v>
      </c>
      <c r="JY15" s="71">
        <v>0</v>
      </c>
      <c r="JZ15" s="71">
        <v>0</v>
      </c>
      <c r="KA15" s="72">
        <v>0</v>
      </c>
      <c r="KB15" s="73">
        <v>0</v>
      </c>
      <c r="KC15" s="70">
        <v>69</v>
      </c>
      <c r="KD15" s="71">
        <v>56</v>
      </c>
      <c r="KE15" s="72">
        <v>125</v>
      </c>
      <c r="KF15" s="244"/>
      <c r="KG15" s="71">
        <v>142</v>
      </c>
      <c r="KH15" s="71">
        <v>75</v>
      </c>
      <c r="KI15" s="71">
        <v>68</v>
      </c>
      <c r="KJ15" s="71">
        <v>62</v>
      </c>
      <c r="KK15" s="71">
        <v>28</v>
      </c>
      <c r="KL15" s="72">
        <v>375</v>
      </c>
      <c r="KM15" s="73">
        <v>500</v>
      </c>
    </row>
    <row r="16" spans="2:299" ht="21" customHeight="1" x14ac:dyDescent="0.2">
      <c r="B16" s="126" t="s">
        <v>12</v>
      </c>
      <c r="C16" s="313">
        <v>128</v>
      </c>
      <c r="D16" s="82">
        <v>91</v>
      </c>
      <c r="E16" s="83">
        <v>219</v>
      </c>
      <c r="F16" s="241"/>
      <c r="G16" s="82">
        <v>120</v>
      </c>
      <c r="H16" s="82">
        <v>85</v>
      </c>
      <c r="I16" s="82">
        <v>53</v>
      </c>
      <c r="J16" s="82">
        <v>60</v>
      </c>
      <c r="K16" s="82">
        <v>38</v>
      </c>
      <c r="L16" s="84">
        <v>356</v>
      </c>
      <c r="M16" s="85">
        <v>575</v>
      </c>
      <c r="N16" s="86">
        <v>2</v>
      </c>
      <c r="O16" s="71">
        <v>5</v>
      </c>
      <c r="P16" s="72">
        <v>7</v>
      </c>
      <c r="Q16" s="244"/>
      <c r="R16" s="71">
        <v>3</v>
      </c>
      <c r="S16" s="71">
        <v>3</v>
      </c>
      <c r="T16" s="71">
        <v>2</v>
      </c>
      <c r="U16" s="71">
        <v>2</v>
      </c>
      <c r="V16" s="71">
        <v>0</v>
      </c>
      <c r="W16" s="72">
        <v>10</v>
      </c>
      <c r="X16" s="73">
        <v>17</v>
      </c>
      <c r="Y16" s="70">
        <v>10</v>
      </c>
      <c r="Z16" s="71">
        <v>11</v>
      </c>
      <c r="AA16" s="72">
        <v>21</v>
      </c>
      <c r="AB16" s="244"/>
      <c r="AC16" s="71">
        <v>6</v>
      </c>
      <c r="AD16" s="71">
        <v>8</v>
      </c>
      <c r="AE16" s="71">
        <v>2</v>
      </c>
      <c r="AF16" s="71">
        <v>5</v>
      </c>
      <c r="AG16" s="71">
        <v>5</v>
      </c>
      <c r="AH16" s="72">
        <v>26</v>
      </c>
      <c r="AI16" s="73">
        <v>47</v>
      </c>
      <c r="AJ16" s="86">
        <v>15</v>
      </c>
      <c r="AK16" s="71">
        <v>10</v>
      </c>
      <c r="AL16" s="72">
        <v>25</v>
      </c>
      <c r="AM16" s="244"/>
      <c r="AN16" s="71">
        <v>6</v>
      </c>
      <c r="AO16" s="71">
        <v>9</v>
      </c>
      <c r="AP16" s="71">
        <v>3</v>
      </c>
      <c r="AQ16" s="71">
        <v>6</v>
      </c>
      <c r="AR16" s="71">
        <v>5</v>
      </c>
      <c r="AS16" s="72">
        <v>29</v>
      </c>
      <c r="AT16" s="73">
        <v>54</v>
      </c>
      <c r="AU16" s="70">
        <v>29</v>
      </c>
      <c r="AV16" s="71">
        <v>25</v>
      </c>
      <c r="AW16" s="72">
        <v>54</v>
      </c>
      <c r="AX16" s="244"/>
      <c r="AY16" s="71">
        <v>29</v>
      </c>
      <c r="AZ16" s="71">
        <v>23</v>
      </c>
      <c r="BA16" s="71">
        <v>14</v>
      </c>
      <c r="BB16" s="71">
        <v>10</v>
      </c>
      <c r="BC16" s="71">
        <v>13</v>
      </c>
      <c r="BD16" s="72">
        <v>89</v>
      </c>
      <c r="BE16" s="73">
        <v>143</v>
      </c>
      <c r="BF16" s="86">
        <v>39</v>
      </c>
      <c r="BG16" s="71">
        <v>19</v>
      </c>
      <c r="BH16" s="72">
        <v>58</v>
      </c>
      <c r="BI16" s="244"/>
      <c r="BJ16" s="71">
        <v>38</v>
      </c>
      <c r="BK16" s="71">
        <v>24</v>
      </c>
      <c r="BL16" s="71">
        <v>17</v>
      </c>
      <c r="BM16" s="71">
        <v>22</v>
      </c>
      <c r="BN16" s="71">
        <v>8</v>
      </c>
      <c r="BO16" s="72">
        <v>109</v>
      </c>
      <c r="BP16" s="73">
        <v>167</v>
      </c>
      <c r="BQ16" s="70">
        <v>33</v>
      </c>
      <c r="BR16" s="71">
        <v>21</v>
      </c>
      <c r="BS16" s="72">
        <v>54</v>
      </c>
      <c r="BT16" s="244"/>
      <c r="BU16" s="71">
        <v>38</v>
      </c>
      <c r="BV16" s="71">
        <v>18</v>
      </c>
      <c r="BW16" s="71">
        <v>15</v>
      </c>
      <c r="BX16" s="71">
        <v>15</v>
      </c>
      <c r="BY16" s="71">
        <v>7</v>
      </c>
      <c r="BZ16" s="72">
        <v>93</v>
      </c>
      <c r="CA16" s="73">
        <v>147</v>
      </c>
      <c r="CB16" s="70">
        <v>0</v>
      </c>
      <c r="CC16" s="71">
        <v>0</v>
      </c>
      <c r="CD16" s="72">
        <v>0</v>
      </c>
      <c r="CE16" s="244"/>
      <c r="CF16" s="71">
        <v>0</v>
      </c>
      <c r="CG16" s="71">
        <v>0</v>
      </c>
      <c r="CH16" s="71">
        <v>0</v>
      </c>
      <c r="CI16" s="71">
        <v>0</v>
      </c>
      <c r="CJ16" s="71">
        <v>0</v>
      </c>
      <c r="CK16" s="72">
        <v>0</v>
      </c>
      <c r="CL16" s="73">
        <v>0</v>
      </c>
      <c r="CM16" s="70">
        <v>128</v>
      </c>
      <c r="CN16" s="71">
        <v>91</v>
      </c>
      <c r="CO16" s="72">
        <v>219</v>
      </c>
      <c r="CP16" s="244"/>
      <c r="CQ16" s="71">
        <v>120</v>
      </c>
      <c r="CR16" s="71">
        <v>85</v>
      </c>
      <c r="CS16" s="71">
        <v>53</v>
      </c>
      <c r="CT16" s="71">
        <v>60</v>
      </c>
      <c r="CU16" s="71">
        <v>38</v>
      </c>
      <c r="CV16" s="72">
        <v>356</v>
      </c>
      <c r="CW16" s="73">
        <v>575</v>
      </c>
      <c r="CX16" s="123">
        <v>38</v>
      </c>
      <c r="CY16" s="82">
        <v>33</v>
      </c>
      <c r="CZ16" s="83">
        <v>71</v>
      </c>
      <c r="DA16" s="241"/>
      <c r="DB16" s="82">
        <v>41</v>
      </c>
      <c r="DC16" s="82">
        <v>33</v>
      </c>
      <c r="DD16" s="82">
        <v>29</v>
      </c>
      <c r="DE16" s="82">
        <v>31</v>
      </c>
      <c r="DF16" s="82">
        <v>10</v>
      </c>
      <c r="DG16" s="84">
        <v>144</v>
      </c>
      <c r="DH16" s="85">
        <v>215</v>
      </c>
      <c r="DI16" s="86">
        <v>1</v>
      </c>
      <c r="DJ16" s="71">
        <v>1</v>
      </c>
      <c r="DK16" s="72">
        <v>2</v>
      </c>
      <c r="DL16" s="244"/>
      <c r="DM16" s="71">
        <v>1</v>
      </c>
      <c r="DN16" s="71">
        <v>0</v>
      </c>
      <c r="DO16" s="71">
        <v>1</v>
      </c>
      <c r="DP16" s="71">
        <v>0</v>
      </c>
      <c r="DQ16" s="71">
        <v>0</v>
      </c>
      <c r="DR16" s="72">
        <v>2</v>
      </c>
      <c r="DS16" s="73">
        <v>4</v>
      </c>
      <c r="DT16" s="70">
        <v>2</v>
      </c>
      <c r="DU16" s="71">
        <v>2</v>
      </c>
      <c r="DV16" s="72">
        <v>4</v>
      </c>
      <c r="DW16" s="244"/>
      <c r="DX16" s="71">
        <v>1</v>
      </c>
      <c r="DY16" s="71">
        <v>2</v>
      </c>
      <c r="DZ16" s="71">
        <v>0</v>
      </c>
      <c r="EA16" s="71">
        <v>1</v>
      </c>
      <c r="EB16" s="71">
        <v>0</v>
      </c>
      <c r="EC16" s="72">
        <v>4</v>
      </c>
      <c r="ED16" s="73">
        <v>8</v>
      </c>
      <c r="EE16" s="86">
        <v>6</v>
      </c>
      <c r="EF16" s="71">
        <v>4</v>
      </c>
      <c r="EG16" s="72">
        <v>10</v>
      </c>
      <c r="EH16" s="244"/>
      <c r="EI16" s="71">
        <v>6</v>
      </c>
      <c r="EJ16" s="71">
        <v>4</v>
      </c>
      <c r="EK16" s="71">
        <v>0</v>
      </c>
      <c r="EL16" s="71">
        <v>1</v>
      </c>
      <c r="EM16" s="71">
        <v>2</v>
      </c>
      <c r="EN16" s="72">
        <v>13</v>
      </c>
      <c r="EO16" s="73">
        <v>23</v>
      </c>
      <c r="EP16" s="70">
        <v>9</v>
      </c>
      <c r="EQ16" s="71">
        <v>12</v>
      </c>
      <c r="ER16" s="72">
        <v>21</v>
      </c>
      <c r="ES16" s="244"/>
      <c r="ET16" s="71">
        <v>8</v>
      </c>
      <c r="EU16" s="71">
        <v>5</v>
      </c>
      <c r="EV16" s="71">
        <v>2</v>
      </c>
      <c r="EW16" s="71">
        <v>7</v>
      </c>
      <c r="EX16" s="71">
        <v>2</v>
      </c>
      <c r="EY16" s="72">
        <v>24</v>
      </c>
      <c r="EZ16" s="73">
        <v>45</v>
      </c>
      <c r="FA16" s="86">
        <v>12</v>
      </c>
      <c r="FB16" s="71">
        <v>6</v>
      </c>
      <c r="FC16" s="72">
        <v>18</v>
      </c>
      <c r="FD16" s="244"/>
      <c r="FE16" s="71">
        <v>10</v>
      </c>
      <c r="FF16" s="71">
        <v>10</v>
      </c>
      <c r="FG16" s="71">
        <v>13</v>
      </c>
      <c r="FH16" s="71">
        <v>7</v>
      </c>
      <c r="FI16" s="71">
        <v>1</v>
      </c>
      <c r="FJ16" s="72">
        <v>41</v>
      </c>
      <c r="FK16" s="73">
        <v>59</v>
      </c>
      <c r="FL16" s="70">
        <v>8</v>
      </c>
      <c r="FM16" s="71">
        <v>8</v>
      </c>
      <c r="FN16" s="72">
        <v>16</v>
      </c>
      <c r="FO16" s="244"/>
      <c r="FP16" s="71">
        <v>15</v>
      </c>
      <c r="FQ16" s="71">
        <v>12</v>
      </c>
      <c r="FR16" s="71">
        <v>13</v>
      </c>
      <c r="FS16" s="71">
        <v>15</v>
      </c>
      <c r="FT16" s="71">
        <v>5</v>
      </c>
      <c r="FU16" s="72">
        <v>60</v>
      </c>
      <c r="FV16" s="73">
        <v>76</v>
      </c>
      <c r="FW16" s="70">
        <v>0</v>
      </c>
      <c r="FX16" s="71">
        <v>0</v>
      </c>
      <c r="FY16" s="72">
        <v>0</v>
      </c>
      <c r="FZ16" s="244"/>
      <c r="GA16" s="71">
        <v>0</v>
      </c>
      <c r="GB16" s="71">
        <v>0</v>
      </c>
      <c r="GC16" s="71">
        <v>0</v>
      </c>
      <c r="GD16" s="71">
        <v>0</v>
      </c>
      <c r="GE16" s="71">
        <v>0</v>
      </c>
      <c r="GF16" s="72">
        <v>0</v>
      </c>
      <c r="GG16" s="73">
        <v>0</v>
      </c>
      <c r="GH16" s="70">
        <v>38</v>
      </c>
      <c r="GI16" s="71">
        <v>33</v>
      </c>
      <c r="GJ16" s="72">
        <v>71</v>
      </c>
      <c r="GK16" s="244"/>
      <c r="GL16" s="71">
        <v>41</v>
      </c>
      <c r="GM16" s="71">
        <v>33</v>
      </c>
      <c r="GN16" s="71">
        <v>29</v>
      </c>
      <c r="GO16" s="71">
        <v>31</v>
      </c>
      <c r="GP16" s="71">
        <v>10</v>
      </c>
      <c r="GQ16" s="72">
        <v>144</v>
      </c>
      <c r="GR16" s="73">
        <v>215</v>
      </c>
      <c r="GS16" s="123">
        <v>166</v>
      </c>
      <c r="GT16" s="82">
        <v>124</v>
      </c>
      <c r="GU16" s="83">
        <v>290</v>
      </c>
      <c r="GV16" s="241"/>
      <c r="GW16" s="82">
        <v>161</v>
      </c>
      <c r="GX16" s="82">
        <v>118</v>
      </c>
      <c r="GY16" s="82">
        <v>82</v>
      </c>
      <c r="GZ16" s="82">
        <v>91</v>
      </c>
      <c r="HA16" s="82">
        <v>48</v>
      </c>
      <c r="HB16" s="84">
        <v>500</v>
      </c>
      <c r="HC16" s="85">
        <v>790</v>
      </c>
      <c r="HD16" s="86">
        <v>3</v>
      </c>
      <c r="HE16" s="71">
        <v>6</v>
      </c>
      <c r="HF16" s="72">
        <v>9</v>
      </c>
      <c r="HG16" s="244"/>
      <c r="HH16" s="71">
        <v>4</v>
      </c>
      <c r="HI16" s="71">
        <v>3</v>
      </c>
      <c r="HJ16" s="71">
        <v>3</v>
      </c>
      <c r="HK16" s="71">
        <v>2</v>
      </c>
      <c r="HL16" s="71">
        <v>0</v>
      </c>
      <c r="HM16" s="72">
        <v>12</v>
      </c>
      <c r="HN16" s="73">
        <v>21</v>
      </c>
      <c r="HO16" s="70">
        <v>12</v>
      </c>
      <c r="HP16" s="71">
        <v>13</v>
      </c>
      <c r="HQ16" s="72">
        <v>25</v>
      </c>
      <c r="HR16" s="244"/>
      <c r="HS16" s="71">
        <v>7</v>
      </c>
      <c r="HT16" s="71">
        <v>10</v>
      </c>
      <c r="HU16" s="71">
        <v>2</v>
      </c>
      <c r="HV16" s="71">
        <v>6</v>
      </c>
      <c r="HW16" s="71">
        <v>5</v>
      </c>
      <c r="HX16" s="72">
        <v>30</v>
      </c>
      <c r="HY16" s="73">
        <v>55</v>
      </c>
      <c r="HZ16" s="86">
        <v>21</v>
      </c>
      <c r="IA16" s="71">
        <v>14</v>
      </c>
      <c r="IB16" s="72">
        <v>35</v>
      </c>
      <c r="IC16" s="244"/>
      <c r="ID16" s="71">
        <v>12</v>
      </c>
      <c r="IE16" s="71">
        <v>13</v>
      </c>
      <c r="IF16" s="71">
        <v>3</v>
      </c>
      <c r="IG16" s="71">
        <v>7</v>
      </c>
      <c r="IH16" s="71">
        <v>7</v>
      </c>
      <c r="II16" s="72">
        <v>42</v>
      </c>
      <c r="IJ16" s="73">
        <v>77</v>
      </c>
      <c r="IK16" s="70">
        <v>38</v>
      </c>
      <c r="IL16" s="71">
        <v>37</v>
      </c>
      <c r="IM16" s="72">
        <v>75</v>
      </c>
      <c r="IN16" s="244"/>
      <c r="IO16" s="71">
        <v>37</v>
      </c>
      <c r="IP16" s="71">
        <v>28</v>
      </c>
      <c r="IQ16" s="71">
        <v>16</v>
      </c>
      <c r="IR16" s="71">
        <v>17</v>
      </c>
      <c r="IS16" s="71">
        <v>15</v>
      </c>
      <c r="IT16" s="72">
        <v>113</v>
      </c>
      <c r="IU16" s="73">
        <v>188</v>
      </c>
      <c r="IV16" s="86">
        <v>51</v>
      </c>
      <c r="IW16" s="71">
        <v>25</v>
      </c>
      <c r="IX16" s="72">
        <v>76</v>
      </c>
      <c r="IY16" s="244"/>
      <c r="IZ16" s="71">
        <v>48</v>
      </c>
      <c r="JA16" s="71">
        <v>34</v>
      </c>
      <c r="JB16" s="71">
        <v>30</v>
      </c>
      <c r="JC16" s="71">
        <v>29</v>
      </c>
      <c r="JD16" s="71">
        <v>9</v>
      </c>
      <c r="JE16" s="72">
        <v>150</v>
      </c>
      <c r="JF16" s="73">
        <v>226</v>
      </c>
      <c r="JG16" s="70">
        <v>41</v>
      </c>
      <c r="JH16" s="71">
        <v>29</v>
      </c>
      <c r="JI16" s="72">
        <v>70</v>
      </c>
      <c r="JJ16" s="244"/>
      <c r="JK16" s="71">
        <v>53</v>
      </c>
      <c r="JL16" s="71">
        <v>30</v>
      </c>
      <c r="JM16" s="71">
        <v>28</v>
      </c>
      <c r="JN16" s="71">
        <v>30</v>
      </c>
      <c r="JO16" s="71">
        <v>12</v>
      </c>
      <c r="JP16" s="72">
        <v>153</v>
      </c>
      <c r="JQ16" s="73">
        <v>223</v>
      </c>
      <c r="JR16" s="70">
        <v>0</v>
      </c>
      <c r="JS16" s="71">
        <v>0</v>
      </c>
      <c r="JT16" s="72">
        <v>0</v>
      </c>
      <c r="JU16" s="244"/>
      <c r="JV16" s="71">
        <v>0</v>
      </c>
      <c r="JW16" s="71">
        <v>0</v>
      </c>
      <c r="JX16" s="71">
        <v>0</v>
      </c>
      <c r="JY16" s="71">
        <v>0</v>
      </c>
      <c r="JZ16" s="71">
        <v>0</v>
      </c>
      <c r="KA16" s="72">
        <v>0</v>
      </c>
      <c r="KB16" s="73">
        <v>0</v>
      </c>
      <c r="KC16" s="70">
        <v>166</v>
      </c>
      <c r="KD16" s="71">
        <v>124</v>
      </c>
      <c r="KE16" s="72">
        <v>290</v>
      </c>
      <c r="KF16" s="244"/>
      <c r="KG16" s="71">
        <v>161</v>
      </c>
      <c r="KH16" s="71">
        <v>118</v>
      </c>
      <c r="KI16" s="71">
        <v>82</v>
      </c>
      <c r="KJ16" s="71">
        <v>91</v>
      </c>
      <c r="KK16" s="71">
        <v>48</v>
      </c>
      <c r="KL16" s="72">
        <v>500</v>
      </c>
      <c r="KM16" s="73">
        <v>790</v>
      </c>
    </row>
    <row r="17" spans="2:299" ht="21" customHeight="1" x14ac:dyDescent="0.2">
      <c r="B17" s="126" t="s">
        <v>13</v>
      </c>
      <c r="C17" s="313">
        <v>47</v>
      </c>
      <c r="D17" s="82">
        <v>40</v>
      </c>
      <c r="E17" s="83">
        <v>87</v>
      </c>
      <c r="F17" s="241"/>
      <c r="G17" s="82">
        <v>63</v>
      </c>
      <c r="H17" s="82">
        <v>58</v>
      </c>
      <c r="I17" s="82">
        <v>37</v>
      </c>
      <c r="J17" s="82">
        <v>23</v>
      </c>
      <c r="K17" s="82">
        <v>21</v>
      </c>
      <c r="L17" s="84">
        <v>202</v>
      </c>
      <c r="M17" s="85">
        <v>289</v>
      </c>
      <c r="N17" s="70">
        <v>0</v>
      </c>
      <c r="O17" s="71">
        <v>2</v>
      </c>
      <c r="P17" s="72">
        <v>2</v>
      </c>
      <c r="Q17" s="244"/>
      <c r="R17" s="71">
        <v>3</v>
      </c>
      <c r="S17" s="71">
        <v>1</v>
      </c>
      <c r="T17" s="71">
        <v>0</v>
      </c>
      <c r="U17" s="71">
        <v>1</v>
      </c>
      <c r="V17" s="71">
        <v>0</v>
      </c>
      <c r="W17" s="72">
        <v>5</v>
      </c>
      <c r="X17" s="73">
        <v>7</v>
      </c>
      <c r="Y17" s="70">
        <v>2</v>
      </c>
      <c r="Z17" s="71">
        <v>1</v>
      </c>
      <c r="AA17" s="72">
        <v>3</v>
      </c>
      <c r="AB17" s="244"/>
      <c r="AC17" s="71">
        <v>5</v>
      </c>
      <c r="AD17" s="71">
        <v>2</v>
      </c>
      <c r="AE17" s="71">
        <v>0</v>
      </c>
      <c r="AF17" s="71">
        <v>0</v>
      </c>
      <c r="AG17" s="71">
        <v>0</v>
      </c>
      <c r="AH17" s="72">
        <v>7</v>
      </c>
      <c r="AI17" s="73">
        <v>10</v>
      </c>
      <c r="AJ17" s="70">
        <v>3</v>
      </c>
      <c r="AK17" s="71">
        <v>3</v>
      </c>
      <c r="AL17" s="72">
        <v>6</v>
      </c>
      <c r="AM17" s="244"/>
      <c r="AN17" s="71">
        <v>8</v>
      </c>
      <c r="AO17" s="71">
        <v>6</v>
      </c>
      <c r="AP17" s="71">
        <v>6</v>
      </c>
      <c r="AQ17" s="71">
        <v>2</v>
      </c>
      <c r="AR17" s="71">
        <v>2</v>
      </c>
      <c r="AS17" s="72">
        <v>24</v>
      </c>
      <c r="AT17" s="73">
        <v>30</v>
      </c>
      <c r="AU17" s="70">
        <v>11</v>
      </c>
      <c r="AV17" s="71">
        <v>10</v>
      </c>
      <c r="AW17" s="72">
        <v>21</v>
      </c>
      <c r="AX17" s="244"/>
      <c r="AY17" s="71">
        <v>18</v>
      </c>
      <c r="AZ17" s="71">
        <v>8</v>
      </c>
      <c r="BA17" s="71">
        <v>8</v>
      </c>
      <c r="BB17" s="71">
        <v>7</v>
      </c>
      <c r="BC17" s="71">
        <v>6</v>
      </c>
      <c r="BD17" s="72">
        <v>47</v>
      </c>
      <c r="BE17" s="73">
        <v>68</v>
      </c>
      <c r="BF17" s="70">
        <v>15</v>
      </c>
      <c r="BG17" s="71">
        <v>11</v>
      </c>
      <c r="BH17" s="72">
        <v>26</v>
      </c>
      <c r="BI17" s="244"/>
      <c r="BJ17" s="71">
        <v>17</v>
      </c>
      <c r="BK17" s="71">
        <v>17</v>
      </c>
      <c r="BL17" s="71">
        <v>8</v>
      </c>
      <c r="BM17" s="71">
        <v>7</v>
      </c>
      <c r="BN17" s="71">
        <v>8</v>
      </c>
      <c r="BO17" s="72">
        <v>57</v>
      </c>
      <c r="BP17" s="73">
        <v>83</v>
      </c>
      <c r="BQ17" s="70">
        <v>16</v>
      </c>
      <c r="BR17" s="71">
        <v>13</v>
      </c>
      <c r="BS17" s="72">
        <v>29</v>
      </c>
      <c r="BT17" s="244"/>
      <c r="BU17" s="71">
        <v>12</v>
      </c>
      <c r="BV17" s="71">
        <v>24</v>
      </c>
      <c r="BW17" s="71">
        <v>15</v>
      </c>
      <c r="BX17" s="71">
        <v>6</v>
      </c>
      <c r="BY17" s="71">
        <v>5</v>
      </c>
      <c r="BZ17" s="72">
        <v>62</v>
      </c>
      <c r="CA17" s="73">
        <v>91</v>
      </c>
      <c r="CB17" s="70">
        <v>0</v>
      </c>
      <c r="CC17" s="71">
        <v>0</v>
      </c>
      <c r="CD17" s="72">
        <v>0</v>
      </c>
      <c r="CE17" s="244"/>
      <c r="CF17" s="71">
        <v>0</v>
      </c>
      <c r="CG17" s="71">
        <v>0</v>
      </c>
      <c r="CH17" s="71">
        <v>0</v>
      </c>
      <c r="CI17" s="71">
        <v>0</v>
      </c>
      <c r="CJ17" s="71">
        <v>0</v>
      </c>
      <c r="CK17" s="72">
        <v>0</v>
      </c>
      <c r="CL17" s="73">
        <v>0</v>
      </c>
      <c r="CM17" s="70">
        <v>47</v>
      </c>
      <c r="CN17" s="71">
        <v>40</v>
      </c>
      <c r="CO17" s="72">
        <v>87</v>
      </c>
      <c r="CP17" s="244"/>
      <c r="CQ17" s="71">
        <v>63</v>
      </c>
      <c r="CR17" s="71">
        <v>58</v>
      </c>
      <c r="CS17" s="71">
        <v>37</v>
      </c>
      <c r="CT17" s="71">
        <v>23</v>
      </c>
      <c r="CU17" s="71">
        <v>21</v>
      </c>
      <c r="CV17" s="72">
        <v>202</v>
      </c>
      <c r="CW17" s="73">
        <v>289</v>
      </c>
      <c r="CX17" s="123">
        <v>17</v>
      </c>
      <c r="CY17" s="82">
        <v>15</v>
      </c>
      <c r="CZ17" s="83">
        <v>32</v>
      </c>
      <c r="DA17" s="241"/>
      <c r="DB17" s="82">
        <v>28</v>
      </c>
      <c r="DC17" s="82">
        <v>22</v>
      </c>
      <c r="DD17" s="82">
        <v>11</v>
      </c>
      <c r="DE17" s="82">
        <v>12</v>
      </c>
      <c r="DF17" s="82">
        <v>14</v>
      </c>
      <c r="DG17" s="84">
        <v>87</v>
      </c>
      <c r="DH17" s="85">
        <v>119</v>
      </c>
      <c r="DI17" s="70">
        <v>1</v>
      </c>
      <c r="DJ17" s="71">
        <v>0</v>
      </c>
      <c r="DK17" s="72">
        <v>1</v>
      </c>
      <c r="DL17" s="244"/>
      <c r="DM17" s="71">
        <v>0</v>
      </c>
      <c r="DN17" s="71">
        <v>0</v>
      </c>
      <c r="DO17" s="71">
        <v>0</v>
      </c>
      <c r="DP17" s="71">
        <v>0</v>
      </c>
      <c r="DQ17" s="71">
        <v>0</v>
      </c>
      <c r="DR17" s="72">
        <v>0</v>
      </c>
      <c r="DS17" s="73">
        <v>1</v>
      </c>
      <c r="DT17" s="70">
        <v>2</v>
      </c>
      <c r="DU17" s="71">
        <v>0</v>
      </c>
      <c r="DV17" s="72">
        <v>2</v>
      </c>
      <c r="DW17" s="244"/>
      <c r="DX17" s="71">
        <v>4</v>
      </c>
      <c r="DY17" s="71">
        <v>0</v>
      </c>
      <c r="DZ17" s="71">
        <v>1</v>
      </c>
      <c r="EA17" s="71">
        <v>0</v>
      </c>
      <c r="EB17" s="71">
        <v>1</v>
      </c>
      <c r="EC17" s="72">
        <v>6</v>
      </c>
      <c r="ED17" s="73">
        <v>8</v>
      </c>
      <c r="EE17" s="70">
        <v>3</v>
      </c>
      <c r="EF17" s="71">
        <v>1</v>
      </c>
      <c r="EG17" s="72">
        <v>4</v>
      </c>
      <c r="EH17" s="244"/>
      <c r="EI17" s="71">
        <v>4</v>
      </c>
      <c r="EJ17" s="71">
        <v>0</v>
      </c>
      <c r="EK17" s="71">
        <v>1</v>
      </c>
      <c r="EL17" s="71">
        <v>1</v>
      </c>
      <c r="EM17" s="71">
        <v>1</v>
      </c>
      <c r="EN17" s="72">
        <v>7</v>
      </c>
      <c r="EO17" s="73">
        <v>11</v>
      </c>
      <c r="EP17" s="70">
        <v>2</v>
      </c>
      <c r="EQ17" s="71">
        <v>5</v>
      </c>
      <c r="ER17" s="72">
        <v>7</v>
      </c>
      <c r="ES17" s="244"/>
      <c r="ET17" s="71">
        <v>6</v>
      </c>
      <c r="EU17" s="71">
        <v>4</v>
      </c>
      <c r="EV17" s="71">
        <v>2</v>
      </c>
      <c r="EW17" s="71">
        <v>0</v>
      </c>
      <c r="EX17" s="71">
        <v>2</v>
      </c>
      <c r="EY17" s="72">
        <v>14</v>
      </c>
      <c r="EZ17" s="73">
        <v>21</v>
      </c>
      <c r="FA17" s="70">
        <v>6</v>
      </c>
      <c r="FB17" s="71">
        <v>5</v>
      </c>
      <c r="FC17" s="72">
        <v>11</v>
      </c>
      <c r="FD17" s="244"/>
      <c r="FE17" s="71">
        <v>8</v>
      </c>
      <c r="FF17" s="71">
        <v>8</v>
      </c>
      <c r="FG17" s="71">
        <v>2</v>
      </c>
      <c r="FH17" s="71">
        <v>3</v>
      </c>
      <c r="FI17" s="71">
        <v>0</v>
      </c>
      <c r="FJ17" s="72">
        <v>21</v>
      </c>
      <c r="FK17" s="73">
        <v>32</v>
      </c>
      <c r="FL17" s="70">
        <v>3</v>
      </c>
      <c r="FM17" s="71">
        <v>4</v>
      </c>
      <c r="FN17" s="72">
        <v>7</v>
      </c>
      <c r="FO17" s="244"/>
      <c r="FP17" s="71">
        <v>6</v>
      </c>
      <c r="FQ17" s="71">
        <v>10</v>
      </c>
      <c r="FR17" s="71">
        <v>5</v>
      </c>
      <c r="FS17" s="71">
        <v>8</v>
      </c>
      <c r="FT17" s="71">
        <v>10</v>
      </c>
      <c r="FU17" s="72">
        <v>39</v>
      </c>
      <c r="FV17" s="73">
        <v>46</v>
      </c>
      <c r="FW17" s="70">
        <v>0</v>
      </c>
      <c r="FX17" s="71">
        <v>0</v>
      </c>
      <c r="FY17" s="72">
        <v>0</v>
      </c>
      <c r="FZ17" s="244"/>
      <c r="GA17" s="71">
        <v>0</v>
      </c>
      <c r="GB17" s="71">
        <v>0</v>
      </c>
      <c r="GC17" s="71">
        <v>0</v>
      </c>
      <c r="GD17" s="71">
        <v>0</v>
      </c>
      <c r="GE17" s="71">
        <v>0</v>
      </c>
      <c r="GF17" s="72">
        <v>0</v>
      </c>
      <c r="GG17" s="73">
        <v>0</v>
      </c>
      <c r="GH17" s="70">
        <v>17</v>
      </c>
      <c r="GI17" s="71">
        <v>15</v>
      </c>
      <c r="GJ17" s="72">
        <v>32</v>
      </c>
      <c r="GK17" s="244"/>
      <c r="GL17" s="71">
        <v>28</v>
      </c>
      <c r="GM17" s="71">
        <v>22</v>
      </c>
      <c r="GN17" s="71">
        <v>11</v>
      </c>
      <c r="GO17" s="71">
        <v>12</v>
      </c>
      <c r="GP17" s="71">
        <v>14</v>
      </c>
      <c r="GQ17" s="72">
        <v>87</v>
      </c>
      <c r="GR17" s="73">
        <v>119</v>
      </c>
      <c r="GS17" s="123">
        <v>64</v>
      </c>
      <c r="GT17" s="82">
        <v>55</v>
      </c>
      <c r="GU17" s="83">
        <v>119</v>
      </c>
      <c r="GV17" s="241"/>
      <c r="GW17" s="82">
        <v>91</v>
      </c>
      <c r="GX17" s="82">
        <v>80</v>
      </c>
      <c r="GY17" s="82">
        <v>48</v>
      </c>
      <c r="GZ17" s="82">
        <v>35</v>
      </c>
      <c r="HA17" s="82">
        <v>35</v>
      </c>
      <c r="HB17" s="84">
        <v>289</v>
      </c>
      <c r="HC17" s="85">
        <v>408</v>
      </c>
      <c r="HD17" s="70">
        <v>1</v>
      </c>
      <c r="HE17" s="71">
        <v>2</v>
      </c>
      <c r="HF17" s="72">
        <v>3</v>
      </c>
      <c r="HG17" s="244"/>
      <c r="HH17" s="71">
        <v>3</v>
      </c>
      <c r="HI17" s="71">
        <v>1</v>
      </c>
      <c r="HJ17" s="71">
        <v>0</v>
      </c>
      <c r="HK17" s="71">
        <v>1</v>
      </c>
      <c r="HL17" s="71">
        <v>0</v>
      </c>
      <c r="HM17" s="72">
        <v>5</v>
      </c>
      <c r="HN17" s="73">
        <v>8</v>
      </c>
      <c r="HO17" s="70">
        <v>4</v>
      </c>
      <c r="HP17" s="71">
        <v>1</v>
      </c>
      <c r="HQ17" s="72">
        <v>5</v>
      </c>
      <c r="HR17" s="244"/>
      <c r="HS17" s="71">
        <v>9</v>
      </c>
      <c r="HT17" s="71">
        <v>2</v>
      </c>
      <c r="HU17" s="71">
        <v>1</v>
      </c>
      <c r="HV17" s="71">
        <v>0</v>
      </c>
      <c r="HW17" s="71">
        <v>1</v>
      </c>
      <c r="HX17" s="72">
        <v>13</v>
      </c>
      <c r="HY17" s="73">
        <v>18</v>
      </c>
      <c r="HZ17" s="70">
        <v>6</v>
      </c>
      <c r="IA17" s="71">
        <v>4</v>
      </c>
      <c r="IB17" s="72">
        <v>10</v>
      </c>
      <c r="IC17" s="244"/>
      <c r="ID17" s="71">
        <v>12</v>
      </c>
      <c r="IE17" s="71">
        <v>6</v>
      </c>
      <c r="IF17" s="71">
        <v>7</v>
      </c>
      <c r="IG17" s="71">
        <v>3</v>
      </c>
      <c r="IH17" s="71">
        <v>3</v>
      </c>
      <c r="II17" s="72">
        <v>31</v>
      </c>
      <c r="IJ17" s="73">
        <v>41</v>
      </c>
      <c r="IK17" s="70">
        <v>13</v>
      </c>
      <c r="IL17" s="71">
        <v>15</v>
      </c>
      <c r="IM17" s="72">
        <v>28</v>
      </c>
      <c r="IN17" s="244"/>
      <c r="IO17" s="71">
        <v>24</v>
      </c>
      <c r="IP17" s="71">
        <v>12</v>
      </c>
      <c r="IQ17" s="71">
        <v>10</v>
      </c>
      <c r="IR17" s="71">
        <v>7</v>
      </c>
      <c r="IS17" s="71">
        <v>8</v>
      </c>
      <c r="IT17" s="72">
        <v>61</v>
      </c>
      <c r="IU17" s="73">
        <v>89</v>
      </c>
      <c r="IV17" s="70">
        <v>21</v>
      </c>
      <c r="IW17" s="71">
        <v>16</v>
      </c>
      <c r="IX17" s="72">
        <v>37</v>
      </c>
      <c r="IY17" s="244"/>
      <c r="IZ17" s="71">
        <v>25</v>
      </c>
      <c r="JA17" s="71">
        <v>25</v>
      </c>
      <c r="JB17" s="71">
        <v>10</v>
      </c>
      <c r="JC17" s="71">
        <v>10</v>
      </c>
      <c r="JD17" s="71">
        <v>8</v>
      </c>
      <c r="JE17" s="72">
        <v>78</v>
      </c>
      <c r="JF17" s="73">
        <v>115</v>
      </c>
      <c r="JG17" s="70">
        <v>19</v>
      </c>
      <c r="JH17" s="71">
        <v>17</v>
      </c>
      <c r="JI17" s="72">
        <v>36</v>
      </c>
      <c r="JJ17" s="244"/>
      <c r="JK17" s="71">
        <v>18</v>
      </c>
      <c r="JL17" s="71">
        <v>34</v>
      </c>
      <c r="JM17" s="71">
        <v>20</v>
      </c>
      <c r="JN17" s="71">
        <v>14</v>
      </c>
      <c r="JO17" s="71">
        <v>15</v>
      </c>
      <c r="JP17" s="72">
        <v>101</v>
      </c>
      <c r="JQ17" s="73">
        <v>137</v>
      </c>
      <c r="JR17" s="70">
        <v>0</v>
      </c>
      <c r="JS17" s="71">
        <v>0</v>
      </c>
      <c r="JT17" s="72">
        <v>0</v>
      </c>
      <c r="JU17" s="244"/>
      <c r="JV17" s="71">
        <v>0</v>
      </c>
      <c r="JW17" s="71">
        <v>0</v>
      </c>
      <c r="JX17" s="71">
        <v>0</v>
      </c>
      <c r="JY17" s="71">
        <v>0</v>
      </c>
      <c r="JZ17" s="71">
        <v>0</v>
      </c>
      <c r="KA17" s="72">
        <v>0</v>
      </c>
      <c r="KB17" s="73">
        <v>0</v>
      </c>
      <c r="KC17" s="70">
        <v>64</v>
      </c>
      <c r="KD17" s="71">
        <v>55</v>
      </c>
      <c r="KE17" s="72">
        <v>119</v>
      </c>
      <c r="KF17" s="244"/>
      <c r="KG17" s="71">
        <v>91</v>
      </c>
      <c r="KH17" s="71">
        <v>80</v>
      </c>
      <c r="KI17" s="71">
        <v>48</v>
      </c>
      <c r="KJ17" s="71">
        <v>35</v>
      </c>
      <c r="KK17" s="71">
        <v>35</v>
      </c>
      <c r="KL17" s="72">
        <v>289</v>
      </c>
      <c r="KM17" s="73">
        <v>408</v>
      </c>
    </row>
    <row r="18" spans="2:299" ht="21" customHeight="1" x14ac:dyDescent="0.2">
      <c r="B18" s="126" t="s">
        <v>15</v>
      </c>
      <c r="C18" s="313">
        <v>10</v>
      </c>
      <c r="D18" s="82">
        <v>9</v>
      </c>
      <c r="E18" s="83">
        <v>19</v>
      </c>
      <c r="F18" s="241"/>
      <c r="G18" s="82">
        <v>15</v>
      </c>
      <c r="H18" s="82">
        <v>15</v>
      </c>
      <c r="I18" s="82">
        <v>7</v>
      </c>
      <c r="J18" s="82">
        <v>14</v>
      </c>
      <c r="K18" s="82">
        <v>7</v>
      </c>
      <c r="L18" s="84">
        <v>58</v>
      </c>
      <c r="M18" s="85">
        <v>77</v>
      </c>
      <c r="N18" s="70">
        <v>1</v>
      </c>
      <c r="O18" s="71">
        <v>1</v>
      </c>
      <c r="P18" s="72">
        <v>2</v>
      </c>
      <c r="Q18" s="244"/>
      <c r="R18" s="71">
        <v>0</v>
      </c>
      <c r="S18" s="71">
        <v>2</v>
      </c>
      <c r="T18" s="71">
        <v>0</v>
      </c>
      <c r="U18" s="71">
        <v>2</v>
      </c>
      <c r="V18" s="71">
        <v>1</v>
      </c>
      <c r="W18" s="72">
        <v>5</v>
      </c>
      <c r="X18" s="73">
        <v>7</v>
      </c>
      <c r="Y18" s="70">
        <v>0</v>
      </c>
      <c r="Z18" s="71">
        <v>0</v>
      </c>
      <c r="AA18" s="72">
        <v>0</v>
      </c>
      <c r="AB18" s="244"/>
      <c r="AC18" s="71">
        <v>0</v>
      </c>
      <c r="AD18" s="71">
        <v>1</v>
      </c>
      <c r="AE18" s="71">
        <v>0</v>
      </c>
      <c r="AF18" s="71">
        <v>2</v>
      </c>
      <c r="AG18" s="71">
        <v>1</v>
      </c>
      <c r="AH18" s="72">
        <v>4</v>
      </c>
      <c r="AI18" s="73">
        <v>4</v>
      </c>
      <c r="AJ18" s="70">
        <v>0</v>
      </c>
      <c r="AK18" s="71">
        <v>1</v>
      </c>
      <c r="AL18" s="72">
        <v>1</v>
      </c>
      <c r="AM18" s="244"/>
      <c r="AN18" s="71">
        <v>2</v>
      </c>
      <c r="AO18" s="71">
        <v>3</v>
      </c>
      <c r="AP18" s="71">
        <v>2</v>
      </c>
      <c r="AQ18" s="71">
        <v>1</v>
      </c>
      <c r="AR18" s="71">
        <v>1</v>
      </c>
      <c r="AS18" s="72">
        <v>9</v>
      </c>
      <c r="AT18" s="73">
        <v>10</v>
      </c>
      <c r="AU18" s="70">
        <v>2</v>
      </c>
      <c r="AV18" s="71">
        <v>3</v>
      </c>
      <c r="AW18" s="72">
        <v>5</v>
      </c>
      <c r="AX18" s="244"/>
      <c r="AY18" s="71">
        <v>5</v>
      </c>
      <c r="AZ18" s="71">
        <v>3</v>
      </c>
      <c r="BA18" s="71">
        <v>1</v>
      </c>
      <c r="BB18" s="71">
        <v>1</v>
      </c>
      <c r="BC18" s="71">
        <v>1</v>
      </c>
      <c r="BD18" s="72">
        <v>11</v>
      </c>
      <c r="BE18" s="73">
        <v>16</v>
      </c>
      <c r="BF18" s="70">
        <v>3</v>
      </c>
      <c r="BG18" s="71">
        <v>4</v>
      </c>
      <c r="BH18" s="72">
        <v>7</v>
      </c>
      <c r="BI18" s="244"/>
      <c r="BJ18" s="71">
        <v>5</v>
      </c>
      <c r="BK18" s="71">
        <v>1</v>
      </c>
      <c r="BL18" s="71">
        <v>3</v>
      </c>
      <c r="BM18" s="71">
        <v>6</v>
      </c>
      <c r="BN18" s="71">
        <v>0</v>
      </c>
      <c r="BO18" s="72">
        <v>15</v>
      </c>
      <c r="BP18" s="73">
        <v>22</v>
      </c>
      <c r="BQ18" s="70">
        <v>4</v>
      </c>
      <c r="BR18" s="71">
        <v>0</v>
      </c>
      <c r="BS18" s="72">
        <v>4</v>
      </c>
      <c r="BT18" s="244"/>
      <c r="BU18" s="71">
        <v>3</v>
      </c>
      <c r="BV18" s="71">
        <v>5</v>
      </c>
      <c r="BW18" s="71">
        <v>1</v>
      </c>
      <c r="BX18" s="71">
        <v>2</v>
      </c>
      <c r="BY18" s="71">
        <v>3</v>
      </c>
      <c r="BZ18" s="72">
        <v>14</v>
      </c>
      <c r="CA18" s="73">
        <v>18</v>
      </c>
      <c r="CB18" s="70">
        <v>0</v>
      </c>
      <c r="CC18" s="71">
        <v>0</v>
      </c>
      <c r="CD18" s="72">
        <v>0</v>
      </c>
      <c r="CE18" s="244"/>
      <c r="CF18" s="71">
        <v>0</v>
      </c>
      <c r="CG18" s="71">
        <v>0</v>
      </c>
      <c r="CH18" s="71">
        <v>0</v>
      </c>
      <c r="CI18" s="71">
        <v>0</v>
      </c>
      <c r="CJ18" s="71">
        <v>0</v>
      </c>
      <c r="CK18" s="72">
        <v>0</v>
      </c>
      <c r="CL18" s="73">
        <v>0</v>
      </c>
      <c r="CM18" s="70">
        <v>10</v>
      </c>
      <c r="CN18" s="71">
        <v>9</v>
      </c>
      <c r="CO18" s="72">
        <v>19</v>
      </c>
      <c r="CP18" s="244"/>
      <c r="CQ18" s="71">
        <v>15</v>
      </c>
      <c r="CR18" s="71">
        <v>15</v>
      </c>
      <c r="CS18" s="71">
        <v>7</v>
      </c>
      <c r="CT18" s="71">
        <v>14</v>
      </c>
      <c r="CU18" s="71">
        <v>7</v>
      </c>
      <c r="CV18" s="72">
        <v>58</v>
      </c>
      <c r="CW18" s="73">
        <v>77</v>
      </c>
      <c r="CX18" s="123">
        <v>5</v>
      </c>
      <c r="CY18" s="82">
        <v>6</v>
      </c>
      <c r="CZ18" s="83">
        <v>11</v>
      </c>
      <c r="DA18" s="241"/>
      <c r="DB18" s="82">
        <v>9</v>
      </c>
      <c r="DC18" s="82">
        <v>8</v>
      </c>
      <c r="DD18" s="82">
        <v>5</v>
      </c>
      <c r="DE18" s="82">
        <v>4</v>
      </c>
      <c r="DF18" s="82">
        <v>3</v>
      </c>
      <c r="DG18" s="84">
        <v>29</v>
      </c>
      <c r="DH18" s="85">
        <v>40</v>
      </c>
      <c r="DI18" s="70">
        <v>1</v>
      </c>
      <c r="DJ18" s="71">
        <v>0</v>
      </c>
      <c r="DK18" s="72">
        <v>1</v>
      </c>
      <c r="DL18" s="244"/>
      <c r="DM18" s="71">
        <v>0</v>
      </c>
      <c r="DN18" s="71">
        <v>0</v>
      </c>
      <c r="DO18" s="71">
        <v>0</v>
      </c>
      <c r="DP18" s="71">
        <v>0</v>
      </c>
      <c r="DQ18" s="71">
        <v>0</v>
      </c>
      <c r="DR18" s="72">
        <v>0</v>
      </c>
      <c r="DS18" s="73">
        <v>1</v>
      </c>
      <c r="DT18" s="70">
        <v>1</v>
      </c>
      <c r="DU18" s="71">
        <v>0</v>
      </c>
      <c r="DV18" s="72">
        <v>1</v>
      </c>
      <c r="DW18" s="244"/>
      <c r="DX18" s="71">
        <v>0</v>
      </c>
      <c r="DY18" s="71">
        <v>0</v>
      </c>
      <c r="DZ18" s="71">
        <v>0</v>
      </c>
      <c r="EA18" s="71">
        <v>0</v>
      </c>
      <c r="EB18" s="71">
        <v>0</v>
      </c>
      <c r="EC18" s="72">
        <v>0</v>
      </c>
      <c r="ED18" s="73">
        <v>1</v>
      </c>
      <c r="EE18" s="70">
        <v>1</v>
      </c>
      <c r="EF18" s="71">
        <v>2</v>
      </c>
      <c r="EG18" s="72">
        <v>3</v>
      </c>
      <c r="EH18" s="244"/>
      <c r="EI18" s="71">
        <v>3</v>
      </c>
      <c r="EJ18" s="71">
        <v>0</v>
      </c>
      <c r="EK18" s="71">
        <v>1</v>
      </c>
      <c r="EL18" s="71">
        <v>0</v>
      </c>
      <c r="EM18" s="71">
        <v>1</v>
      </c>
      <c r="EN18" s="72">
        <v>5</v>
      </c>
      <c r="EO18" s="73">
        <v>8</v>
      </c>
      <c r="EP18" s="70">
        <v>0</v>
      </c>
      <c r="EQ18" s="71">
        <v>2</v>
      </c>
      <c r="ER18" s="72">
        <v>2</v>
      </c>
      <c r="ES18" s="244"/>
      <c r="ET18" s="71">
        <v>1</v>
      </c>
      <c r="EU18" s="71">
        <v>0</v>
      </c>
      <c r="EV18" s="71">
        <v>0</v>
      </c>
      <c r="EW18" s="71">
        <v>1</v>
      </c>
      <c r="EX18" s="71">
        <v>0</v>
      </c>
      <c r="EY18" s="72">
        <v>2</v>
      </c>
      <c r="EZ18" s="73">
        <v>4</v>
      </c>
      <c r="FA18" s="70">
        <v>0</v>
      </c>
      <c r="FB18" s="71">
        <v>1</v>
      </c>
      <c r="FC18" s="72">
        <v>1</v>
      </c>
      <c r="FD18" s="244"/>
      <c r="FE18" s="71">
        <v>3</v>
      </c>
      <c r="FF18" s="71">
        <v>1</v>
      </c>
      <c r="FG18" s="71">
        <v>1</v>
      </c>
      <c r="FH18" s="71">
        <v>1</v>
      </c>
      <c r="FI18" s="71">
        <v>0</v>
      </c>
      <c r="FJ18" s="72">
        <v>6</v>
      </c>
      <c r="FK18" s="73">
        <v>7</v>
      </c>
      <c r="FL18" s="70">
        <v>2</v>
      </c>
      <c r="FM18" s="71">
        <v>1</v>
      </c>
      <c r="FN18" s="72">
        <v>3</v>
      </c>
      <c r="FO18" s="244"/>
      <c r="FP18" s="71">
        <v>2</v>
      </c>
      <c r="FQ18" s="71">
        <v>7</v>
      </c>
      <c r="FR18" s="71">
        <v>3</v>
      </c>
      <c r="FS18" s="71">
        <v>2</v>
      </c>
      <c r="FT18" s="71">
        <v>2</v>
      </c>
      <c r="FU18" s="72">
        <v>16</v>
      </c>
      <c r="FV18" s="73">
        <v>19</v>
      </c>
      <c r="FW18" s="70">
        <v>0</v>
      </c>
      <c r="FX18" s="71">
        <v>0</v>
      </c>
      <c r="FY18" s="72">
        <v>0</v>
      </c>
      <c r="FZ18" s="244"/>
      <c r="GA18" s="71">
        <v>0</v>
      </c>
      <c r="GB18" s="71">
        <v>0</v>
      </c>
      <c r="GC18" s="71">
        <v>0</v>
      </c>
      <c r="GD18" s="71">
        <v>0</v>
      </c>
      <c r="GE18" s="71">
        <v>0</v>
      </c>
      <c r="GF18" s="72">
        <v>0</v>
      </c>
      <c r="GG18" s="73">
        <v>0</v>
      </c>
      <c r="GH18" s="70">
        <v>5</v>
      </c>
      <c r="GI18" s="71">
        <v>6</v>
      </c>
      <c r="GJ18" s="72">
        <v>11</v>
      </c>
      <c r="GK18" s="244"/>
      <c r="GL18" s="71">
        <v>9</v>
      </c>
      <c r="GM18" s="71">
        <v>8</v>
      </c>
      <c r="GN18" s="71">
        <v>5</v>
      </c>
      <c r="GO18" s="71">
        <v>4</v>
      </c>
      <c r="GP18" s="71">
        <v>3</v>
      </c>
      <c r="GQ18" s="72">
        <v>29</v>
      </c>
      <c r="GR18" s="73">
        <v>40</v>
      </c>
      <c r="GS18" s="123">
        <v>15</v>
      </c>
      <c r="GT18" s="82">
        <v>15</v>
      </c>
      <c r="GU18" s="83">
        <v>30</v>
      </c>
      <c r="GV18" s="241"/>
      <c r="GW18" s="82">
        <v>24</v>
      </c>
      <c r="GX18" s="82">
        <v>23</v>
      </c>
      <c r="GY18" s="82">
        <v>12</v>
      </c>
      <c r="GZ18" s="82">
        <v>18</v>
      </c>
      <c r="HA18" s="82">
        <v>10</v>
      </c>
      <c r="HB18" s="84">
        <v>87</v>
      </c>
      <c r="HC18" s="85">
        <v>117</v>
      </c>
      <c r="HD18" s="70">
        <v>2</v>
      </c>
      <c r="HE18" s="71">
        <v>1</v>
      </c>
      <c r="HF18" s="72">
        <v>3</v>
      </c>
      <c r="HG18" s="244"/>
      <c r="HH18" s="71">
        <v>0</v>
      </c>
      <c r="HI18" s="71">
        <v>2</v>
      </c>
      <c r="HJ18" s="71">
        <v>0</v>
      </c>
      <c r="HK18" s="71">
        <v>2</v>
      </c>
      <c r="HL18" s="71">
        <v>1</v>
      </c>
      <c r="HM18" s="72">
        <v>5</v>
      </c>
      <c r="HN18" s="73">
        <v>8</v>
      </c>
      <c r="HO18" s="70">
        <v>1</v>
      </c>
      <c r="HP18" s="71">
        <v>0</v>
      </c>
      <c r="HQ18" s="72">
        <v>1</v>
      </c>
      <c r="HR18" s="244"/>
      <c r="HS18" s="71">
        <v>0</v>
      </c>
      <c r="HT18" s="71">
        <v>1</v>
      </c>
      <c r="HU18" s="71">
        <v>0</v>
      </c>
      <c r="HV18" s="71">
        <v>2</v>
      </c>
      <c r="HW18" s="71">
        <v>1</v>
      </c>
      <c r="HX18" s="72">
        <v>4</v>
      </c>
      <c r="HY18" s="73">
        <v>5</v>
      </c>
      <c r="HZ18" s="70">
        <v>1</v>
      </c>
      <c r="IA18" s="71">
        <v>3</v>
      </c>
      <c r="IB18" s="72">
        <v>4</v>
      </c>
      <c r="IC18" s="244"/>
      <c r="ID18" s="71">
        <v>5</v>
      </c>
      <c r="IE18" s="71">
        <v>3</v>
      </c>
      <c r="IF18" s="71">
        <v>3</v>
      </c>
      <c r="IG18" s="71">
        <v>1</v>
      </c>
      <c r="IH18" s="71">
        <v>2</v>
      </c>
      <c r="II18" s="72">
        <v>14</v>
      </c>
      <c r="IJ18" s="73">
        <v>18</v>
      </c>
      <c r="IK18" s="70">
        <v>2</v>
      </c>
      <c r="IL18" s="71">
        <v>5</v>
      </c>
      <c r="IM18" s="72">
        <v>7</v>
      </c>
      <c r="IN18" s="244"/>
      <c r="IO18" s="71">
        <v>6</v>
      </c>
      <c r="IP18" s="71">
        <v>3</v>
      </c>
      <c r="IQ18" s="71">
        <v>1</v>
      </c>
      <c r="IR18" s="71">
        <v>2</v>
      </c>
      <c r="IS18" s="71">
        <v>1</v>
      </c>
      <c r="IT18" s="72">
        <v>13</v>
      </c>
      <c r="IU18" s="73">
        <v>20</v>
      </c>
      <c r="IV18" s="70">
        <v>3</v>
      </c>
      <c r="IW18" s="71">
        <v>5</v>
      </c>
      <c r="IX18" s="72">
        <v>8</v>
      </c>
      <c r="IY18" s="244"/>
      <c r="IZ18" s="71">
        <v>8</v>
      </c>
      <c r="JA18" s="71">
        <v>2</v>
      </c>
      <c r="JB18" s="71">
        <v>4</v>
      </c>
      <c r="JC18" s="71">
        <v>7</v>
      </c>
      <c r="JD18" s="71">
        <v>0</v>
      </c>
      <c r="JE18" s="72">
        <v>21</v>
      </c>
      <c r="JF18" s="73">
        <v>29</v>
      </c>
      <c r="JG18" s="70">
        <v>6</v>
      </c>
      <c r="JH18" s="71">
        <v>1</v>
      </c>
      <c r="JI18" s="72">
        <v>7</v>
      </c>
      <c r="JJ18" s="244"/>
      <c r="JK18" s="71">
        <v>5</v>
      </c>
      <c r="JL18" s="71">
        <v>12</v>
      </c>
      <c r="JM18" s="71">
        <v>4</v>
      </c>
      <c r="JN18" s="71">
        <v>4</v>
      </c>
      <c r="JO18" s="71">
        <v>5</v>
      </c>
      <c r="JP18" s="72">
        <v>30</v>
      </c>
      <c r="JQ18" s="73">
        <v>37</v>
      </c>
      <c r="JR18" s="70">
        <v>0</v>
      </c>
      <c r="JS18" s="71">
        <v>0</v>
      </c>
      <c r="JT18" s="72">
        <v>0</v>
      </c>
      <c r="JU18" s="244"/>
      <c r="JV18" s="71">
        <v>0</v>
      </c>
      <c r="JW18" s="71">
        <v>0</v>
      </c>
      <c r="JX18" s="71">
        <v>0</v>
      </c>
      <c r="JY18" s="71">
        <v>0</v>
      </c>
      <c r="JZ18" s="71">
        <v>0</v>
      </c>
      <c r="KA18" s="72">
        <v>0</v>
      </c>
      <c r="KB18" s="73">
        <v>0</v>
      </c>
      <c r="KC18" s="70">
        <v>15</v>
      </c>
      <c r="KD18" s="71">
        <v>15</v>
      </c>
      <c r="KE18" s="72">
        <v>30</v>
      </c>
      <c r="KF18" s="244"/>
      <c r="KG18" s="71">
        <v>24</v>
      </c>
      <c r="KH18" s="71">
        <v>23</v>
      </c>
      <c r="KI18" s="71">
        <v>12</v>
      </c>
      <c r="KJ18" s="71">
        <v>18</v>
      </c>
      <c r="KK18" s="71">
        <v>10</v>
      </c>
      <c r="KL18" s="72">
        <v>87</v>
      </c>
      <c r="KM18" s="73">
        <v>117</v>
      </c>
    </row>
    <row r="19" spans="2:299" ht="21" customHeight="1" x14ac:dyDescent="0.2">
      <c r="B19" s="126" t="s">
        <v>16</v>
      </c>
      <c r="C19" s="313">
        <v>33</v>
      </c>
      <c r="D19" s="82">
        <v>30</v>
      </c>
      <c r="E19" s="83">
        <v>63</v>
      </c>
      <c r="F19" s="241"/>
      <c r="G19" s="82">
        <v>61</v>
      </c>
      <c r="H19" s="82">
        <v>72</v>
      </c>
      <c r="I19" s="82">
        <v>40</v>
      </c>
      <c r="J19" s="82">
        <v>22</v>
      </c>
      <c r="K19" s="82">
        <v>21</v>
      </c>
      <c r="L19" s="84">
        <v>216</v>
      </c>
      <c r="M19" s="85">
        <v>279</v>
      </c>
      <c r="N19" s="70">
        <v>0</v>
      </c>
      <c r="O19" s="71">
        <v>1</v>
      </c>
      <c r="P19" s="72">
        <v>1</v>
      </c>
      <c r="Q19" s="244"/>
      <c r="R19" s="71">
        <v>2</v>
      </c>
      <c r="S19" s="71">
        <v>1</v>
      </c>
      <c r="T19" s="71">
        <v>0</v>
      </c>
      <c r="U19" s="71">
        <v>0</v>
      </c>
      <c r="V19" s="71">
        <v>4</v>
      </c>
      <c r="W19" s="72">
        <v>7</v>
      </c>
      <c r="X19" s="73">
        <v>8</v>
      </c>
      <c r="Y19" s="70">
        <v>2</v>
      </c>
      <c r="Z19" s="71">
        <v>5</v>
      </c>
      <c r="AA19" s="72">
        <v>7</v>
      </c>
      <c r="AB19" s="244"/>
      <c r="AC19" s="71">
        <v>4</v>
      </c>
      <c r="AD19" s="71">
        <v>11</v>
      </c>
      <c r="AE19" s="71">
        <v>5</v>
      </c>
      <c r="AF19" s="71">
        <v>3</v>
      </c>
      <c r="AG19" s="71">
        <v>1</v>
      </c>
      <c r="AH19" s="72">
        <v>24</v>
      </c>
      <c r="AI19" s="73">
        <v>31</v>
      </c>
      <c r="AJ19" s="70">
        <v>12</v>
      </c>
      <c r="AK19" s="71">
        <v>3</v>
      </c>
      <c r="AL19" s="72">
        <v>15</v>
      </c>
      <c r="AM19" s="244"/>
      <c r="AN19" s="71">
        <v>8</v>
      </c>
      <c r="AO19" s="71">
        <v>12</v>
      </c>
      <c r="AP19" s="71">
        <v>7</v>
      </c>
      <c r="AQ19" s="71">
        <v>3</v>
      </c>
      <c r="AR19" s="71">
        <v>1</v>
      </c>
      <c r="AS19" s="72">
        <v>31</v>
      </c>
      <c r="AT19" s="73">
        <v>46</v>
      </c>
      <c r="AU19" s="70">
        <v>8</v>
      </c>
      <c r="AV19" s="71">
        <v>7</v>
      </c>
      <c r="AW19" s="72">
        <v>15</v>
      </c>
      <c r="AX19" s="244"/>
      <c r="AY19" s="71">
        <v>20</v>
      </c>
      <c r="AZ19" s="71">
        <v>23</v>
      </c>
      <c r="BA19" s="71">
        <v>8</v>
      </c>
      <c r="BB19" s="71">
        <v>0</v>
      </c>
      <c r="BC19" s="71">
        <v>6</v>
      </c>
      <c r="BD19" s="72">
        <v>57</v>
      </c>
      <c r="BE19" s="73">
        <v>72</v>
      </c>
      <c r="BF19" s="70">
        <v>8</v>
      </c>
      <c r="BG19" s="71">
        <v>9</v>
      </c>
      <c r="BH19" s="72">
        <v>17</v>
      </c>
      <c r="BI19" s="244"/>
      <c r="BJ19" s="71">
        <v>15</v>
      </c>
      <c r="BK19" s="71">
        <v>11</v>
      </c>
      <c r="BL19" s="71">
        <v>12</v>
      </c>
      <c r="BM19" s="71">
        <v>5</v>
      </c>
      <c r="BN19" s="71">
        <v>7</v>
      </c>
      <c r="BO19" s="72">
        <v>50</v>
      </c>
      <c r="BP19" s="73">
        <v>67</v>
      </c>
      <c r="BQ19" s="70">
        <v>3</v>
      </c>
      <c r="BR19" s="71">
        <v>5</v>
      </c>
      <c r="BS19" s="72">
        <v>8</v>
      </c>
      <c r="BT19" s="244"/>
      <c r="BU19" s="71">
        <v>12</v>
      </c>
      <c r="BV19" s="71">
        <v>14</v>
      </c>
      <c r="BW19" s="71">
        <v>8</v>
      </c>
      <c r="BX19" s="71">
        <v>11</v>
      </c>
      <c r="BY19" s="71">
        <v>2</v>
      </c>
      <c r="BZ19" s="72">
        <v>47</v>
      </c>
      <c r="CA19" s="73">
        <v>55</v>
      </c>
      <c r="CB19" s="70">
        <v>0</v>
      </c>
      <c r="CC19" s="71">
        <v>0</v>
      </c>
      <c r="CD19" s="72">
        <v>0</v>
      </c>
      <c r="CE19" s="244"/>
      <c r="CF19" s="71">
        <v>0</v>
      </c>
      <c r="CG19" s="71">
        <v>0</v>
      </c>
      <c r="CH19" s="71">
        <v>0</v>
      </c>
      <c r="CI19" s="71">
        <v>0</v>
      </c>
      <c r="CJ19" s="71">
        <v>0</v>
      </c>
      <c r="CK19" s="72">
        <v>0</v>
      </c>
      <c r="CL19" s="73">
        <v>0</v>
      </c>
      <c r="CM19" s="70">
        <v>33</v>
      </c>
      <c r="CN19" s="71">
        <v>30</v>
      </c>
      <c r="CO19" s="72">
        <v>63</v>
      </c>
      <c r="CP19" s="244"/>
      <c r="CQ19" s="71">
        <v>61</v>
      </c>
      <c r="CR19" s="71">
        <v>72</v>
      </c>
      <c r="CS19" s="71">
        <v>40</v>
      </c>
      <c r="CT19" s="71">
        <v>22</v>
      </c>
      <c r="CU19" s="71">
        <v>21</v>
      </c>
      <c r="CV19" s="72">
        <v>216</v>
      </c>
      <c r="CW19" s="73">
        <v>279</v>
      </c>
      <c r="CX19" s="123">
        <v>11</v>
      </c>
      <c r="CY19" s="82">
        <v>15</v>
      </c>
      <c r="CZ19" s="83">
        <v>26</v>
      </c>
      <c r="DA19" s="241"/>
      <c r="DB19" s="82">
        <v>22</v>
      </c>
      <c r="DC19" s="82">
        <v>25</v>
      </c>
      <c r="DD19" s="82">
        <v>16</v>
      </c>
      <c r="DE19" s="82">
        <v>16</v>
      </c>
      <c r="DF19" s="82">
        <v>6</v>
      </c>
      <c r="DG19" s="84">
        <v>85</v>
      </c>
      <c r="DH19" s="85">
        <v>111</v>
      </c>
      <c r="DI19" s="70">
        <v>0</v>
      </c>
      <c r="DJ19" s="71">
        <v>0</v>
      </c>
      <c r="DK19" s="72">
        <v>0</v>
      </c>
      <c r="DL19" s="244"/>
      <c r="DM19" s="71">
        <v>1</v>
      </c>
      <c r="DN19" s="71">
        <v>0</v>
      </c>
      <c r="DO19" s="71">
        <v>1</v>
      </c>
      <c r="DP19" s="71">
        <v>0</v>
      </c>
      <c r="DQ19" s="71">
        <v>0</v>
      </c>
      <c r="DR19" s="72">
        <v>2</v>
      </c>
      <c r="DS19" s="73">
        <v>2</v>
      </c>
      <c r="DT19" s="70">
        <v>0</v>
      </c>
      <c r="DU19" s="71">
        <v>2</v>
      </c>
      <c r="DV19" s="72">
        <v>2</v>
      </c>
      <c r="DW19" s="244"/>
      <c r="DX19" s="71">
        <v>3</v>
      </c>
      <c r="DY19" s="71">
        <v>3</v>
      </c>
      <c r="DZ19" s="71">
        <v>2</v>
      </c>
      <c r="EA19" s="71">
        <v>0</v>
      </c>
      <c r="EB19" s="71">
        <v>0</v>
      </c>
      <c r="EC19" s="72">
        <v>8</v>
      </c>
      <c r="ED19" s="73">
        <v>10</v>
      </c>
      <c r="EE19" s="70">
        <v>3</v>
      </c>
      <c r="EF19" s="71">
        <v>2</v>
      </c>
      <c r="EG19" s="72">
        <v>5</v>
      </c>
      <c r="EH19" s="244"/>
      <c r="EI19" s="71">
        <v>1</v>
      </c>
      <c r="EJ19" s="71">
        <v>2</v>
      </c>
      <c r="EK19" s="71">
        <v>1</v>
      </c>
      <c r="EL19" s="71">
        <v>0</v>
      </c>
      <c r="EM19" s="71">
        <v>0</v>
      </c>
      <c r="EN19" s="72">
        <v>4</v>
      </c>
      <c r="EO19" s="73">
        <v>9</v>
      </c>
      <c r="EP19" s="70">
        <v>5</v>
      </c>
      <c r="EQ19" s="71">
        <v>3</v>
      </c>
      <c r="ER19" s="72">
        <v>8</v>
      </c>
      <c r="ES19" s="244"/>
      <c r="ET19" s="71">
        <v>6</v>
      </c>
      <c r="EU19" s="71">
        <v>6</v>
      </c>
      <c r="EV19" s="71">
        <v>0</v>
      </c>
      <c r="EW19" s="71">
        <v>0</v>
      </c>
      <c r="EX19" s="71">
        <v>1</v>
      </c>
      <c r="EY19" s="72">
        <v>13</v>
      </c>
      <c r="EZ19" s="73">
        <v>21</v>
      </c>
      <c r="FA19" s="70">
        <v>1</v>
      </c>
      <c r="FB19" s="71">
        <v>5</v>
      </c>
      <c r="FC19" s="72">
        <v>6</v>
      </c>
      <c r="FD19" s="244"/>
      <c r="FE19" s="71">
        <v>6</v>
      </c>
      <c r="FF19" s="71">
        <v>6</v>
      </c>
      <c r="FG19" s="71">
        <v>5</v>
      </c>
      <c r="FH19" s="71">
        <v>4</v>
      </c>
      <c r="FI19" s="71">
        <v>0</v>
      </c>
      <c r="FJ19" s="72">
        <v>21</v>
      </c>
      <c r="FK19" s="73">
        <v>27</v>
      </c>
      <c r="FL19" s="70">
        <v>2</v>
      </c>
      <c r="FM19" s="71">
        <v>3</v>
      </c>
      <c r="FN19" s="72">
        <v>5</v>
      </c>
      <c r="FO19" s="244"/>
      <c r="FP19" s="71">
        <v>5</v>
      </c>
      <c r="FQ19" s="71">
        <v>8</v>
      </c>
      <c r="FR19" s="71">
        <v>7</v>
      </c>
      <c r="FS19" s="71">
        <v>12</v>
      </c>
      <c r="FT19" s="71">
        <v>5</v>
      </c>
      <c r="FU19" s="72">
        <v>37</v>
      </c>
      <c r="FV19" s="73">
        <v>42</v>
      </c>
      <c r="FW19" s="70">
        <v>0</v>
      </c>
      <c r="FX19" s="71">
        <v>0</v>
      </c>
      <c r="FY19" s="72">
        <v>0</v>
      </c>
      <c r="FZ19" s="244"/>
      <c r="GA19" s="71">
        <v>0</v>
      </c>
      <c r="GB19" s="71">
        <v>0</v>
      </c>
      <c r="GC19" s="71">
        <v>0</v>
      </c>
      <c r="GD19" s="71">
        <v>0</v>
      </c>
      <c r="GE19" s="71">
        <v>0</v>
      </c>
      <c r="GF19" s="72">
        <v>0</v>
      </c>
      <c r="GG19" s="73">
        <v>0</v>
      </c>
      <c r="GH19" s="70">
        <v>11</v>
      </c>
      <c r="GI19" s="71">
        <v>15</v>
      </c>
      <c r="GJ19" s="72">
        <v>26</v>
      </c>
      <c r="GK19" s="244"/>
      <c r="GL19" s="71">
        <v>22</v>
      </c>
      <c r="GM19" s="71">
        <v>25</v>
      </c>
      <c r="GN19" s="71">
        <v>16</v>
      </c>
      <c r="GO19" s="71">
        <v>16</v>
      </c>
      <c r="GP19" s="71">
        <v>6</v>
      </c>
      <c r="GQ19" s="72">
        <v>85</v>
      </c>
      <c r="GR19" s="73">
        <v>111</v>
      </c>
      <c r="GS19" s="123">
        <v>44</v>
      </c>
      <c r="GT19" s="82">
        <v>45</v>
      </c>
      <c r="GU19" s="83">
        <v>89</v>
      </c>
      <c r="GV19" s="241"/>
      <c r="GW19" s="82">
        <v>83</v>
      </c>
      <c r="GX19" s="82">
        <v>97</v>
      </c>
      <c r="GY19" s="82">
        <v>56</v>
      </c>
      <c r="GZ19" s="82">
        <v>38</v>
      </c>
      <c r="HA19" s="82">
        <v>27</v>
      </c>
      <c r="HB19" s="84">
        <v>301</v>
      </c>
      <c r="HC19" s="85">
        <v>390</v>
      </c>
      <c r="HD19" s="70">
        <v>0</v>
      </c>
      <c r="HE19" s="71">
        <v>1</v>
      </c>
      <c r="HF19" s="72">
        <v>1</v>
      </c>
      <c r="HG19" s="244"/>
      <c r="HH19" s="71">
        <v>3</v>
      </c>
      <c r="HI19" s="71">
        <v>1</v>
      </c>
      <c r="HJ19" s="71">
        <v>1</v>
      </c>
      <c r="HK19" s="71">
        <v>0</v>
      </c>
      <c r="HL19" s="71">
        <v>4</v>
      </c>
      <c r="HM19" s="72">
        <v>9</v>
      </c>
      <c r="HN19" s="73">
        <v>10</v>
      </c>
      <c r="HO19" s="70">
        <v>2</v>
      </c>
      <c r="HP19" s="71">
        <v>7</v>
      </c>
      <c r="HQ19" s="72">
        <v>9</v>
      </c>
      <c r="HR19" s="244"/>
      <c r="HS19" s="71">
        <v>7</v>
      </c>
      <c r="HT19" s="71">
        <v>14</v>
      </c>
      <c r="HU19" s="71">
        <v>7</v>
      </c>
      <c r="HV19" s="71">
        <v>3</v>
      </c>
      <c r="HW19" s="71">
        <v>1</v>
      </c>
      <c r="HX19" s="72">
        <v>32</v>
      </c>
      <c r="HY19" s="73">
        <v>41</v>
      </c>
      <c r="HZ19" s="70">
        <v>15</v>
      </c>
      <c r="IA19" s="71">
        <v>5</v>
      </c>
      <c r="IB19" s="72">
        <v>20</v>
      </c>
      <c r="IC19" s="244"/>
      <c r="ID19" s="71">
        <v>9</v>
      </c>
      <c r="IE19" s="71">
        <v>14</v>
      </c>
      <c r="IF19" s="71">
        <v>8</v>
      </c>
      <c r="IG19" s="71">
        <v>3</v>
      </c>
      <c r="IH19" s="71">
        <v>1</v>
      </c>
      <c r="II19" s="72">
        <v>35</v>
      </c>
      <c r="IJ19" s="73">
        <v>55</v>
      </c>
      <c r="IK19" s="70">
        <v>13</v>
      </c>
      <c r="IL19" s="71">
        <v>10</v>
      </c>
      <c r="IM19" s="72">
        <v>23</v>
      </c>
      <c r="IN19" s="244"/>
      <c r="IO19" s="71">
        <v>26</v>
      </c>
      <c r="IP19" s="71">
        <v>29</v>
      </c>
      <c r="IQ19" s="71">
        <v>8</v>
      </c>
      <c r="IR19" s="71">
        <v>0</v>
      </c>
      <c r="IS19" s="71">
        <v>7</v>
      </c>
      <c r="IT19" s="72">
        <v>70</v>
      </c>
      <c r="IU19" s="73">
        <v>93</v>
      </c>
      <c r="IV19" s="70">
        <v>9</v>
      </c>
      <c r="IW19" s="71">
        <v>14</v>
      </c>
      <c r="IX19" s="72">
        <v>23</v>
      </c>
      <c r="IY19" s="244"/>
      <c r="IZ19" s="71">
        <v>21</v>
      </c>
      <c r="JA19" s="71">
        <v>17</v>
      </c>
      <c r="JB19" s="71">
        <v>17</v>
      </c>
      <c r="JC19" s="71">
        <v>9</v>
      </c>
      <c r="JD19" s="71">
        <v>7</v>
      </c>
      <c r="JE19" s="72">
        <v>71</v>
      </c>
      <c r="JF19" s="73">
        <v>94</v>
      </c>
      <c r="JG19" s="70">
        <v>5</v>
      </c>
      <c r="JH19" s="71">
        <v>8</v>
      </c>
      <c r="JI19" s="72">
        <v>13</v>
      </c>
      <c r="JJ19" s="244"/>
      <c r="JK19" s="71">
        <v>17</v>
      </c>
      <c r="JL19" s="71">
        <v>22</v>
      </c>
      <c r="JM19" s="71">
        <v>15</v>
      </c>
      <c r="JN19" s="71">
        <v>23</v>
      </c>
      <c r="JO19" s="71">
        <v>7</v>
      </c>
      <c r="JP19" s="72">
        <v>84</v>
      </c>
      <c r="JQ19" s="73">
        <v>97</v>
      </c>
      <c r="JR19" s="70">
        <v>0</v>
      </c>
      <c r="JS19" s="71">
        <v>0</v>
      </c>
      <c r="JT19" s="72">
        <v>0</v>
      </c>
      <c r="JU19" s="244"/>
      <c r="JV19" s="71">
        <v>0</v>
      </c>
      <c r="JW19" s="71">
        <v>0</v>
      </c>
      <c r="JX19" s="71">
        <v>0</v>
      </c>
      <c r="JY19" s="71">
        <v>0</v>
      </c>
      <c r="JZ19" s="71">
        <v>0</v>
      </c>
      <c r="KA19" s="72">
        <v>0</v>
      </c>
      <c r="KB19" s="73">
        <v>0</v>
      </c>
      <c r="KC19" s="70">
        <v>44</v>
      </c>
      <c r="KD19" s="71">
        <v>45</v>
      </c>
      <c r="KE19" s="72">
        <v>89</v>
      </c>
      <c r="KF19" s="244"/>
      <c r="KG19" s="71">
        <v>83</v>
      </c>
      <c r="KH19" s="71">
        <v>97</v>
      </c>
      <c r="KI19" s="71">
        <v>56</v>
      </c>
      <c r="KJ19" s="71">
        <v>38</v>
      </c>
      <c r="KK19" s="71">
        <v>27</v>
      </c>
      <c r="KL19" s="72">
        <v>301</v>
      </c>
      <c r="KM19" s="73">
        <v>390</v>
      </c>
    </row>
    <row r="20" spans="2:299" ht="21" customHeight="1" x14ac:dyDescent="0.2">
      <c r="B20" s="126" t="s">
        <v>17</v>
      </c>
      <c r="C20" s="313">
        <v>42</v>
      </c>
      <c r="D20" s="82">
        <v>50</v>
      </c>
      <c r="E20" s="83">
        <v>92</v>
      </c>
      <c r="F20" s="241"/>
      <c r="G20" s="82">
        <v>83</v>
      </c>
      <c r="H20" s="82">
        <v>91</v>
      </c>
      <c r="I20" s="82">
        <v>66</v>
      </c>
      <c r="J20" s="82">
        <v>53</v>
      </c>
      <c r="K20" s="82">
        <v>21</v>
      </c>
      <c r="L20" s="84">
        <v>314</v>
      </c>
      <c r="M20" s="85">
        <v>406</v>
      </c>
      <c r="N20" s="70">
        <v>1</v>
      </c>
      <c r="O20" s="71">
        <v>1</v>
      </c>
      <c r="P20" s="72">
        <v>2</v>
      </c>
      <c r="Q20" s="244"/>
      <c r="R20" s="71">
        <v>3</v>
      </c>
      <c r="S20" s="71">
        <v>3</v>
      </c>
      <c r="T20" s="71">
        <v>4</v>
      </c>
      <c r="U20" s="71">
        <v>3</v>
      </c>
      <c r="V20" s="71">
        <v>0</v>
      </c>
      <c r="W20" s="72">
        <v>13</v>
      </c>
      <c r="X20" s="73">
        <v>15</v>
      </c>
      <c r="Y20" s="70">
        <v>2</v>
      </c>
      <c r="Z20" s="71">
        <v>6</v>
      </c>
      <c r="AA20" s="72">
        <v>8</v>
      </c>
      <c r="AB20" s="244"/>
      <c r="AC20" s="71">
        <v>3</v>
      </c>
      <c r="AD20" s="71">
        <v>9</v>
      </c>
      <c r="AE20" s="71">
        <v>9</v>
      </c>
      <c r="AF20" s="71">
        <v>6</v>
      </c>
      <c r="AG20" s="71">
        <v>2</v>
      </c>
      <c r="AH20" s="72">
        <v>29</v>
      </c>
      <c r="AI20" s="73">
        <v>37</v>
      </c>
      <c r="AJ20" s="70">
        <v>5</v>
      </c>
      <c r="AK20" s="71">
        <v>6</v>
      </c>
      <c r="AL20" s="72">
        <v>11</v>
      </c>
      <c r="AM20" s="244"/>
      <c r="AN20" s="71">
        <v>16</v>
      </c>
      <c r="AO20" s="71">
        <v>15</v>
      </c>
      <c r="AP20" s="71">
        <v>13</v>
      </c>
      <c r="AQ20" s="71">
        <v>11</v>
      </c>
      <c r="AR20" s="71">
        <v>5</v>
      </c>
      <c r="AS20" s="72">
        <v>60</v>
      </c>
      <c r="AT20" s="73">
        <v>71</v>
      </c>
      <c r="AU20" s="70">
        <v>9</v>
      </c>
      <c r="AV20" s="71">
        <v>11</v>
      </c>
      <c r="AW20" s="72">
        <v>20</v>
      </c>
      <c r="AX20" s="244"/>
      <c r="AY20" s="71">
        <v>19</v>
      </c>
      <c r="AZ20" s="71">
        <v>21</v>
      </c>
      <c r="BA20" s="71">
        <v>16</v>
      </c>
      <c r="BB20" s="71">
        <v>9</v>
      </c>
      <c r="BC20" s="71">
        <v>3</v>
      </c>
      <c r="BD20" s="72">
        <v>68</v>
      </c>
      <c r="BE20" s="73">
        <v>88</v>
      </c>
      <c r="BF20" s="70">
        <v>16</v>
      </c>
      <c r="BG20" s="71">
        <v>11</v>
      </c>
      <c r="BH20" s="72">
        <v>27</v>
      </c>
      <c r="BI20" s="244"/>
      <c r="BJ20" s="71">
        <v>28</v>
      </c>
      <c r="BK20" s="71">
        <v>22</v>
      </c>
      <c r="BL20" s="71">
        <v>11</v>
      </c>
      <c r="BM20" s="71">
        <v>12</v>
      </c>
      <c r="BN20" s="71">
        <v>4</v>
      </c>
      <c r="BO20" s="72">
        <v>77</v>
      </c>
      <c r="BP20" s="73">
        <v>104</v>
      </c>
      <c r="BQ20" s="70">
        <v>9</v>
      </c>
      <c r="BR20" s="71">
        <v>15</v>
      </c>
      <c r="BS20" s="72">
        <v>24</v>
      </c>
      <c r="BT20" s="244"/>
      <c r="BU20" s="71">
        <v>14</v>
      </c>
      <c r="BV20" s="71">
        <v>21</v>
      </c>
      <c r="BW20" s="71">
        <v>13</v>
      </c>
      <c r="BX20" s="71">
        <v>12</v>
      </c>
      <c r="BY20" s="71">
        <v>7</v>
      </c>
      <c r="BZ20" s="72">
        <v>67</v>
      </c>
      <c r="CA20" s="73">
        <v>91</v>
      </c>
      <c r="CB20" s="70">
        <v>0</v>
      </c>
      <c r="CC20" s="71">
        <v>0</v>
      </c>
      <c r="CD20" s="72">
        <v>0</v>
      </c>
      <c r="CE20" s="244"/>
      <c r="CF20" s="71">
        <v>0</v>
      </c>
      <c r="CG20" s="71">
        <v>0</v>
      </c>
      <c r="CH20" s="71">
        <v>0</v>
      </c>
      <c r="CI20" s="71">
        <v>0</v>
      </c>
      <c r="CJ20" s="71">
        <v>0</v>
      </c>
      <c r="CK20" s="72">
        <v>0</v>
      </c>
      <c r="CL20" s="73">
        <v>0</v>
      </c>
      <c r="CM20" s="70">
        <v>42</v>
      </c>
      <c r="CN20" s="71">
        <v>50</v>
      </c>
      <c r="CO20" s="72">
        <v>92</v>
      </c>
      <c r="CP20" s="244"/>
      <c r="CQ20" s="71">
        <v>83</v>
      </c>
      <c r="CR20" s="71">
        <v>91</v>
      </c>
      <c r="CS20" s="71">
        <v>66</v>
      </c>
      <c r="CT20" s="71">
        <v>53</v>
      </c>
      <c r="CU20" s="71">
        <v>21</v>
      </c>
      <c r="CV20" s="72">
        <v>314</v>
      </c>
      <c r="CW20" s="73">
        <v>406</v>
      </c>
      <c r="CX20" s="123">
        <v>26</v>
      </c>
      <c r="CY20" s="82">
        <v>21</v>
      </c>
      <c r="CZ20" s="83">
        <v>47</v>
      </c>
      <c r="DA20" s="241"/>
      <c r="DB20" s="82">
        <v>27</v>
      </c>
      <c r="DC20" s="82">
        <v>35</v>
      </c>
      <c r="DD20" s="82">
        <v>34</v>
      </c>
      <c r="DE20" s="82">
        <v>20</v>
      </c>
      <c r="DF20" s="82">
        <v>29</v>
      </c>
      <c r="DG20" s="84">
        <v>145</v>
      </c>
      <c r="DH20" s="85">
        <v>192</v>
      </c>
      <c r="DI20" s="70">
        <v>2</v>
      </c>
      <c r="DJ20" s="71">
        <v>1</v>
      </c>
      <c r="DK20" s="72">
        <v>3</v>
      </c>
      <c r="DL20" s="244"/>
      <c r="DM20" s="71">
        <v>0</v>
      </c>
      <c r="DN20" s="71">
        <v>0</v>
      </c>
      <c r="DO20" s="71">
        <v>0</v>
      </c>
      <c r="DP20" s="71">
        <v>0</v>
      </c>
      <c r="DQ20" s="71">
        <v>0</v>
      </c>
      <c r="DR20" s="72">
        <v>0</v>
      </c>
      <c r="DS20" s="73">
        <v>3</v>
      </c>
      <c r="DT20" s="70">
        <v>1</v>
      </c>
      <c r="DU20" s="71">
        <v>2</v>
      </c>
      <c r="DV20" s="72">
        <v>3</v>
      </c>
      <c r="DW20" s="244"/>
      <c r="DX20" s="71">
        <v>0</v>
      </c>
      <c r="DY20" s="71">
        <v>1</v>
      </c>
      <c r="DZ20" s="71">
        <v>0</v>
      </c>
      <c r="EA20" s="71">
        <v>3</v>
      </c>
      <c r="EB20" s="71">
        <v>1</v>
      </c>
      <c r="EC20" s="72">
        <v>5</v>
      </c>
      <c r="ED20" s="73">
        <v>8</v>
      </c>
      <c r="EE20" s="70">
        <v>5</v>
      </c>
      <c r="EF20" s="71">
        <v>2</v>
      </c>
      <c r="EG20" s="72">
        <v>7</v>
      </c>
      <c r="EH20" s="244"/>
      <c r="EI20" s="71">
        <v>6</v>
      </c>
      <c r="EJ20" s="71">
        <v>7</v>
      </c>
      <c r="EK20" s="71">
        <v>2</v>
      </c>
      <c r="EL20" s="71">
        <v>1</v>
      </c>
      <c r="EM20" s="71">
        <v>1</v>
      </c>
      <c r="EN20" s="72">
        <v>17</v>
      </c>
      <c r="EO20" s="73">
        <v>24</v>
      </c>
      <c r="EP20" s="70">
        <v>6</v>
      </c>
      <c r="EQ20" s="71">
        <v>10</v>
      </c>
      <c r="ER20" s="72">
        <v>16</v>
      </c>
      <c r="ES20" s="244"/>
      <c r="ET20" s="71">
        <v>6</v>
      </c>
      <c r="EU20" s="71">
        <v>6</v>
      </c>
      <c r="EV20" s="71">
        <v>11</v>
      </c>
      <c r="EW20" s="71">
        <v>3</v>
      </c>
      <c r="EX20" s="71">
        <v>10</v>
      </c>
      <c r="EY20" s="72">
        <v>36</v>
      </c>
      <c r="EZ20" s="73">
        <v>52</v>
      </c>
      <c r="FA20" s="70">
        <v>5</v>
      </c>
      <c r="FB20" s="71">
        <v>4</v>
      </c>
      <c r="FC20" s="72">
        <v>9</v>
      </c>
      <c r="FD20" s="244"/>
      <c r="FE20" s="71">
        <v>7</v>
      </c>
      <c r="FF20" s="71">
        <v>5</v>
      </c>
      <c r="FG20" s="71">
        <v>8</v>
      </c>
      <c r="FH20" s="71">
        <v>2</v>
      </c>
      <c r="FI20" s="71">
        <v>5</v>
      </c>
      <c r="FJ20" s="72">
        <v>27</v>
      </c>
      <c r="FK20" s="73">
        <v>36</v>
      </c>
      <c r="FL20" s="70">
        <v>7</v>
      </c>
      <c r="FM20" s="71">
        <v>2</v>
      </c>
      <c r="FN20" s="72">
        <v>9</v>
      </c>
      <c r="FO20" s="244"/>
      <c r="FP20" s="71">
        <v>8</v>
      </c>
      <c r="FQ20" s="71">
        <v>16</v>
      </c>
      <c r="FR20" s="71">
        <v>13</v>
      </c>
      <c r="FS20" s="71">
        <v>11</v>
      </c>
      <c r="FT20" s="71">
        <v>12</v>
      </c>
      <c r="FU20" s="72">
        <v>60</v>
      </c>
      <c r="FV20" s="73">
        <v>69</v>
      </c>
      <c r="FW20" s="70">
        <v>0</v>
      </c>
      <c r="FX20" s="71">
        <v>0</v>
      </c>
      <c r="FY20" s="72">
        <v>0</v>
      </c>
      <c r="FZ20" s="244"/>
      <c r="GA20" s="71">
        <v>0</v>
      </c>
      <c r="GB20" s="71">
        <v>0</v>
      </c>
      <c r="GC20" s="71">
        <v>0</v>
      </c>
      <c r="GD20" s="71">
        <v>0</v>
      </c>
      <c r="GE20" s="71">
        <v>0</v>
      </c>
      <c r="GF20" s="72">
        <v>0</v>
      </c>
      <c r="GG20" s="73">
        <v>0</v>
      </c>
      <c r="GH20" s="70">
        <v>26</v>
      </c>
      <c r="GI20" s="71">
        <v>21</v>
      </c>
      <c r="GJ20" s="72">
        <v>47</v>
      </c>
      <c r="GK20" s="244"/>
      <c r="GL20" s="71">
        <v>27</v>
      </c>
      <c r="GM20" s="71">
        <v>35</v>
      </c>
      <c r="GN20" s="71">
        <v>34</v>
      </c>
      <c r="GO20" s="71">
        <v>20</v>
      </c>
      <c r="GP20" s="71">
        <v>29</v>
      </c>
      <c r="GQ20" s="72">
        <v>145</v>
      </c>
      <c r="GR20" s="73">
        <v>192</v>
      </c>
      <c r="GS20" s="123">
        <v>68</v>
      </c>
      <c r="GT20" s="82">
        <v>71</v>
      </c>
      <c r="GU20" s="83">
        <v>139</v>
      </c>
      <c r="GV20" s="241"/>
      <c r="GW20" s="82">
        <v>110</v>
      </c>
      <c r="GX20" s="82">
        <v>126</v>
      </c>
      <c r="GY20" s="82">
        <v>100</v>
      </c>
      <c r="GZ20" s="82">
        <v>73</v>
      </c>
      <c r="HA20" s="82">
        <v>50</v>
      </c>
      <c r="HB20" s="84">
        <v>459</v>
      </c>
      <c r="HC20" s="85">
        <v>598</v>
      </c>
      <c r="HD20" s="70">
        <v>3</v>
      </c>
      <c r="HE20" s="71">
        <v>2</v>
      </c>
      <c r="HF20" s="72">
        <v>5</v>
      </c>
      <c r="HG20" s="244"/>
      <c r="HH20" s="71">
        <v>3</v>
      </c>
      <c r="HI20" s="71">
        <v>3</v>
      </c>
      <c r="HJ20" s="71">
        <v>4</v>
      </c>
      <c r="HK20" s="71">
        <v>3</v>
      </c>
      <c r="HL20" s="71">
        <v>0</v>
      </c>
      <c r="HM20" s="72">
        <v>13</v>
      </c>
      <c r="HN20" s="73">
        <v>18</v>
      </c>
      <c r="HO20" s="70">
        <v>3</v>
      </c>
      <c r="HP20" s="71">
        <v>8</v>
      </c>
      <c r="HQ20" s="72">
        <v>11</v>
      </c>
      <c r="HR20" s="244"/>
      <c r="HS20" s="71">
        <v>3</v>
      </c>
      <c r="HT20" s="71">
        <v>10</v>
      </c>
      <c r="HU20" s="71">
        <v>9</v>
      </c>
      <c r="HV20" s="71">
        <v>9</v>
      </c>
      <c r="HW20" s="71">
        <v>3</v>
      </c>
      <c r="HX20" s="72">
        <v>34</v>
      </c>
      <c r="HY20" s="73">
        <v>45</v>
      </c>
      <c r="HZ20" s="70">
        <v>10</v>
      </c>
      <c r="IA20" s="71">
        <v>8</v>
      </c>
      <c r="IB20" s="72">
        <v>18</v>
      </c>
      <c r="IC20" s="244"/>
      <c r="ID20" s="71">
        <v>22</v>
      </c>
      <c r="IE20" s="71">
        <v>22</v>
      </c>
      <c r="IF20" s="71">
        <v>15</v>
      </c>
      <c r="IG20" s="71">
        <v>12</v>
      </c>
      <c r="IH20" s="71">
        <v>6</v>
      </c>
      <c r="II20" s="72">
        <v>77</v>
      </c>
      <c r="IJ20" s="73">
        <v>95</v>
      </c>
      <c r="IK20" s="70">
        <v>15</v>
      </c>
      <c r="IL20" s="71">
        <v>21</v>
      </c>
      <c r="IM20" s="72">
        <v>36</v>
      </c>
      <c r="IN20" s="244"/>
      <c r="IO20" s="71">
        <v>25</v>
      </c>
      <c r="IP20" s="71">
        <v>27</v>
      </c>
      <c r="IQ20" s="71">
        <v>27</v>
      </c>
      <c r="IR20" s="71">
        <v>12</v>
      </c>
      <c r="IS20" s="71">
        <v>13</v>
      </c>
      <c r="IT20" s="72">
        <v>104</v>
      </c>
      <c r="IU20" s="73">
        <v>140</v>
      </c>
      <c r="IV20" s="70">
        <v>21</v>
      </c>
      <c r="IW20" s="71">
        <v>15</v>
      </c>
      <c r="IX20" s="72">
        <v>36</v>
      </c>
      <c r="IY20" s="244"/>
      <c r="IZ20" s="71">
        <v>35</v>
      </c>
      <c r="JA20" s="71">
        <v>27</v>
      </c>
      <c r="JB20" s="71">
        <v>19</v>
      </c>
      <c r="JC20" s="71">
        <v>14</v>
      </c>
      <c r="JD20" s="71">
        <v>9</v>
      </c>
      <c r="JE20" s="72">
        <v>104</v>
      </c>
      <c r="JF20" s="73">
        <v>140</v>
      </c>
      <c r="JG20" s="70">
        <v>16</v>
      </c>
      <c r="JH20" s="71">
        <v>17</v>
      </c>
      <c r="JI20" s="72">
        <v>33</v>
      </c>
      <c r="JJ20" s="244"/>
      <c r="JK20" s="71">
        <v>22</v>
      </c>
      <c r="JL20" s="71">
        <v>37</v>
      </c>
      <c r="JM20" s="71">
        <v>26</v>
      </c>
      <c r="JN20" s="71">
        <v>23</v>
      </c>
      <c r="JO20" s="71">
        <v>19</v>
      </c>
      <c r="JP20" s="72">
        <v>127</v>
      </c>
      <c r="JQ20" s="73">
        <v>160</v>
      </c>
      <c r="JR20" s="70">
        <v>0</v>
      </c>
      <c r="JS20" s="71">
        <v>0</v>
      </c>
      <c r="JT20" s="72">
        <v>0</v>
      </c>
      <c r="JU20" s="244"/>
      <c r="JV20" s="71">
        <v>0</v>
      </c>
      <c r="JW20" s="71">
        <v>0</v>
      </c>
      <c r="JX20" s="71">
        <v>0</v>
      </c>
      <c r="JY20" s="71">
        <v>0</v>
      </c>
      <c r="JZ20" s="71">
        <v>0</v>
      </c>
      <c r="KA20" s="72">
        <v>0</v>
      </c>
      <c r="KB20" s="73">
        <v>0</v>
      </c>
      <c r="KC20" s="70">
        <v>68</v>
      </c>
      <c r="KD20" s="71">
        <v>71</v>
      </c>
      <c r="KE20" s="72">
        <v>139</v>
      </c>
      <c r="KF20" s="244"/>
      <c r="KG20" s="71">
        <v>110</v>
      </c>
      <c r="KH20" s="71">
        <v>126</v>
      </c>
      <c r="KI20" s="71">
        <v>100</v>
      </c>
      <c r="KJ20" s="71">
        <v>73</v>
      </c>
      <c r="KK20" s="71">
        <v>50</v>
      </c>
      <c r="KL20" s="72">
        <v>459</v>
      </c>
      <c r="KM20" s="73">
        <v>598</v>
      </c>
    </row>
    <row r="21" spans="2:299" ht="21" customHeight="1" x14ac:dyDescent="0.2">
      <c r="B21" s="126" t="s">
        <v>18</v>
      </c>
      <c r="C21" s="313">
        <v>52</v>
      </c>
      <c r="D21" s="82">
        <v>72</v>
      </c>
      <c r="E21" s="83">
        <v>124</v>
      </c>
      <c r="F21" s="241"/>
      <c r="G21" s="82">
        <v>111</v>
      </c>
      <c r="H21" s="82">
        <v>94</v>
      </c>
      <c r="I21" s="82">
        <v>51</v>
      </c>
      <c r="J21" s="82">
        <v>55</v>
      </c>
      <c r="K21" s="82">
        <v>29</v>
      </c>
      <c r="L21" s="84">
        <v>340</v>
      </c>
      <c r="M21" s="85">
        <v>464</v>
      </c>
      <c r="N21" s="70">
        <v>4</v>
      </c>
      <c r="O21" s="71">
        <v>3</v>
      </c>
      <c r="P21" s="72">
        <v>7</v>
      </c>
      <c r="Q21" s="244"/>
      <c r="R21" s="71">
        <v>1</v>
      </c>
      <c r="S21" s="71">
        <v>6</v>
      </c>
      <c r="T21" s="71">
        <v>5</v>
      </c>
      <c r="U21" s="71">
        <v>2</v>
      </c>
      <c r="V21" s="71">
        <v>1</v>
      </c>
      <c r="W21" s="72">
        <v>15</v>
      </c>
      <c r="X21" s="73">
        <v>22</v>
      </c>
      <c r="Y21" s="70">
        <v>9</v>
      </c>
      <c r="Z21" s="71">
        <v>8</v>
      </c>
      <c r="AA21" s="72">
        <v>17</v>
      </c>
      <c r="AB21" s="244"/>
      <c r="AC21" s="71">
        <v>13</v>
      </c>
      <c r="AD21" s="71">
        <v>9</v>
      </c>
      <c r="AE21" s="71">
        <v>5</v>
      </c>
      <c r="AF21" s="71">
        <v>6</v>
      </c>
      <c r="AG21" s="71">
        <v>4</v>
      </c>
      <c r="AH21" s="72">
        <v>37</v>
      </c>
      <c r="AI21" s="73">
        <v>54</v>
      </c>
      <c r="AJ21" s="70">
        <v>6</v>
      </c>
      <c r="AK21" s="71">
        <v>9</v>
      </c>
      <c r="AL21" s="72">
        <v>15</v>
      </c>
      <c r="AM21" s="244"/>
      <c r="AN21" s="71">
        <v>15</v>
      </c>
      <c r="AO21" s="71">
        <v>14</v>
      </c>
      <c r="AP21" s="71">
        <v>8</v>
      </c>
      <c r="AQ21" s="71">
        <v>8</v>
      </c>
      <c r="AR21" s="71">
        <v>8</v>
      </c>
      <c r="AS21" s="72">
        <v>53</v>
      </c>
      <c r="AT21" s="73">
        <v>68</v>
      </c>
      <c r="AU21" s="70">
        <v>12</v>
      </c>
      <c r="AV21" s="71">
        <v>17</v>
      </c>
      <c r="AW21" s="72">
        <v>29</v>
      </c>
      <c r="AX21" s="244"/>
      <c r="AY21" s="71">
        <v>26</v>
      </c>
      <c r="AZ21" s="71">
        <v>18</v>
      </c>
      <c r="BA21" s="71">
        <v>10</v>
      </c>
      <c r="BB21" s="71">
        <v>11</v>
      </c>
      <c r="BC21" s="71">
        <v>7</v>
      </c>
      <c r="BD21" s="72">
        <v>72</v>
      </c>
      <c r="BE21" s="73">
        <v>101</v>
      </c>
      <c r="BF21" s="70">
        <v>10</v>
      </c>
      <c r="BG21" s="71">
        <v>17</v>
      </c>
      <c r="BH21" s="72">
        <v>27</v>
      </c>
      <c r="BI21" s="244"/>
      <c r="BJ21" s="71">
        <v>30</v>
      </c>
      <c r="BK21" s="71">
        <v>29</v>
      </c>
      <c r="BL21" s="71">
        <v>12</v>
      </c>
      <c r="BM21" s="71">
        <v>14</v>
      </c>
      <c r="BN21" s="71">
        <v>4</v>
      </c>
      <c r="BO21" s="72">
        <v>89</v>
      </c>
      <c r="BP21" s="73">
        <v>116</v>
      </c>
      <c r="BQ21" s="70">
        <v>11</v>
      </c>
      <c r="BR21" s="71">
        <v>18</v>
      </c>
      <c r="BS21" s="72">
        <v>29</v>
      </c>
      <c r="BT21" s="244"/>
      <c r="BU21" s="71">
        <v>26</v>
      </c>
      <c r="BV21" s="71">
        <v>18</v>
      </c>
      <c r="BW21" s="71">
        <v>11</v>
      </c>
      <c r="BX21" s="71">
        <v>14</v>
      </c>
      <c r="BY21" s="71">
        <v>5</v>
      </c>
      <c r="BZ21" s="72">
        <v>74</v>
      </c>
      <c r="CA21" s="73">
        <v>103</v>
      </c>
      <c r="CB21" s="70">
        <v>0</v>
      </c>
      <c r="CC21" s="71">
        <v>0</v>
      </c>
      <c r="CD21" s="72">
        <v>0</v>
      </c>
      <c r="CE21" s="244"/>
      <c r="CF21" s="71">
        <v>0</v>
      </c>
      <c r="CG21" s="71">
        <v>0</v>
      </c>
      <c r="CH21" s="71">
        <v>0</v>
      </c>
      <c r="CI21" s="71">
        <v>0</v>
      </c>
      <c r="CJ21" s="71">
        <v>0</v>
      </c>
      <c r="CK21" s="72">
        <v>0</v>
      </c>
      <c r="CL21" s="73">
        <v>0</v>
      </c>
      <c r="CM21" s="70">
        <v>52</v>
      </c>
      <c r="CN21" s="71">
        <v>72</v>
      </c>
      <c r="CO21" s="72">
        <v>124</v>
      </c>
      <c r="CP21" s="244"/>
      <c r="CQ21" s="71">
        <v>111</v>
      </c>
      <c r="CR21" s="71">
        <v>94</v>
      </c>
      <c r="CS21" s="71">
        <v>51</v>
      </c>
      <c r="CT21" s="71">
        <v>55</v>
      </c>
      <c r="CU21" s="71">
        <v>29</v>
      </c>
      <c r="CV21" s="72">
        <v>340</v>
      </c>
      <c r="CW21" s="73">
        <v>464</v>
      </c>
      <c r="CX21" s="123">
        <v>28</v>
      </c>
      <c r="CY21" s="82">
        <v>24</v>
      </c>
      <c r="CZ21" s="83">
        <v>52</v>
      </c>
      <c r="DA21" s="241"/>
      <c r="DB21" s="82">
        <v>44</v>
      </c>
      <c r="DC21" s="82">
        <v>48</v>
      </c>
      <c r="DD21" s="82">
        <v>33</v>
      </c>
      <c r="DE21" s="82">
        <v>23</v>
      </c>
      <c r="DF21" s="82">
        <v>25</v>
      </c>
      <c r="DG21" s="84">
        <v>173</v>
      </c>
      <c r="DH21" s="85">
        <v>225</v>
      </c>
      <c r="DI21" s="70">
        <v>2</v>
      </c>
      <c r="DJ21" s="71">
        <v>1</v>
      </c>
      <c r="DK21" s="72">
        <v>3</v>
      </c>
      <c r="DL21" s="244"/>
      <c r="DM21" s="71">
        <v>0</v>
      </c>
      <c r="DN21" s="71">
        <v>0</v>
      </c>
      <c r="DO21" s="71">
        <v>0</v>
      </c>
      <c r="DP21" s="71">
        <v>0</v>
      </c>
      <c r="DQ21" s="71">
        <v>2</v>
      </c>
      <c r="DR21" s="72">
        <v>2</v>
      </c>
      <c r="DS21" s="73">
        <v>5</v>
      </c>
      <c r="DT21" s="70">
        <v>2</v>
      </c>
      <c r="DU21" s="71">
        <v>4</v>
      </c>
      <c r="DV21" s="72">
        <v>6</v>
      </c>
      <c r="DW21" s="244"/>
      <c r="DX21" s="71">
        <v>2</v>
      </c>
      <c r="DY21" s="71">
        <v>2</v>
      </c>
      <c r="DZ21" s="71">
        <v>0</v>
      </c>
      <c r="EA21" s="71">
        <v>0</v>
      </c>
      <c r="EB21" s="71">
        <v>2</v>
      </c>
      <c r="EC21" s="72">
        <v>6</v>
      </c>
      <c r="ED21" s="73">
        <v>12</v>
      </c>
      <c r="EE21" s="70">
        <v>6</v>
      </c>
      <c r="EF21" s="71">
        <v>5</v>
      </c>
      <c r="EG21" s="72">
        <v>11</v>
      </c>
      <c r="EH21" s="244"/>
      <c r="EI21" s="71">
        <v>6</v>
      </c>
      <c r="EJ21" s="71">
        <v>7</v>
      </c>
      <c r="EK21" s="71">
        <v>1</v>
      </c>
      <c r="EL21" s="71">
        <v>1</v>
      </c>
      <c r="EM21" s="71">
        <v>3</v>
      </c>
      <c r="EN21" s="72">
        <v>18</v>
      </c>
      <c r="EO21" s="73">
        <v>29</v>
      </c>
      <c r="EP21" s="70">
        <v>9</v>
      </c>
      <c r="EQ21" s="71">
        <v>2</v>
      </c>
      <c r="ER21" s="72">
        <v>11</v>
      </c>
      <c r="ES21" s="244"/>
      <c r="ET21" s="71">
        <v>13</v>
      </c>
      <c r="EU21" s="71">
        <v>10</v>
      </c>
      <c r="EV21" s="71">
        <v>4</v>
      </c>
      <c r="EW21" s="71">
        <v>7</v>
      </c>
      <c r="EX21" s="71">
        <v>0</v>
      </c>
      <c r="EY21" s="72">
        <v>34</v>
      </c>
      <c r="EZ21" s="73">
        <v>45</v>
      </c>
      <c r="FA21" s="70">
        <v>8</v>
      </c>
      <c r="FB21" s="71">
        <v>7</v>
      </c>
      <c r="FC21" s="72">
        <v>15</v>
      </c>
      <c r="FD21" s="244"/>
      <c r="FE21" s="71">
        <v>15</v>
      </c>
      <c r="FF21" s="71">
        <v>14</v>
      </c>
      <c r="FG21" s="71">
        <v>14</v>
      </c>
      <c r="FH21" s="71">
        <v>5</v>
      </c>
      <c r="FI21" s="71">
        <v>5</v>
      </c>
      <c r="FJ21" s="72">
        <v>53</v>
      </c>
      <c r="FK21" s="73">
        <v>68</v>
      </c>
      <c r="FL21" s="70">
        <v>1</v>
      </c>
      <c r="FM21" s="71">
        <v>5</v>
      </c>
      <c r="FN21" s="72">
        <v>6</v>
      </c>
      <c r="FO21" s="244"/>
      <c r="FP21" s="71">
        <v>8</v>
      </c>
      <c r="FQ21" s="71">
        <v>15</v>
      </c>
      <c r="FR21" s="71">
        <v>14</v>
      </c>
      <c r="FS21" s="71">
        <v>10</v>
      </c>
      <c r="FT21" s="71">
        <v>13</v>
      </c>
      <c r="FU21" s="72">
        <v>60</v>
      </c>
      <c r="FV21" s="73">
        <v>66</v>
      </c>
      <c r="FW21" s="70">
        <v>0</v>
      </c>
      <c r="FX21" s="71">
        <v>0</v>
      </c>
      <c r="FY21" s="72">
        <v>0</v>
      </c>
      <c r="FZ21" s="244"/>
      <c r="GA21" s="71">
        <v>0</v>
      </c>
      <c r="GB21" s="71">
        <v>0</v>
      </c>
      <c r="GC21" s="71">
        <v>0</v>
      </c>
      <c r="GD21" s="71">
        <v>0</v>
      </c>
      <c r="GE21" s="71">
        <v>0</v>
      </c>
      <c r="GF21" s="72">
        <v>0</v>
      </c>
      <c r="GG21" s="73">
        <v>0</v>
      </c>
      <c r="GH21" s="70">
        <v>28</v>
      </c>
      <c r="GI21" s="71">
        <v>24</v>
      </c>
      <c r="GJ21" s="72">
        <v>52</v>
      </c>
      <c r="GK21" s="244"/>
      <c r="GL21" s="71">
        <v>44</v>
      </c>
      <c r="GM21" s="71">
        <v>48</v>
      </c>
      <c r="GN21" s="71">
        <v>33</v>
      </c>
      <c r="GO21" s="71">
        <v>23</v>
      </c>
      <c r="GP21" s="71">
        <v>25</v>
      </c>
      <c r="GQ21" s="72">
        <v>173</v>
      </c>
      <c r="GR21" s="73">
        <v>225</v>
      </c>
      <c r="GS21" s="123">
        <v>80</v>
      </c>
      <c r="GT21" s="82">
        <v>96</v>
      </c>
      <c r="GU21" s="83">
        <v>176</v>
      </c>
      <c r="GV21" s="241"/>
      <c r="GW21" s="82">
        <v>155</v>
      </c>
      <c r="GX21" s="82">
        <v>142</v>
      </c>
      <c r="GY21" s="82">
        <v>84</v>
      </c>
      <c r="GZ21" s="82">
        <v>78</v>
      </c>
      <c r="HA21" s="82">
        <v>54</v>
      </c>
      <c r="HB21" s="84">
        <v>513</v>
      </c>
      <c r="HC21" s="85">
        <v>689</v>
      </c>
      <c r="HD21" s="70">
        <v>6</v>
      </c>
      <c r="HE21" s="71">
        <v>4</v>
      </c>
      <c r="HF21" s="72">
        <v>10</v>
      </c>
      <c r="HG21" s="244"/>
      <c r="HH21" s="71">
        <v>1</v>
      </c>
      <c r="HI21" s="71">
        <v>6</v>
      </c>
      <c r="HJ21" s="71">
        <v>5</v>
      </c>
      <c r="HK21" s="71">
        <v>2</v>
      </c>
      <c r="HL21" s="71">
        <v>3</v>
      </c>
      <c r="HM21" s="72">
        <v>17</v>
      </c>
      <c r="HN21" s="73">
        <v>27</v>
      </c>
      <c r="HO21" s="70">
        <v>11</v>
      </c>
      <c r="HP21" s="71">
        <v>12</v>
      </c>
      <c r="HQ21" s="72">
        <v>23</v>
      </c>
      <c r="HR21" s="244"/>
      <c r="HS21" s="71">
        <v>15</v>
      </c>
      <c r="HT21" s="71">
        <v>11</v>
      </c>
      <c r="HU21" s="71">
        <v>5</v>
      </c>
      <c r="HV21" s="71">
        <v>6</v>
      </c>
      <c r="HW21" s="71">
        <v>6</v>
      </c>
      <c r="HX21" s="72">
        <v>43</v>
      </c>
      <c r="HY21" s="73">
        <v>66</v>
      </c>
      <c r="HZ21" s="70">
        <v>12</v>
      </c>
      <c r="IA21" s="71">
        <v>14</v>
      </c>
      <c r="IB21" s="72">
        <v>26</v>
      </c>
      <c r="IC21" s="244"/>
      <c r="ID21" s="71">
        <v>21</v>
      </c>
      <c r="IE21" s="71">
        <v>21</v>
      </c>
      <c r="IF21" s="71">
        <v>9</v>
      </c>
      <c r="IG21" s="71">
        <v>9</v>
      </c>
      <c r="IH21" s="71">
        <v>11</v>
      </c>
      <c r="II21" s="72">
        <v>71</v>
      </c>
      <c r="IJ21" s="73">
        <v>97</v>
      </c>
      <c r="IK21" s="70">
        <v>21</v>
      </c>
      <c r="IL21" s="71">
        <v>19</v>
      </c>
      <c r="IM21" s="72">
        <v>40</v>
      </c>
      <c r="IN21" s="244"/>
      <c r="IO21" s="71">
        <v>39</v>
      </c>
      <c r="IP21" s="71">
        <v>28</v>
      </c>
      <c r="IQ21" s="71">
        <v>14</v>
      </c>
      <c r="IR21" s="71">
        <v>18</v>
      </c>
      <c r="IS21" s="71">
        <v>7</v>
      </c>
      <c r="IT21" s="72">
        <v>106</v>
      </c>
      <c r="IU21" s="73">
        <v>146</v>
      </c>
      <c r="IV21" s="70">
        <v>18</v>
      </c>
      <c r="IW21" s="71">
        <v>24</v>
      </c>
      <c r="IX21" s="72">
        <v>42</v>
      </c>
      <c r="IY21" s="244"/>
      <c r="IZ21" s="71">
        <v>45</v>
      </c>
      <c r="JA21" s="71">
        <v>43</v>
      </c>
      <c r="JB21" s="71">
        <v>26</v>
      </c>
      <c r="JC21" s="71">
        <v>19</v>
      </c>
      <c r="JD21" s="71">
        <v>9</v>
      </c>
      <c r="JE21" s="72">
        <v>142</v>
      </c>
      <c r="JF21" s="73">
        <v>184</v>
      </c>
      <c r="JG21" s="70">
        <v>12</v>
      </c>
      <c r="JH21" s="71">
        <v>23</v>
      </c>
      <c r="JI21" s="72">
        <v>35</v>
      </c>
      <c r="JJ21" s="244"/>
      <c r="JK21" s="71">
        <v>34</v>
      </c>
      <c r="JL21" s="71">
        <v>33</v>
      </c>
      <c r="JM21" s="71">
        <v>25</v>
      </c>
      <c r="JN21" s="71">
        <v>24</v>
      </c>
      <c r="JO21" s="71">
        <v>18</v>
      </c>
      <c r="JP21" s="72">
        <v>134</v>
      </c>
      <c r="JQ21" s="73">
        <v>169</v>
      </c>
      <c r="JR21" s="70">
        <v>0</v>
      </c>
      <c r="JS21" s="71">
        <v>0</v>
      </c>
      <c r="JT21" s="72">
        <v>0</v>
      </c>
      <c r="JU21" s="244"/>
      <c r="JV21" s="71">
        <v>0</v>
      </c>
      <c r="JW21" s="71">
        <v>0</v>
      </c>
      <c r="JX21" s="71">
        <v>0</v>
      </c>
      <c r="JY21" s="71">
        <v>0</v>
      </c>
      <c r="JZ21" s="71">
        <v>0</v>
      </c>
      <c r="KA21" s="72">
        <v>0</v>
      </c>
      <c r="KB21" s="73">
        <v>0</v>
      </c>
      <c r="KC21" s="70">
        <v>80</v>
      </c>
      <c r="KD21" s="71">
        <v>96</v>
      </c>
      <c r="KE21" s="72">
        <v>176</v>
      </c>
      <c r="KF21" s="244"/>
      <c r="KG21" s="71">
        <v>155</v>
      </c>
      <c r="KH21" s="71">
        <v>142</v>
      </c>
      <c r="KI21" s="71">
        <v>84</v>
      </c>
      <c r="KJ21" s="71">
        <v>78</v>
      </c>
      <c r="KK21" s="71">
        <v>54</v>
      </c>
      <c r="KL21" s="72">
        <v>513</v>
      </c>
      <c r="KM21" s="73">
        <v>689</v>
      </c>
    </row>
    <row r="22" spans="2:299" ht="21" customHeight="1" x14ac:dyDescent="0.2">
      <c r="B22" s="126" t="s">
        <v>19</v>
      </c>
      <c r="C22" s="313">
        <v>32</v>
      </c>
      <c r="D22" s="82">
        <v>21</v>
      </c>
      <c r="E22" s="83">
        <v>53</v>
      </c>
      <c r="F22" s="241"/>
      <c r="G22" s="82">
        <v>52</v>
      </c>
      <c r="H22" s="82">
        <v>39</v>
      </c>
      <c r="I22" s="82">
        <v>21</v>
      </c>
      <c r="J22" s="82">
        <v>19</v>
      </c>
      <c r="K22" s="82">
        <v>13</v>
      </c>
      <c r="L22" s="84">
        <v>144</v>
      </c>
      <c r="M22" s="85">
        <v>197</v>
      </c>
      <c r="N22" s="86">
        <v>1</v>
      </c>
      <c r="O22" s="71">
        <v>0</v>
      </c>
      <c r="P22" s="72">
        <v>1</v>
      </c>
      <c r="Q22" s="244"/>
      <c r="R22" s="71">
        <v>2</v>
      </c>
      <c r="S22" s="71">
        <v>1</v>
      </c>
      <c r="T22" s="71">
        <v>0</v>
      </c>
      <c r="U22" s="71">
        <v>2</v>
      </c>
      <c r="V22" s="71">
        <v>0</v>
      </c>
      <c r="W22" s="72">
        <v>5</v>
      </c>
      <c r="X22" s="73">
        <v>6</v>
      </c>
      <c r="Y22" s="70">
        <v>2</v>
      </c>
      <c r="Z22" s="71">
        <v>0</v>
      </c>
      <c r="AA22" s="72">
        <v>2</v>
      </c>
      <c r="AB22" s="244"/>
      <c r="AC22" s="71">
        <v>7</v>
      </c>
      <c r="AD22" s="71">
        <v>4</v>
      </c>
      <c r="AE22" s="71">
        <v>3</v>
      </c>
      <c r="AF22" s="71">
        <v>2</v>
      </c>
      <c r="AG22" s="71">
        <v>1</v>
      </c>
      <c r="AH22" s="72">
        <v>17</v>
      </c>
      <c r="AI22" s="73">
        <v>19</v>
      </c>
      <c r="AJ22" s="86">
        <v>8</v>
      </c>
      <c r="AK22" s="71">
        <v>1</v>
      </c>
      <c r="AL22" s="72">
        <v>9</v>
      </c>
      <c r="AM22" s="244"/>
      <c r="AN22" s="71">
        <v>5</v>
      </c>
      <c r="AO22" s="71">
        <v>4</v>
      </c>
      <c r="AP22" s="71">
        <v>2</v>
      </c>
      <c r="AQ22" s="71">
        <v>5</v>
      </c>
      <c r="AR22" s="71">
        <v>1</v>
      </c>
      <c r="AS22" s="72">
        <v>17</v>
      </c>
      <c r="AT22" s="73">
        <v>26</v>
      </c>
      <c r="AU22" s="70">
        <v>3</v>
      </c>
      <c r="AV22" s="71">
        <v>5</v>
      </c>
      <c r="AW22" s="72">
        <v>8</v>
      </c>
      <c r="AX22" s="244"/>
      <c r="AY22" s="71">
        <v>8</v>
      </c>
      <c r="AZ22" s="71">
        <v>10</v>
      </c>
      <c r="BA22" s="71">
        <v>4</v>
      </c>
      <c r="BB22" s="71">
        <v>2</v>
      </c>
      <c r="BC22" s="71">
        <v>3</v>
      </c>
      <c r="BD22" s="72">
        <v>27</v>
      </c>
      <c r="BE22" s="73">
        <v>35</v>
      </c>
      <c r="BF22" s="86">
        <v>12</v>
      </c>
      <c r="BG22" s="71">
        <v>8</v>
      </c>
      <c r="BH22" s="72">
        <v>20</v>
      </c>
      <c r="BI22" s="244"/>
      <c r="BJ22" s="71">
        <v>11</v>
      </c>
      <c r="BK22" s="71">
        <v>9</v>
      </c>
      <c r="BL22" s="71">
        <v>4</v>
      </c>
      <c r="BM22" s="71">
        <v>3</v>
      </c>
      <c r="BN22" s="71">
        <v>4</v>
      </c>
      <c r="BO22" s="72">
        <v>31</v>
      </c>
      <c r="BP22" s="73">
        <v>51</v>
      </c>
      <c r="BQ22" s="70">
        <v>6</v>
      </c>
      <c r="BR22" s="71">
        <v>7</v>
      </c>
      <c r="BS22" s="72">
        <v>13</v>
      </c>
      <c r="BT22" s="244"/>
      <c r="BU22" s="71">
        <v>19</v>
      </c>
      <c r="BV22" s="71">
        <v>11</v>
      </c>
      <c r="BW22" s="71">
        <v>8</v>
      </c>
      <c r="BX22" s="71">
        <v>5</v>
      </c>
      <c r="BY22" s="71">
        <v>4</v>
      </c>
      <c r="BZ22" s="72">
        <v>47</v>
      </c>
      <c r="CA22" s="73">
        <v>60</v>
      </c>
      <c r="CB22" s="70">
        <v>0</v>
      </c>
      <c r="CC22" s="71">
        <v>0</v>
      </c>
      <c r="CD22" s="72">
        <v>0</v>
      </c>
      <c r="CE22" s="244"/>
      <c r="CF22" s="71">
        <v>0</v>
      </c>
      <c r="CG22" s="71">
        <v>0</v>
      </c>
      <c r="CH22" s="71">
        <v>0</v>
      </c>
      <c r="CI22" s="71">
        <v>0</v>
      </c>
      <c r="CJ22" s="71">
        <v>0</v>
      </c>
      <c r="CK22" s="72">
        <v>0</v>
      </c>
      <c r="CL22" s="73">
        <v>0</v>
      </c>
      <c r="CM22" s="70">
        <v>32</v>
      </c>
      <c r="CN22" s="71">
        <v>21</v>
      </c>
      <c r="CO22" s="72">
        <v>53</v>
      </c>
      <c r="CP22" s="244"/>
      <c r="CQ22" s="71">
        <v>52</v>
      </c>
      <c r="CR22" s="71">
        <v>39</v>
      </c>
      <c r="CS22" s="71">
        <v>21</v>
      </c>
      <c r="CT22" s="71">
        <v>19</v>
      </c>
      <c r="CU22" s="71">
        <v>13</v>
      </c>
      <c r="CV22" s="72">
        <v>144</v>
      </c>
      <c r="CW22" s="73">
        <v>197</v>
      </c>
      <c r="CX22" s="123">
        <v>10</v>
      </c>
      <c r="CY22" s="82">
        <v>8</v>
      </c>
      <c r="CZ22" s="83">
        <v>18</v>
      </c>
      <c r="DA22" s="241"/>
      <c r="DB22" s="82">
        <v>13</v>
      </c>
      <c r="DC22" s="82">
        <v>16</v>
      </c>
      <c r="DD22" s="82">
        <v>8</v>
      </c>
      <c r="DE22" s="82">
        <v>6</v>
      </c>
      <c r="DF22" s="82">
        <v>8</v>
      </c>
      <c r="DG22" s="84">
        <v>51</v>
      </c>
      <c r="DH22" s="85">
        <v>69</v>
      </c>
      <c r="DI22" s="86">
        <v>0</v>
      </c>
      <c r="DJ22" s="71">
        <v>0</v>
      </c>
      <c r="DK22" s="72">
        <v>0</v>
      </c>
      <c r="DL22" s="244"/>
      <c r="DM22" s="71">
        <v>0</v>
      </c>
      <c r="DN22" s="71">
        <v>1</v>
      </c>
      <c r="DO22" s="71">
        <v>1</v>
      </c>
      <c r="DP22" s="71">
        <v>0</v>
      </c>
      <c r="DQ22" s="71">
        <v>1</v>
      </c>
      <c r="DR22" s="72">
        <v>3</v>
      </c>
      <c r="DS22" s="73">
        <v>3</v>
      </c>
      <c r="DT22" s="70">
        <v>2</v>
      </c>
      <c r="DU22" s="71">
        <v>1</v>
      </c>
      <c r="DV22" s="72">
        <v>3</v>
      </c>
      <c r="DW22" s="244"/>
      <c r="DX22" s="71">
        <v>2</v>
      </c>
      <c r="DY22" s="71">
        <v>1</v>
      </c>
      <c r="DZ22" s="71">
        <v>0</v>
      </c>
      <c r="EA22" s="71">
        <v>0</v>
      </c>
      <c r="EB22" s="71">
        <v>0</v>
      </c>
      <c r="EC22" s="72">
        <v>3</v>
      </c>
      <c r="ED22" s="73">
        <v>6</v>
      </c>
      <c r="EE22" s="86">
        <v>2</v>
      </c>
      <c r="EF22" s="71">
        <v>0</v>
      </c>
      <c r="EG22" s="72">
        <v>2</v>
      </c>
      <c r="EH22" s="244"/>
      <c r="EI22" s="71">
        <v>0</v>
      </c>
      <c r="EJ22" s="71">
        <v>1</v>
      </c>
      <c r="EK22" s="71">
        <v>1</v>
      </c>
      <c r="EL22" s="71">
        <v>1</v>
      </c>
      <c r="EM22" s="71">
        <v>1</v>
      </c>
      <c r="EN22" s="72">
        <v>4</v>
      </c>
      <c r="EO22" s="73">
        <v>6</v>
      </c>
      <c r="EP22" s="70">
        <v>4</v>
      </c>
      <c r="EQ22" s="71">
        <v>1</v>
      </c>
      <c r="ER22" s="72">
        <v>5</v>
      </c>
      <c r="ES22" s="244"/>
      <c r="ET22" s="71">
        <v>3</v>
      </c>
      <c r="EU22" s="71">
        <v>4</v>
      </c>
      <c r="EV22" s="71">
        <v>4</v>
      </c>
      <c r="EW22" s="71">
        <v>0</v>
      </c>
      <c r="EX22" s="71">
        <v>0</v>
      </c>
      <c r="EY22" s="72">
        <v>11</v>
      </c>
      <c r="EZ22" s="73">
        <v>16</v>
      </c>
      <c r="FA22" s="86">
        <v>0</v>
      </c>
      <c r="FB22" s="71">
        <v>2</v>
      </c>
      <c r="FC22" s="72">
        <v>2</v>
      </c>
      <c r="FD22" s="244"/>
      <c r="FE22" s="71">
        <v>1</v>
      </c>
      <c r="FF22" s="71">
        <v>2</v>
      </c>
      <c r="FG22" s="71">
        <v>0</v>
      </c>
      <c r="FH22" s="71">
        <v>2</v>
      </c>
      <c r="FI22" s="71">
        <v>3</v>
      </c>
      <c r="FJ22" s="72">
        <v>8</v>
      </c>
      <c r="FK22" s="73">
        <v>10</v>
      </c>
      <c r="FL22" s="70">
        <v>2</v>
      </c>
      <c r="FM22" s="71">
        <v>4</v>
      </c>
      <c r="FN22" s="72">
        <v>6</v>
      </c>
      <c r="FO22" s="244"/>
      <c r="FP22" s="71">
        <v>7</v>
      </c>
      <c r="FQ22" s="71">
        <v>7</v>
      </c>
      <c r="FR22" s="71">
        <v>2</v>
      </c>
      <c r="FS22" s="71">
        <v>3</v>
      </c>
      <c r="FT22" s="71">
        <v>3</v>
      </c>
      <c r="FU22" s="72">
        <v>22</v>
      </c>
      <c r="FV22" s="73">
        <v>28</v>
      </c>
      <c r="FW22" s="70">
        <v>0</v>
      </c>
      <c r="FX22" s="71">
        <v>0</v>
      </c>
      <c r="FY22" s="72">
        <v>0</v>
      </c>
      <c r="FZ22" s="244"/>
      <c r="GA22" s="71">
        <v>0</v>
      </c>
      <c r="GB22" s="71">
        <v>0</v>
      </c>
      <c r="GC22" s="71">
        <v>0</v>
      </c>
      <c r="GD22" s="71">
        <v>0</v>
      </c>
      <c r="GE22" s="71">
        <v>0</v>
      </c>
      <c r="GF22" s="72">
        <v>0</v>
      </c>
      <c r="GG22" s="73">
        <v>0</v>
      </c>
      <c r="GH22" s="70">
        <v>10</v>
      </c>
      <c r="GI22" s="71">
        <v>8</v>
      </c>
      <c r="GJ22" s="72">
        <v>18</v>
      </c>
      <c r="GK22" s="244"/>
      <c r="GL22" s="71">
        <v>13</v>
      </c>
      <c r="GM22" s="71">
        <v>16</v>
      </c>
      <c r="GN22" s="71">
        <v>8</v>
      </c>
      <c r="GO22" s="71">
        <v>6</v>
      </c>
      <c r="GP22" s="71">
        <v>8</v>
      </c>
      <c r="GQ22" s="72">
        <v>51</v>
      </c>
      <c r="GR22" s="73">
        <v>69</v>
      </c>
      <c r="GS22" s="123">
        <v>42</v>
      </c>
      <c r="GT22" s="82">
        <v>29</v>
      </c>
      <c r="GU22" s="83">
        <v>71</v>
      </c>
      <c r="GV22" s="241"/>
      <c r="GW22" s="82">
        <v>65</v>
      </c>
      <c r="GX22" s="82">
        <v>55</v>
      </c>
      <c r="GY22" s="82">
        <v>29</v>
      </c>
      <c r="GZ22" s="82">
        <v>25</v>
      </c>
      <c r="HA22" s="82">
        <v>21</v>
      </c>
      <c r="HB22" s="84">
        <v>195</v>
      </c>
      <c r="HC22" s="85">
        <v>266</v>
      </c>
      <c r="HD22" s="86">
        <v>1</v>
      </c>
      <c r="HE22" s="71">
        <v>0</v>
      </c>
      <c r="HF22" s="72">
        <v>1</v>
      </c>
      <c r="HG22" s="244"/>
      <c r="HH22" s="71">
        <v>2</v>
      </c>
      <c r="HI22" s="71">
        <v>2</v>
      </c>
      <c r="HJ22" s="71">
        <v>1</v>
      </c>
      <c r="HK22" s="71">
        <v>2</v>
      </c>
      <c r="HL22" s="71">
        <v>1</v>
      </c>
      <c r="HM22" s="72">
        <v>8</v>
      </c>
      <c r="HN22" s="73">
        <v>9</v>
      </c>
      <c r="HO22" s="70">
        <v>4</v>
      </c>
      <c r="HP22" s="71">
        <v>1</v>
      </c>
      <c r="HQ22" s="72">
        <v>5</v>
      </c>
      <c r="HR22" s="244"/>
      <c r="HS22" s="71">
        <v>9</v>
      </c>
      <c r="HT22" s="71">
        <v>5</v>
      </c>
      <c r="HU22" s="71">
        <v>3</v>
      </c>
      <c r="HV22" s="71">
        <v>2</v>
      </c>
      <c r="HW22" s="71">
        <v>1</v>
      </c>
      <c r="HX22" s="72">
        <v>20</v>
      </c>
      <c r="HY22" s="73">
        <v>25</v>
      </c>
      <c r="HZ22" s="86">
        <v>10</v>
      </c>
      <c r="IA22" s="71">
        <v>1</v>
      </c>
      <c r="IB22" s="72">
        <v>11</v>
      </c>
      <c r="IC22" s="244"/>
      <c r="ID22" s="71">
        <v>5</v>
      </c>
      <c r="IE22" s="71">
        <v>5</v>
      </c>
      <c r="IF22" s="71">
        <v>3</v>
      </c>
      <c r="IG22" s="71">
        <v>6</v>
      </c>
      <c r="IH22" s="71">
        <v>2</v>
      </c>
      <c r="II22" s="72">
        <v>21</v>
      </c>
      <c r="IJ22" s="73">
        <v>32</v>
      </c>
      <c r="IK22" s="70">
        <v>7</v>
      </c>
      <c r="IL22" s="71">
        <v>6</v>
      </c>
      <c r="IM22" s="72">
        <v>13</v>
      </c>
      <c r="IN22" s="244"/>
      <c r="IO22" s="71">
        <v>11</v>
      </c>
      <c r="IP22" s="71">
        <v>14</v>
      </c>
      <c r="IQ22" s="71">
        <v>8</v>
      </c>
      <c r="IR22" s="71">
        <v>2</v>
      </c>
      <c r="IS22" s="71">
        <v>3</v>
      </c>
      <c r="IT22" s="72">
        <v>38</v>
      </c>
      <c r="IU22" s="73">
        <v>51</v>
      </c>
      <c r="IV22" s="86">
        <v>12</v>
      </c>
      <c r="IW22" s="71">
        <v>10</v>
      </c>
      <c r="IX22" s="72">
        <v>22</v>
      </c>
      <c r="IY22" s="244"/>
      <c r="IZ22" s="71">
        <v>12</v>
      </c>
      <c r="JA22" s="71">
        <v>11</v>
      </c>
      <c r="JB22" s="71">
        <v>4</v>
      </c>
      <c r="JC22" s="71">
        <v>5</v>
      </c>
      <c r="JD22" s="71">
        <v>7</v>
      </c>
      <c r="JE22" s="72">
        <v>39</v>
      </c>
      <c r="JF22" s="73">
        <v>61</v>
      </c>
      <c r="JG22" s="70">
        <v>8</v>
      </c>
      <c r="JH22" s="71">
        <v>11</v>
      </c>
      <c r="JI22" s="72">
        <v>19</v>
      </c>
      <c r="JJ22" s="244"/>
      <c r="JK22" s="71">
        <v>26</v>
      </c>
      <c r="JL22" s="71">
        <v>18</v>
      </c>
      <c r="JM22" s="71">
        <v>10</v>
      </c>
      <c r="JN22" s="71">
        <v>8</v>
      </c>
      <c r="JO22" s="71">
        <v>7</v>
      </c>
      <c r="JP22" s="72">
        <v>69</v>
      </c>
      <c r="JQ22" s="73">
        <v>88</v>
      </c>
      <c r="JR22" s="70">
        <v>0</v>
      </c>
      <c r="JS22" s="71">
        <v>0</v>
      </c>
      <c r="JT22" s="72">
        <v>0</v>
      </c>
      <c r="JU22" s="244"/>
      <c r="JV22" s="71">
        <v>0</v>
      </c>
      <c r="JW22" s="71">
        <v>0</v>
      </c>
      <c r="JX22" s="71">
        <v>0</v>
      </c>
      <c r="JY22" s="71">
        <v>0</v>
      </c>
      <c r="JZ22" s="71">
        <v>0</v>
      </c>
      <c r="KA22" s="72">
        <v>0</v>
      </c>
      <c r="KB22" s="73">
        <v>0</v>
      </c>
      <c r="KC22" s="70">
        <v>42</v>
      </c>
      <c r="KD22" s="71">
        <v>29</v>
      </c>
      <c r="KE22" s="72">
        <v>71</v>
      </c>
      <c r="KF22" s="244"/>
      <c r="KG22" s="71">
        <v>65</v>
      </c>
      <c r="KH22" s="71">
        <v>55</v>
      </c>
      <c r="KI22" s="71">
        <v>29</v>
      </c>
      <c r="KJ22" s="71">
        <v>25</v>
      </c>
      <c r="KK22" s="71">
        <v>21</v>
      </c>
      <c r="KL22" s="72">
        <v>195</v>
      </c>
      <c r="KM22" s="73">
        <v>266</v>
      </c>
    </row>
    <row r="23" spans="2:299" ht="21" customHeight="1" x14ac:dyDescent="0.2">
      <c r="B23" s="126" t="s">
        <v>20</v>
      </c>
      <c r="C23" s="313">
        <v>33</v>
      </c>
      <c r="D23" s="82">
        <v>56</v>
      </c>
      <c r="E23" s="83">
        <v>89</v>
      </c>
      <c r="F23" s="241"/>
      <c r="G23" s="82">
        <v>55</v>
      </c>
      <c r="H23" s="82">
        <v>54</v>
      </c>
      <c r="I23" s="82">
        <v>27</v>
      </c>
      <c r="J23" s="82">
        <v>27</v>
      </c>
      <c r="K23" s="82">
        <v>21</v>
      </c>
      <c r="L23" s="84">
        <v>184</v>
      </c>
      <c r="M23" s="85">
        <v>273</v>
      </c>
      <c r="N23" s="70">
        <v>1</v>
      </c>
      <c r="O23" s="71">
        <v>1</v>
      </c>
      <c r="P23" s="72">
        <v>2</v>
      </c>
      <c r="Q23" s="244"/>
      <c r="R23" s="71">
        <v>2</v>
      </c>
      <c r="S23" s="71">
        <v>0</v>
      </c>
      <c r="T23" s="71">
        <v>1</v>
      </c>
      <c r="U23" s="71">
        <v>1</v>
      </c>
      <c r="V23" s="71">
        <v>1</v>
      </c>
      <c r="W23" s="72">
        <v>5</v>
      </c>
      <c r="X23" s="73">
        <v>7</v>
      </c>
      <c r="Y23" s="70">
        <v>4</v>
      </c>
      <c r="Z23" s="71">
        <v>4</v>
      </c>
      <c r="AA23" s="72">
        <v>8</v>
      </c>
      <c r="AB23" s="244"/>
      <c r="AC23" s="71">
        <v>7</v>
      </c>
      <c r="AD23" s="71">
        <v>8</v>
      </c>
      <c r="AE23" s="71">
        <v>5</v>
      </c>
      <c r="AF23" s="71">
        <v>2</v>
      </c>
      <c r="AG23" s="71">
        <v>3</v>
      </c>
      <c r="AH23" s="72">
        <v>25</v>
      </c>
      <c r="AI23" s="73">
        <v>33</v>
      </c>
      <c r="AJ23" s="70">
        <v>5</v>
      </c>
      <c r="AK23" s="71">
        <v>9</v>
      </c>
      <c r="AL23" s="72">
        <v>14</v>
      </c>
      <c r="AM23" s="244"/>
      <c r="AN23" s="71">
        <v>5</v>
      </c>
      <c r="AO23" s="71">
        <v>5</v>
      </c>
      <c r="AP23" s="71">
        <v>3</v>
      </c>
      <c r="AQ23" s="71">
        <v>3</v>
      </c>
      <c r="AR23" s="71">
        <v>4</v>
      </c>
      <c r="AS23" s="72">
        <v>20</v>
      </c>
      <c r="AT23" s="73">
        <v>34</v>
      </c>
      <c r="AU23" s="70">
        <v>11</v>
      </c>
      <c r="AV23" s="71">
        <v>17</v>
      </c>
      <c r="AW23" s="72">
        <v>28</v>
      </c>
      <c r="AX23" s="244"/>
      <c r="AY23" s="71">
        <v>19</v>
      </c>
      <c r="AZ23" s="71">
        <v>19</v>
      </c>
      <c r="BA23" s="71">
        <v>7</v>
      </c>
      <c r="BB23" s="71">
        <v>8</v>
      </c>
      <c r="BC23" s="71">
        <v>5</v>
      </c>
      <c r="BD23" s="72">
        <v>58</v>
      </c>
      <c r="BE23" s="73">
        <v>86</v>
      </c>
      <c r="BF23" s="70">
        <v>6</v>
      </c>
      <c r="BG23" s="71">
        <v>16</v>
      </c>
      <c r="BH23" s="72">
        <v>22</v>
      </c>
      <c r="BI23" s="244"/>
      <c r="BJ23" s="71">
        <v>12</v>
      </c>
      <c r="BK23" s="71">
        <v>14</v>
      </c>
      <c r="BL23" s="71">
        <v>6</v>
      </c>
      <c r="BM23" s="71">
        <v>6</v>
      </c>
      <c r="BN23" s="71">
        <v>5</v>
      </c>
      <c r="BO23" s="72">
        <v>43</v>
      </c>
      <c r="BP23" s="73">
        <v>65</v>
      </c>
      <c r="BQ23" s="70">
        <v>6</v>
      </c>
      <c r="BR23" s="71">
        <v>9</v>
      </c>
      <c r="BS23" s="72">
        <v>15</v>
      </c>
      <c r="BT23" s="244"/>
      <c r="BU23" s="71">
        <v>10</v>
      </c>
      <c r="BV23" s="71">
        <v>8</v>
      </c>
      <c r="BW23" s="71">
        <v>5</v>
      </c>
      <c r="BX23" s="71">
        <v>7</v>
      </c>
      <c r="BY23" s="71">
        <v>3</v>
      </c>
      <c r="BZ23" s="72">
        <v>33</v>
      </c>
      <c r="CA23" s="73">
        <v>48</v>
      </c>
      <c r="CB23" s="70">
        <v>0</v>
      </c>
      <c r="CC23" s="71">
        <v>0</v>
      </c>
      <c r="CD23" s="72">
        <v>0</v>
      </c>
      <c r="CE23" s="244"/>
      <c r="CF23" s="71">
        <v>0</v>
      </c>
      <c r="CG23" s="71">
        <v>0</v>
      </c>
      <c r="CH23" s="71">
        <v>0</v>
      </c>
      <c r="CI23" s="71">
        <v>0</v>
      </c>
      <c r="CJ23" s="71">
        <v>0</v>
      </c>
      <c r="CK23" s="72">
        <v>0</v>
      </c>
      <c r="CL23" s="73">
        <v>0</v>
      </c>
      <c r="CM23" s="70">
        <v>33</v>
      </c>
      <c r="CN23" s="71">
        <v>56</v>
      </c>
      <c r="CO23" s="72">
        <v>89</v>
      </c>
      <c r="CP23" s="244"/>
      <c r="CQ23" s="71">
        <v>55</v>
      </c>
      <c r="CR23" s="71">
        <v>54</v>
      </c>
      <c r="CS23" s="71">
        <v>27</v>
      </c>
      <c r="CT23" s="71">
        <v>27</v>
      </c>
      <c r="CU23" s="71">
        <v>21</v>
      </c>
      <c r="CV23" s="72">
        <v>184</v>
      </c>
      <c r="CW23" s="73">
        <v>273</v>
      </c>
      <c r="CX23" s="123">
        <v>12</v>
      </c>
      <c r="CY23" s="82">
        <v>19</v>
      </c>
      <c r="CZ23" s="83">
        <v>31</v>
      </c>
      <c r="DA23" s="241"/>
      <c r="DB23" s="82">
        <v>18</v>
      </c>
      <c r="DC23" s="82">
        <v>24</v>
      </c>
      <c r="DD23" s="82">
        <v>11</v>
      </c>
      <c r="DE23" s="82">
        <v>12</v>
      </c>
      <c r="DF23" s="82">
        <v>6</v>
      </c>
      <c r="DG23" s="84">
        <v>71</v>
      </c>
      <c r="DH23" s="85">
        <v>102</v>
      </c>
      <c r="DI23" s="70">
        <v>1</v>
      </c>
      <c r="DJ23" s="71">
        <v>0</v>
      </c>
      <c r="DK23" s="72">
        <v>1</v>
      </c>
      <c r="DL23" s="244"/>
      <c r="DM23" s="71">
        <v>0</v>
      </c>
      <c r="DN23" s="71">
        <v>0</v>
      </c>
      <c r="DO23" s="71">
        <v>0</v>
      </c>
      <c r="DP23" s="71">
        <v>0</v>
      </c>
      <c r="DQ23" s="71">
        <v>0</v>
      </c>
      <c r="DR23" s="72">
        <v>0</v>
      </c>
      <c r="DS23" s="73">
        <v>1</v>
      </c>
      <c r="DT23" s="70">
        <v>1</v>
      </c>
      <c r="DU23" s="71">
        <v>1</v>
      </c>
      <c r="DV23" s="72">
        <v>2</v>
      </c>
      <c r="DW23" s="244"/>
      <c r="DX23" s="71">
        <v>0</v>
      </c>
      <c r="DY23" s="71">
        <v>1</v>
      </c>
      <c r="DZ23" s="71">
        <v>0</v>
      </c>
      <c r="EA23" s="71">
        <v>0</v>
      </c>
      <c r="EB23" s="71">
        <v>1</v>
      </c>
      <c r="EC23" s="72">
        <v>2</v>
      </c>
      <c r="ED23" s="73">
        <v>4</v>
      </c>
      <c r="EE23" s="70">
        <v>2</v>
      </c>
      <c r="EF23" s="71">
        <v>2</v>
      </c>
      <c r="EG23" s="72">
        <v>4</v>
      </c>
      <c r="EH23" s="244"/>
      <c r="EI23" s="71">
        <v>1</v>
      </c>
      <c r="EJ23" s="71">
        <v>2</v>
      </c>
      <c r="EK23" s="71">
        <v>3</v>
      </c>
      <c r="EL23" s="71">
        <v>0</v>
      </c>
      <c r="EM23" s="71">
        <v>2</v>
      </c>
      <c r="EN23" s="72">
        <v>8</v>
      </c>
      <c r="EO23" s="73">
        <v>12</v>
      </c>
      <c r="EP23" s="70">
        <v>4</v>
      </c>
      <c r="EQ23" s="71">
        <v>6</v>
      </c>
      <c r="ER23" s="72">
        <v>10</v>
      </c>
      <c r="ES23" s="244"/>
      <c r="ET23" s="71">
        <v>3</v>
      </c>
      <c r="EU23" s="71">
        <v>5</v>
      </c>
      <c r="EV23" s="71">
        <v>1</v>
      </c>
      <c r="EW23" s="71">
        <v>2</v>
      </c>
      <c r="EX23" s="71">
        <v>0</v>
      </c>
      <c r="EY23" s="72">
        <v>11</v>
      </c>
      <c r="EZ23" s="73">
        <v>21</v>
      </c>
      <c r="FA23" s="70">
        <v>3</v>
      </c>
      <c r="FB23" s="71">
        <v>2</v>
      </c>
      <c r="FC23" s="72">
        <v>5</v>
      </c>
      <c r="FD23" s="244"/>
      <c r="FE23" s="71">
        <v>9</v>
      </c>
      <c r="FF23" s="71">
        <v>8</v>
      </c>
      <c r="FG23" s="71">
        <v>2</v>
      </c>
      <c r="FH23" s="71">
        <v>2</v>
      </c>
      <c r="FI23" s="71">
        <v>1</v>
      </c>
      <c r="FJ23" s="72">
        <v>22</v>
      </c>
      <c r="FK23" s="73">
        <v>27</v>
      </c>
      <c r="FL23" s="70">
        <v>1</v>
      </c>
      <c r="FM23" s="71">
        <v>8</v>
      </c>
      <c r="FN23" s="72">
        <v>9</v>
      </c>
      <c r="FO23" s="244"/>
      <c r="FP23" s="71">
        <v>5</v>
      </c>
      <c r="FQ23" s="71">
        <v>8</v>
      </c>
      <c r="FR23" s="71">
        <v>5</v>
      </c>
      <c r="FS23" s="71">
        <v>8</v>
      </c>
      <c r="FT23" s="71">
        <v>2</v>
      </c>
      <c r="FU23" s="72">
        <v>28</v>
      </c>
      <c r="FV23" s="73">
        <v>37</v>
      </c>
      <c r="FW23" s="70">
        <v>0</v>
      </c>
      <c r="FX23" s="71">
        <v>0</v>
      </c>
      <c r="FY23" s="72">
        <v>0</v>
      </c>
      <c r="FZ23" s="244"/>
      <c r="GA23" s="71">
        <v>0</v>
      </c>
      <c r="GB23" s="71">
        <v>0</v>
      </c>
      <c r="GC23" s="71">
        <v>0</v>
      </c>
      <c r="GD23" s="71">
        <v>0</v>
      </c>
      <c r="GE23" s="71">
        <v>0</v>
      </c>
      <c r="GF23" s="72">
        <v>0</v>
      </c>
      <c r="GG23" s="73">
        <v>0</v>
      </c>
      <c r="GH23" s="70">
        <v>12</v>
      </c>
      <c r="GI23" s="71">
        <v>19</v>
      </c>
      <c r="GJ23" s="72">
        <v>31</v>
      </c>
      <c r="GK23" s="244"/>
      <c r="GL23" s="71">
        <v>18</v>
      </c>
      <c r="GM23" s="71">
        <v>24</v>
      </c>
      <c r="GN23" s="71">
        <v>11</v>
      </c>
      <c r="GO23" s="71">
        <v>12</v>
      </c>
      <c r="GP23" s="71">
        <v>6</v>
      </c>
      <c r="GQ23" s="72">
        <v>71</v>
      </c>
      <c r="GR23" s="73">
        <v>102</v>
      </c>
      <c r="GS23" s="123">
        <v>45</v>
      </c>
      <c r="GT23" s="82">
        <v>75</v>
      </c>
      <c r="GU23" s="83">
        <v>120</v>
      </c>
      <c r="GV23" s="241"/>
      <c r="GW23" s="82">
        <v>73</v>
      </c>
      <c r="GX23" s="82">
        <v>78</v>
      </c>
      <c r="GY23" s="82">
        <v>38</v>
      </c>
      <c r="GZ23" s="82">
        <v>39</v>
      </c>
      <c r="HA23" s="82">
        <v>27</v>
      </c>
      <c r="HB23" s="84">
        <v>255</v>
      </c>
      <c r="HC23" s="85">
        <v>375</v>
      </c>
      <c r="HD23" s="70">
        <v>2</v>
      </c>
      <c r="HE23" s="71">
        <v>1</v>
      </c>
      <c r="HF23" s="72">
        <v>3</v>
      </c>
      <c r="HG23" s="244"/>
      <c r="HH23" s="71">
        <v>2</v>
      </c>
      <c r="HI23" s="71">
        <v>0</v>
      </c>
      <c r="HJ23" s="71">
        <v>1</v>
      </c>
      <c r="HK23" s="71">
        <v>1</v>
      </c>
      <c r="HL23" s="71">
        <v>1</v>
      </c>
      <c r="HM23" s="72">
        <v>5</v>
      </c>
      <c r="HN23" s="73">
        <v>8</v>
      </c>
      <c r="HO23" s="70">
        <v>5</v>
      </c>
      <c r="HP23" s="71">
        <v>5</v>
      </c>
      <c r="HQ23" s="72">
        <v>10</v>
      </c>
      <c r="HR23" s="244"/>
      <c r="HS23" s="71">
        <v>7</v>
      </c>
      <c r="HT23" s="71">
        <v>9</v>
      </c>
      <c r="HU23" s="71">
        <v>5</v>
      </c>
      <c r="HV23" s="71">
        <v>2</v>
      </c>
      <c r="HW23" s="71">
        <v>4</v>
      </c>
      <c r="HX23" s="72">
        <v>27</v>
      </c>
      <c r="HY23" s="73">
        <v>37</v>
      </c>
      <c r="HZ23" s="70">
        <v>7</v>
      </c>
      <c r="IA23" s="71">
        <v>11</v>
      </c>
      <c r="IB23" s="72">
        <v>18</v>
      </c>
      <c r="IC23" s="244"/>
      <c r="ID23" s="71">
        <v>6</v>
      </c>
      <c r="IE23" s="71">
        <v>7</v>
      </c>
      <c r="IF23" s="71">
        <v>6</v>
      </c>
      <c r="IG23" s="71">
        <v>3</v>
      </c>
      <c r="IH23" s="71">
        <v>6</v>
      </c>
      <c r="II23" s="72">
        <v>28</v>
      </c>
      <c r="IJ23" s="73">
        <v>46</v>
      </c>
      <c r="IK23" s="70">
        <v>15</v>
      </c>
      <c r="IL23" s="71">
        <v>23</v>
      </c>
      <c r="IM23" s="72">
        <v>38</v>
      </c>
      <c r="IN23" s="244"/>
      <c r="IO23" s="71">
        <v>22</v>
      </c>
      <c r="IP23" s="71">
        <v>24</v>
      </c>
      <c r="IQ23" s="71">
        <v>8</v>
      </c>
      <c r="IR23" s="71">
        <v>10</v>
      </c>
      <c r="IS23" s="71">
        <v>5</v>
      </c>
      <c r="IT23" s="72">
        <v>69</v>
      </c>
      <c r="IU23" s="73">
        <v>107</v>
      </c>
      <c r="IV23" s="70">
        <v>9</v>
      </c>
      <c r="IW23" s="71">
        <v>18</v>
      </c>
      <c r="IX23" s="72">
        <v>27</v>
      </c>
      <c r="IY23" s="244"/>
      <c r="IZ23" s="71">
        <v>21</v>
      </c>
      <c r="JA23" s="71">
        <v>22</v>
      </c>
      <c r="JB23" s="71">
        <v>8</v>
      </c>
      <c r="JC23" s="71">
        <v>8</v>
      </c>
      <c r="JD23" s="71">
        <v>6</v>
      </c>
      <c r="JE23" s="72">
        <v>65</v>
      </c>
      <c r="JF23" s="73">
        <v>92</v>
      </c>
      <c r="JG23" s="70">
        <v>7</v>
      </c>
      <c r="JH23" s="71">
        <v>17</v>
      </c>
      <c r="JI23" s="72">
        <v>24</v>
      </c>
      <c r="JJ23" s="244"/>
      <c r="JK23" s="71">
        <v>15</v>
      </c>
      <c r="JL23" s="71">
        <v>16</v>
      </c>
      <c r="JM23" s="71">
        <v>10</v>
      </c>
      <c r="JN23" s="71">
        <v>15</v>
      </c>
      <c r="JO23" s="71">
        <v>5</v>
      </c>
      <c r="JP23" s="72">
        <v>61</v>
      </c>
      <c r="JQ23" s="73">
        <v>85</v>
      </c>
      <c r="JR23" s="70">
        <v>0</v>
      </c>
      <c r="JS23" s="71">
        <v>0</v>
      </c>
      <c r="JT23" s="72">
        <v>0</v>
      </c>
      <c r="JU23" s="244"/>
      <c r="JV23" s="71">
        <v>0</v>
      </c>
      <c r="JW23" s="71">
        <v>0</v>
      </c>
      <c r="JX23" s="71">
        <v>0</v>
      </c>
      <c r="JY23" s="71">
        <v>0</v>
      </c>
      <c r="JZ23" s="71">
        <v>0</v>
      </c>
      <c r="KA23" s="72">
        <v>0</v>
      </c>
      <c r="KB23" s="73">
        <v>0</v>
      </c>
      <c r="KC23" s="70">
        <v>45</v>
      </c>
      <c r="KD23" s="71">
        <v>75</v>
      </c>
      <c r="KE23" s="72">
        <v>120</v>
      </c>
      <c r="KF23" s="244"/>
      <c r="KG23" s="71">
        <v>73</v>
      </c>
      <c r="KH23" s="71">
        <v>78</v>
      </c>
      <c r="KI23" s="71">
        <v>38</v>
      </c>
      <c r="KJ23" s="71">
        <v>39</v>
      </c>
      <c r="KK23" s="71">
        <v>27</v>
      </c>
      <c r="KL23" s="72">
        <v>255</v>
      </c>
      <c r="KM23" s="73">
        <v>375</v>
      </c>
    </row>
    <row r="24" spans="2:299" ht="21" customHeight="1" x14ac:dyDescent="0.2">
      <c r="B24" s="126" t="s">
        <v>21</v>
      </c>
      <c r="C24" s="313">
        <v>28</v>
      </c>
      <c r="D24" s="82">
        <v>31</v>
      </c>
      <c r="E24" s="83">
        <v>59</v>
      </c>
      <c r="F24" s="241"/>
      <c r="G24" s="82">
        <v>52</v>
      </c>
      <c r="H24" s="82">
        <v>39</v>
      </c>
      <c r="I24" s="82">
        <v>25</v>
      </c>
      <c r="J24" s="82">
        <v>23</v>
      </c>
      <c r="K24" s="82">
        <v>16</v>
      </c>
      <c r="L24" s="84">
        <v>155</v>
      </c>
      <c r="M24" s="85">
        <v>214</v>
      </c>
      <c r="N24" s="70">
        <v>0</v>
      </c>
      <c r="O24" s="71">
        <v>3</v>
      </c>
      <c r="P24" s="72">
        <v>3</v>
      </c>
      <c r="Q24" s="244"/>
      <c r="R24" s="71">
        <v>2</v>
      </c>
      <c r="S24" s="71">
        <v>0</v>
      </c>
      <c r="T24" s="71">
        <v>0</v>
      </c>
      <c r="U24" s="71">
        <v>2</v>
      </c>
      <c r="V24" s="71">
        <v>3</v>
      </c>
      <c r="W24" s="72">
        <v>7</v>
      </c>
      <c r="X24" s="73">
        <v>10</v>
      </c>
      <c r="Y24" s="70">
        <v>4</v>
      </c>
      <c r="Z24" s="71">
        <v>2</v>
      </c>
      <c r="AA24" s="72">
        <v>6</v>
      </c>
      <c r="AB24" s="244"/>
      <c r="AC24" s="71">
        <v>4</v>
      </c>
      <c r="AD24" s="71">
        <v>4</v>
      </c>
      <c r="AE24" s="71">
        <v>3</v>
      </c>
      <c r="AF24" s="71">
        <v>3</v>
      </c>
      <c r="AG24" s="71">
        <v>1</v>
      </c>
      <c r="AH24" s="72">
        <v>15</v>
      </c>
      <c r="AI24" s="73">
        <v>21</v>
      </c>
      <c r="AJ24" s="70">
        <v>0</v>
      </c>
      <c r="AK24" s="71">
        <v>5</v>
      </c>
      <c r="AL24" s="72">
        <v>5</v>
      </c>
      <c r="AM24" s="244"/>
      <c r="AN24" s="71">
        <v>9</v>
      </c>
      <c r="AO24" s="71">
        <v>5</v>
      </c>
      <c r="AP24" s="71">
        <v>4</v>
      </c>
      <c r="AQ24" s="71">
        <v>1</v>
      </c>
      <c r="AR24" s="71">
        <v>3</v>
      </c>
      <c r="AS24" s="72">
        <v>22</v>
      </c>
      <c r="AT24" s="73">
        <v>27</v>
      </c>
      <c r="AU24" s="70">
        <v>5</v>
      </c>
      <c r="AV24" s="71">
        <v>9</v>
      </c>
      <c r="AW24" s="72">
        <v>14</v>
      </c>
      <c r="AX24" s="244"/>
      <c r="AY24" s="71">
        <v>11</v>
      </c>
      <c r="AZ24" s="71">
        <v>8</v>
      </c>
      <c r="BA24" s="71">
        <v>3</v>
      </c>
      <c r="BB24" s="71">
        <v>9</v>
      </c>
      <c r="BC24" s="71">
        <v>2</v>
      </c>
      <c r="BD24" s="72">
        <v>33</v>
      </c>
      <c r="BE24" s="73">
        <v>47</v>
      </c>
      <c r="BF24" s="70">
        <v>13</v>
      </c>
      <c r="BG24" s="71">
        <v>6</v>
      </c>
      <c r="BH24" s="72">
        <v>19</v>
      </c>
      <c r="BI24" s="244"/>
      <c r="BJ24" s="71">
        <v>17</v>
      </c>
      <c r="BK24" s="71">
        <v>15</v>
      </c>
      <c r="BL24" s="71">
        <v>8</v>
      </c>
      <c r="BM24" s="71">
        <v>6</v>
      </c>
      <c r="BN24" s="71">
        <v>3</v>
      </c>
      <c r="BO24" s="72">
        <v>49</v>
      </c>
      <c r="BP24" s="73">
        <v>68</v>
      </c>
      <c r="BQ24" s="70">
        <v>6</v>
      </c>
      <c r="BR24" s="71">
        <v>6</v>
      </c>
      <c r="BS24" s="72">
        <v>12</v>
      </c>
      <c r="BT24" s="244"/>
      <c r="BU24" s="71">
        <v>9</v>
      </c>
      <c r="BV24" s="71">
        <v>7</v>
      </c>
      <c r="BW24" s="71">
        <v>7</v>
      </c>
      <c r="BX24" s="71">
        <v>2</v>
      </c>
      <c r="BY24" s="71">
        <v>4</v>
      </c>
      <c r="BZ24" s="72">
        <v>29</v>
      </c>
      <c r="CA24" s="73">
        <v>41</v>
      </c>
      <c r="CB24" s="70">
        <v>0</v>
      </c>
      <c r="CC24" s="71">
        <v>0</v>
      </c>
      <c r="CD24" s="72">
        <v>0</v>
      </c>
      <c r="CE24" s="244"/>
      <c r="CF24" s="71">
        <v>0</v>
      </c>
      <c r="CG24" s="71">
        <v>0</v>
      </c>
      <c r="CH24" s="71">
        <v>0</v>
      </c>
      <c r="CI24" s="71">
        <v>0</v>
      </c>
      <c r="CJ24" s="71">
        <v>0</v>
      </c>
      <c r="CK24" s="72">
        <v>0</v>
      </c>
      <c r="CL24" s="73">
        <v>0</v>
      </c>
      <c r="CM24" s="70">
        <v>28</v>
      </c>
      <c r="CN24" s="71">
        <v>31</v>
      </c>
      <c r="CO24" s="72">
        <v>59</v>
      </c>
      <c r="CP24" s="244"/>
      <c r="CQ24" s="71">
        <v>52</v>
      </c>
      <c r="CR24" s="71">
        <v>39</v>
      </c>
      <c r="CS24" s="71">
        <v>25</v>
      </c>
      <c r="CT24" s="71">
        <v>23</v>
      </c>
      <c r="CU24" s="71">
        <v>16</v>
      </c>
      <c r="CV24" s="72">
        <v>155</v>
      </c>
      <c r="CW24" s="73">
        <v>214</v>
      </c>
      <c r="CX24" s="123">
        <v>15</v>
      </c>
      <c r="CY24" s="82">
        <v>15</v>
      </c>
      <c r="CZ24" s="83">
        <v>30</v>
      </c>
      <c r="DA24" s="241"/>
      <c r="DB24" s="82">
        <v>15</v>
      </c>
      <c r="DC24" s="82">
        <v>17</v>
      </c>
      <c r="DD24" s="82">
        <v>9</v>
      </c>
      <c r="DE24" s="82">
        <v>8</v>
      </c>
      <c r="DF24" s="82">
        <v>7</v>
      </c>
      <c r="DG24" s="84">
        <v>56</v>
      </c>
      <c r="DH24" s="85">
        <v>86</v>
      </c>
      <c r="DI24" s="70">
        <v>0</v>
      </c>
      <c r="DJ24" s="71">
        <v>1</v>
      </c>
      <c r="DK24" s="72">
        <v>1</v>
      </c>
      <c r="DL24" s="244"/>
      <c r="DM24" s="71">
        <v>0</v>
      </c>
      <c r="DN24" s="71">
        <v>0</v>
      </c>
      <c r="DO24" s="71">
        <v>0</v>
      </c>
      <c r="DP24" s="71">
        <v>0</v>
      </c>
      <c r="DQ24" s="71">
        <v>0</v>
      </c>
      <c r="DR24" s="72">
        <v>0</v>
      </c>
      <c r="DS24" s="73">
        <v>1</v>
      </c>
      <c r="DT24" s="70">
        <v>3</v>
      </c>
      <c r="DU24" s="71">
        <v>0</v>
      </c>
      <c r="DV24" s="72">
        <v>3</v>
      </c>
      <c r="DW24" s="244"/>
      <c r="DX24" s="71">
        <v>1</v>
      </c>
      <c r="DY24" s="71">
        <v>2</v>
      </c>
      <c r="DZ24" s="71">
        <v>1</v>
      </c>
      <c r="EA24" s="71">
        <v>0</v>
      </c>
      <c r="EB24" s="71">
        <v>2</v>
      </c>
      <c r="EC24" s="72">
        <v>6</v>
      </c>
      <c r="ED24" s="73">
        <v>9</v>
      </c>
      <c r="EE24" s="70">
        <v>2</v>
      </c>
      <c r="EF24" s="71">
        <v>2</v>
      </c>
      <c r="EG24" s="72">
        <v>4</v>
      </c>
      <c r="EH24" s="244"/>
      <c r="EI24" s="71">
        <v>1</v>
      </c>
      <c r="EJ24" s="71">
        <v>3</v>
      </c>
      <c r="EK24" s="71">
        <v>1</v>
      </c>
      <c r="EL24" s="71">
        <v>0</v>
      </c>
      <c r="EM24" s="71">
        <v>0</v>
      </c>
      <c r="EN24" s="72">
        <v>5</v>
      </c>
      <c r="EO24" s="73">
        <v>9</v>
      </c>
      <c r="EP24" s="70">
        <v>7</v>
      </c>
      <c r="EQ24" s="71">
        <v>8</v>
      </c>
      <c r="ER24" s="72">
        <v>15</v>
      </c>
      <c r="ES24" s="244"/>
      <c r="ET24" s="71">
        <v>4</v>
      </c>
      <c r="EU24" s="71">
        <v>2</v>
      </c>
      <c r="EV24" s="71">
        <v>0</v>
      </c>
      <c r="EW24" s="71">
        <v>1</v>
      </c>
      <c r="EX24" s="71">
        <v>0</v>
      </c>
      <c r="EY24" s="72">
        <v>7</v>
      </c>
      <c r="EZ24" s="73">
        <v>22</v>
      </c>
      <c r="FA24" s="70">
        <v>0</v>
      </c>
      <c r="FB24" s="71">
        <v>4</v>
      </c>
      <c r="FC24" s="72">
        <v>4</v>
      </c>
      <c r="FD24" s="244"/>
      <c r="FE24" s="71">
        <v>2</v>
      </c>
      <c r="FF24" s="71">
        <v>3</v>
      </c>
      <c r="FG24" s="71">
        <v>3</v>
      </c>
      <c r="FH24" s="71">
        <v>2</v>
      </c>
      <c r="FI24" s="71">
        <v>1</v>
      </c>
      <c r="FJ24" s="72">
        <v>11</v>
      </c>
      <c r="FK24" s="73">
        <v>15</v>
      </c>
      <c r="FL24" s="70">
        <v>3</v>
      </c>
      <c r="FM24" s="71">
        <v>0</v>
      </c>
      <c r="FN24" s="72">
        <v>3</v>
      </c>
      <c r="FO24" s="244"/>
      <c r="FP24" s="71">
        <v>7</v>
      </c>
      <c r="FQ24" s="71">
        <v>7</v>
      </c>
      <c r="FR24" s="71">
        <v>4</v>
      </c>
      <c r="FS24" s="71">
        <v>5</v>
      </c>
      <c r="FT24" s="71">
        <v>4</v>
      </c>
      <c r="FU24" s="72">
        <v>27</v>
      </c>
      <c r="FV24" s="73">
        <v>30</v>
      </c>
      <c r="FW24" s="70">
        <v>0</v>
      </c>
      <c r="FX24" s="71">
        <v>0</v>
      </c>
      <c r="FY24" s="72">
        <v>0</v>
      </c>
      <c r="FZ24" s="244"/>
      <c r="GA24" s="71">
        <v>0</v>
      </c>
      <c r="GB24" s="71">
        <v>0</v>
      </c>
      <c r="GC24" s="71">
        <v>0</v>
      </c>
      <c r="GD24" s="71">
        <v>0</v>
      </c>
      <c r="GE24" s="71">
        <v>0</v>
      </c>
      <c r="GF24" s="72">
        <v>0</v>
      </c>
      <c r="GG24" s="73">
        <v>0</v>
      </c>
      <c r="GH24" s="70">
        <v>15</v>
      </c>
      <c r="GI24" s="71">
        <v>15</v>
      </c>
      <c r="GJ24" s="72">
        <v>30</v>
      </c>
      <c r="GK24" s="244"/>
      <c r="GL24" s="71">
        <v>15</v>
      </c>
      <c r="GM24" s="71">
        <v>17</v>
      </c>
      <c r="GN24" s="71">
        <v>9</v>
      </c>
      <c r="GO24" s="71">
        <v>8</v>
      </c>
      <c r="GP24" s="71">
        <v>7</v>
      </c>
      <c r="GQ24" s="72">
        <v>56</v>
      </c>
      <c r="GR24" s="73">
        <v>86</v>
      </c>
      <c r="GS24" s="123">
        <v>43</v>
      </c>
      <c r="GT24" s="82">
        <v>46</v>
      </c>
      <c r="GU24" s="83">
        <v>89</v>
      </c>
      <c r="GV24" s="241"/>
      <c r="GW24" s="82">
        <v>67</v>
      </c>
      <c r="GX24" s="82">
        <v>56</v>
      </c>
      <c r="GY24" s="82">
        <v>34</v>
      </c>
      <c r="GZ24" s="82">
        <v>31</v>
      </c>
      <c r="HA24" s="82">
        <v>23</v>
      </c>
      <c r="HB24" s="84">
        <v>211</v>
      </c>
      <c r="HC24" s="85">
        <v>300</v>
      </c>
      <c r="HD24" s="70">
        <v>0</v>
      </c>
      <c r="HE24" s="71">
        <v>4</v>
      </c>
      <c r="HF24" s="72">
        <v>4</v>
      </c>
      <c r="HG24" s="244"/>
      <c r="HH24" s="71">
        <v>2</v>
      </c>
      <c r="HI24" s="71">
        <v>0</v>
      </c>
      <c r="HJ24" s="71">
        <v>0</v>
      </c>
      <c r="HK24" s="71">
        <v>2</v>
      </c>
      <c r="HL24" s="71">
        <v>3</v>
      </c>
      <c r="HM24" s="72">
        <v>7</v>
      </c>
      <c r="HN24" s="73">
        <v>11</v>
      </c>
      <c r="HO24" s="70">
        <v>7</v>
      </c>
      <c r="HP24" s="71">
        <v>2</v>
      </c>
      <c r="HQ24" s="72">
        <v>9</v>
      </c>
      <c r="HR24" s="244"/>
      <c r="HS24" s="71">
        <v>5</v>
      </c>
      <c r="HT24" s="71">
        <v>6</v>
      </c>
      <c r="HU24" s="71">
        <v>4</v>
      </c>
      <c r="HV24" s="71">
        <v>3</v>
      </c>
      <c r="HW24" s="71">
        <v>3</v>
      </c>
      <c r="HX24" s="72">
        <v>21</v>
      </c>
      <c r="HY24" s="73">
        <v>30</v>
      </c>
      <c r="HZ24" s="70">
        <v>2</v>
      </c>
      <c r="IA24" s="71">
        <v>7</v>
      </c>
      <c r="IB24" s="72">
        <v>9</v>
      </c>
      <c r="IC24" s="244"/>
      <c r="ID24" s="71">
        <v>10</v>
      </c>
      <c r="IE24" s="71">
        <v>8</v>
      </c>
      <c r="IF24" s="71">
        <v>5</v>
      </c>
      <c r="IG24" s="71">
        <v>1</v>
      </c>
      <c r="IH24" s="71">
        <v>3</v>
      </c>
      <c r="II24" s="72">
        <v>27</v>
      </c>
      <c r="IJ24" s="73">
        <v>36</v>
      </c>
      <c r="IK24" s="70">
        <v>12</v>
      </c>
      <c r="IL24" s="71">
        <v>17</v>
      </c>
      <c r="IM24" s="72">
        <v>29</v>
      </c>
      <c r="IN24" s="244"/>
      <c r="IO24" s="71">
        <v>15</v>
      </c>
      <c r="IP24" s="71">
        <v>10</v>
      </c>
      <c r="IQ24" s="71">
        <v>3</v>
      </c>
      <c r="IR24" s="71">
        <v>10</v>
      </c>
      <c r="IS24" s="71">
        <v>2</v>
      </c>
      <c r="IT24" s="72">
        <v>40</v>
      </c>
      <c r="IU24" s="73">
        <v>69</v>
      </c>
      <c r="IV24" s="70">
        <v>13</v>
      </c>
      <c r="IW24" s="71">
        <v>10</v>
      </c>
      <c r="IX24" s="72">
        <v>23</v>
      </c>
      <c r="IY24" s="244"/>
      <c r="IZ24" s="71">
        <v>19</v>
      </c>
      <c r="JA24" s="71">
        <v>18</v>
      </c>
      <c r="JB24" s="71">
        <v>11</v>
      </c>
      <c r="JC24" s="71">
        <v>8</v>
      </c>
      <c r="JD24" s="71">
        <v>4</v>
      </c>
      <c r="JE24" s="72">
        <v>60</v>
      </c>
      <c r="JF24" s="73">
        <v>83</v>
      </c>
      <c r="JG24" s="70">
        <v>9</v>
      </c>
      <c r="JH24" s="71">
        <v>6</v>
      </c>
      <c r="JI24" s="72">
        <v>15</v>
      </c>
      <c r="JJ24" s="244"/>
      <c r="JK24" s="71">
        <v>16</v>
      </c>
      <c r="JL24" s="71">
        <v>14</v>
      </c>
      <c r="JM24" s="71">
        <v>11</v>
      </c>
      <c r="JN24" s="71">
        <v>7</v>
      </c>
      <c r="JO24" s="71">
        <v>8</v>
      </c>
      <c r="JP24" s="72">
        <v>56</v>
      </c>
      <c r="JQ24" s="73">
        <v>71</v>
      </c>
      <c r="JR24" s="70">
        <v>0</v>
      </c>
      <c r="JS24" s="71">
        <v>0</v>
      </c>
      <c r="JT24" s="72">
        <v>0</v>
      </c>
      <c r="JU24" s="244"/>
      <c r="JV24" s="71">
        <v>0</v>
      </c>
      <c r="JW24" s="71">
        <v>0</v>
      </c>
      <c r="JX24" s="71">
        <v>0</v>
      </c>
      <c r="JY24" s="71">
        <v>0</v>
      </c>
      <c r="JZ24" s="71">
        <v>0</v>
      </c>
      <c r="KA24" s="72">
        <v>0</v>
      </c>
      <c r="KB24" s="73">
        <v>0</v>
      </c>
      <c r="KC24" s="70">
        <v>43</v>
      </c>
      <c r="KD24" s="71">
        <v>46</v>
      </c>
      <c r="KE24" s="72">
        <v>89</v>
      </c>
      <c r="KF24" s="244"/>
      <c r="KG24" s="71">
        <v>67</v>
      </c>
      <c r="KH24" s="71">
        <v>56</v>
      </c>
      <c r="KI24" s="71">
        <v>34</v>
      </c>
      <c r="KJ24" s="71">
        <v>31</v>
      </c>
      <c r="KK24" s="71">
        <v>23</v>
      </c>
      <c r="KL24" s="72">
        <v>211</v>
      </c>
      <c r="KM24" s="73">
        <v>300</v>
      </c>
    </row>
    <row r="25" spans="2:299" ht="21" customHeight="1" x14ac:dyDescent="0.2">
      <c r="B25" s="126" t="s">
        <v>22</v>
      </c>
      <c r="C25" s="313">
        <v>11</v>
      </c>
      <c r="D25" s="82">
        <v>11</v>
      </c>
      <c r="E25" s="83">
        <v>22</v>
      </c>
      <c r="F25" s="241"/>
      <c r="G25" s="82">
        <v>27</v>
      </c>
      <c r="H25" s="82">
        <v>14</v>
      </c>
      <c r="I25" s="82">
        <v>10</v>
      </c>
      <c r="J25" s="82">
        <v>8</v>
      </c>
      <c r="K25" s="82">
        <v>7</v>
      </c>
      <c r="L25" s="84">
        <v>66</v>
      </c>
      <c r="M25" s="85">
        <v>88</v>
      </c>
      <c r="N25" s="70">
        <v>0</v>
      </c>
      <c r="O25" s="71">
        <v>0</v>
      </c>
      <c r="P25" s="72">
        <v>0</v>
      </c>
      <c r="Q25" s="244"/>
      <c r="R25" s="71">
        <v>0</v>
      </c>
      <c r="S25" s="71">
        <v>0</v>
      </c>
      <c r="T25" s="71">
        <v>0</v>
      </c>
      <c r="U25" s="71">
        <v>1</v>
      </c>
      <c r="V25" s="71">
        <v>0</v>
      </c>
      <c r="W25" s="72">
        <v>1</v>
      </c>
      <c r="X25" s="73">
        <v>1</v>
      </c>
      <c r="Y25" s="70">
        <v>0</v>
      </c>
      <c r="Z25" s="71">
        <v>2</v>
      </c>
      <c r="AA25" s="72">
        <v>2</v>
      </c>
      <c r="AB25" s="244"/>
      <c r="AC25" s="71">
        <v>4</v>
      </c>
      <c r="AD25" s="71">
        <v>0</v>
      </c>
      <c r="AE25" s="71">
        <v>0</v>
      </c>
      <c r="AF25" s="71">
        <v>0</v>
      </c>
      <c r="AG25" s="71">
        <v>2</v>
      </c>
      <c r="AH25" s="72">
        <v>6</v>
      </c>
      <c r="AI25" s="73">
        <v>8</v>
      </c>
      <c r="AJ25" s="70">
        <v>1</v>
      </c>
      <c r="AK25" s="71">
        <v>0</v>
      </c>
      <c r="AL25" s="72">
        <v>1</v>
      </c>
      <c r="AM25" s="244"/>
      <c r="AN25" s="71">
        <v>3</v>
      </c>
      <c r="AO25" s="71">
        <v>0</v>
      </c>
      <c r="AP25" s="71">
        <v>1</v>
      </c>
      <c r="AQ25" s="71">
        <v>0</v>
      </c>
      <c r="AR25" s="71">
        <v>1</v>
      </c>
      <c r="AS25" s="72">
        <v>5</v>
      </c>
      <c r="AT25" s="73">
        <v>6</v>
      </c>
      <c r="AU25" s="70">
        <v>5</v>
      </c>
      <c r="AV25" s="71">
        <v>5</v>
      </c>
      <c r="AW25" s="72">
        <v>10</v>
      </c>
      <c r="AX25" s="244"/>
      <c r="AY25" s="71">
        <v>5</v>
      </c>
      <c r="AZ25" s="71">
        <v>4</v>
      </c>
      <c r="BA25" s="71">
        <v>4</v>
      </c>
      <c r="BB25" s="71">
        <v>2</v>
      </c>
      <c r="BC25" s="71">
        <v>2</v>
      </c>
      <c r="BD25" s="72">
        <v>17</v>
      </c>
      <c r="BE25" s="73">
        <v>27</v>
      </c>
      <c r="BF25" s="70">
        <v>2</v>
      </c>
      <c r="BG25" s="71">
        <v>3</v>
      </c>
      <c r="BH25" s="72">
        <v>5</v>
      </c>
      <c r="BI25" s="244"/>
      <c r="BJ25" s="71">
        <v>4</v>
      </c>
      <c r="BK25" s="71">
        <v>6</v>
      </c>
      <c r="BL25" s="71">
        <v>1</v>
      </c>
      <c r="BM25" s="71">
        <v>2</v>
      </c>
      <c r="BN25" s="71">
        <v>0</v>
      </c>
      <c r="BO25" s="72">
        <v>13</v>
      </c>
      <c r="BP25" s="73">
        <v>18</v>
      </c>
      <c r="BQ25" s="70">
        <v>3</v>
      </c>
      <c r="BR25" s="71">
        <v>1</v>
      </c>
      <c r="BS25" s="72">
        <v>4</v>
      </c>
      <c r="BT25" s="244"/>
      <c r="BU25" s="71">
        <v>11</v>
      </c>
      <c r="BV25" s="71">
        <v>4</v>
      </c>
      <c r="BW25" s="71">
        <v>4</v>
      </c>
      <c r="BX25" s="71">
        <v>3</v>
      </c>
      <c r="BY25" s="71">
        <v>2</v>
      </c>
      <c r="BZ25" s="72">
        <v>24</v>
      </c>
      <c r="CA25" s="73">
        <v>28</v>
      </c>
      <c r="CB25" s="70">
        <v>0</v>
      </c>
      <c r="CC25" s="71">
        <v>0</v>
      </c>
      <c r="CD25" s="72">
        <v>0</v>
      </c>
      <c r="CE25" s="244"/>
      <c r="CF25" s="71">
        <v>0</v>
      </c>
      <c r="CG25" s="71">
        <v>0</v>
      </c>
      <c r="CH25" s="71">
        <v>0</v>
      </c>
      <c r="CI25" s="71">
        <v>0</v>
      </c>
      <c r="CJ25" s="71">
        <v>0</v>
      </c>
      <c r="CK25" s="72">
        <v>0</v>
      </c>
      <c r="CL25" s="73">
        <v>0</v>
      </c>
      <c r="CM25" s="70">
        <v>11</v>
      </c>
      <c r="CN25" s="71">
        <v>11</v>
      </c>
      <c r="CO25" s="72">
        <v>22</v>
      </c>
      <c r="CP25" s="244"/>
      <c r="CQ25" s="71">
        <v>27</v>
      </c>
      <c r="CR25" s="71">
        <v>14</v>
      </c>
      <c r="CS25" s="71">
        <v>10</v>
      </c>
      <c r="CT25" s="71">
        <v>8</v>
      </c>
      <c r="CU25" s="71">
        <v>7</v>
      </c>
      <c r="CV25" s="72">
        <v>66</v>
      </c>
      <c r="CW25" s="73">
        <v>88</v>
      </c>
      <c r="CX25" s="123">
        <v>4</v>
      </c>
      <c r="CY25" s="82">
        <v>5</v>
      </c>
      <c r="CZ25" s="83">
        <v>9</v>
      </c>
      <c r="DA25" s="241"/>
      <c r="DB25" s="82">
        <v>8</v>
      </c>
      <c r="DC25" s="82">
        <v>5</v>
      </c>
      <c r="DD25" s="82">
        <v>3</v>
      </c>
      <c r="DE25" s="82">
        <v>3</v>
      </c>
      <c r="DF25" s="82">
        <v>2</v>
      </c>
      <c r="DG25" s="84">
        <v>21</v>
      </c>
      <c r="DH25" s="85">
        <v>30</v>
      </c>
      <c r="DI25" s="70">
        <v>0</v>
      </c>
      <c r="DJ25" s="71">
        <v>0</v>
      </c>
      <c r="DK25" s="72">
        <v>0</v>
      </c>
      <c r="DL25" s="244"/>
      <c r="DM25" s="71">
        <v>0</v>
      </c>
      <c r="DN25" s="71">
        <v>0</v>
      </c>
      <c r="DO25" s="71">
        <v>0</v>
      </c>
      <c r="DP25" s="71">
        <v>0</v>
      </c>
      <c r="DQ25" s="71">
        <v>0</v>
      </c>
      <c r="DR25" s="72">
        <v>0</v>
      </c>
      <c r="DS25" s="73">
        <v>0</v>
      </c>
      <c r="DT25" s="70">
        <v>1</v>
      </c>
      <c r="DU25" s="71">
        <v>0</v>
      </c>
      <c r="DV25" s="72">
        <v>1</v>
      </c>
      <c r="DW25" s="244"/>
      <c r="DX25" s="71">
        <v>0</v>
      </c>
      <c r="DY25" s="71">
        <v>0</v>
      </c>
      <c r="DZ25" s="71">
        <v>0</v>
      </c>
      <c r="EA25" s="71">
        <v>0</v>
      </c>
      <c r="EB25" s="71">
        <v>0</v>
      </c>
      <c r="EC25" s="72">
        <v>0</v>
      </c>
      <c r="ED25" s="73">
        <v>1</v>
      </c>
      <c r="EE25" s="70">
        <v>2</v>
      </c>
      <c r="EF25" s="71">
        <v>2</v>
      </c>
      <c r="EG25" s="72">
        <v>4</v>
      </c>
      <c r="EH25" s="244"/>
      <c r="EI25" s="71">
        <v>1</v>
      </c>
      <c r="EJ25" s="71">
        <v>1</v>
      </c>
      <c r="EK25" s="71">
        <v>0</v>
      </c>
      <c r="EL25" s="71">
        <v>0</v>
      </c>
      <c r="EM25" s="71">
        <v>0</v>
      </c>
      <c r="EN25" s="72">
        <v>2</v>
      </c>
      <c r="EO25" s="73">
        <v>6</v>
      </c>
      <c r="EP25" s="70">
        <v>1</v>
      </c>
      <c r="EQ25" s="71">
        <v>2</v>
      </c>
      <c r="ER25" s="72">
        <v>3</v>
      </c>
      <c r="ES25" s="244"/>
      <c r="ET25" s="71">
        <v>4</v>
      </c>
      <c r="EU25" s="71">
        <v>0</v>
      </c>
      <c r="EV25" s="71">
        <v>1</v>
      </c>
      <c r="EW25" s="71">
        <v>1</v>
      </c>
      <c r="EX25" s="71">
        <v>0</v>
      </c>
      <c r="EY25" s="72">
        <v>6</v>
      </c>
      <c r="EZ25" s="73">
        <v>9</v>
      </c>
      <c r="FA25" s="70">
        <v>0</v>
      </c>
      <c r="FB25" s="71">
        <v>0</v>
      </c>
      <c r="FC25" s="72">
        <v>0</v>
      </c>
      <c r="FD25" s="244"/>
      <c r="FE25" s="71">
        <v>1</v>
      </c>
      <c r="FF25" s="71">
        <v>1</v>
      </c>
      <c r="FG25" s="71">
        <v>2</v>
      </c>
      <c r="FH25" s="71">
        <v>0</v>
      </c>
      <c r="FI25" s="71">
        <v>0</v>
      </c>
      <c r="FJ25" s="72">
        <v>4</v>
      </c>
      <c r="FK25" s="73">
        <v>4</v>
      </c>
      <c r="FL25" s="70">
        <v>0</v>
      </c>
      <c r="FM25" s="71">
        <v>1</v>
      </c>
      <c r="FN25" s="72">
        <v>1</v>
      </c>
      <c r="FO25" s="244"/>
      <c r="FP25" s="71">
        <v>2</v>
      </c>
      <c r="FQ25" s="71">
        <v>3</v>
      </c>
      <c r="FR25" s="71">
        <v>0</v>
      </c>
      <c r="FS25" s="71">
        <v>2</v>
      </c>
      <c r="FT25" s="71">
        <v>2</v>
      </c>
      <c r="FU25" s="72">
        <v>9</v>
      </c>
      <c r="FV25" s="73">
        <v>10</v>
      </c>
      <c r="FW25" s="70">
        <v>0</v>
      </c>
      <c r="FX25" s="71">
        <v>0</v>
      </c>
      <c r="FY25" s="72">
        <v>0</v>
      </c>
      <c r="FZ25" s="244"/>
      <c r="GA25" s="71">
        <v>0</v>
      </c>
      <c r="GB25" s="71">
        <v>0</v>
      </c>
      <c r="GC25" s="71">
        <v>0</v>
      </c>
      <c r="GD25" s="71">
        <v>0</v>
      </c>
      <c r="GE25" s="71">
        <v>0</v>
      </c>
      <c r="GF25" s="72">
        <v>0</v>
      </c>
      <c r="GG25" s="73">
        <v>0</v>
      </c>
      <c r="GH25" s="70">
        <v>4</v>
      </c>
      <c r="GI25" s="71">
        <v>5</v>
      </c>
      <c r="GJ25" s="72">
        <v>9</v>
      </c>
      <c r="GK25" s="244"/>
      <c r="GL25" s="71">
        <v>8</v>
      </c>
      <c r="GM25" s="71">
        <v>5</v>
      </c>
      <c r="GN25" s="71">
        <v>3</v>
      </c>
      <c r="GO25" s="71">
        <v>3</v>
      </c>
      <c r="GP25" s="71">
        <v>2</v>
      </c>
      <c r="GQ25" s="72">
        <v>21</v>
      </c>
      <c r="GR25" s="73">
        <v>30</v>
      </c>
      <c r="GS25" s="123">
        <v>15</v>
      </c>
      <c r="GT25" s="82">
        <v>16</v>
      </c>
      <c r="GU25" s="83">
        <v>31</v>
      </c>
      <c r="GV25" s="241"/>
      <c r="GW25" s="82">
        <v>35</v>
      </c>
      <c r="GX25" s="82">
        <v>19</v>
      </c>
      <c r="GY25" s="82">
        <v>13</v>
      </c>
      <c r="GZ25" s="82">
        <v>11</v>
      </c>
      <c r="HA25" s="82">
        <v>9</v>
      </c>
      <c r="HB25" s="84">
        <v>87</v>
      </c>
      <c r="HC25" s="85">
        <v>118</v>
      </c>
      <c r="HD25" s="70">
        <v>0</v>
      </c>
      <c r="HE25" s="71">
        <v>0</v>
      </c>
      <c r="HF25" s="72">
        <v>0</v>
      </c>
      <c r="HG25" s="244"/>
      <c r="HH25" s="71">
        <v>0</v>
      </c>
      <c r="HI25" s="71">
        <v>0</v>
      </c>
      <c r="HJ25" s="71">
        <v>0</v>
      </c>
      <c r="HK25" s="71">
        <v>1</v>
      </c>
      <c r="HL25" s="71">
        <v>0</v>
      </c>
      <c r="HM25" s="72">
        <v>1</v>
      </c>
      <c r="HN25" s="73">
        <v>1</v>
      </c>
      <c r="HO25" s="70">
        <v>1</v>
      </c>
      <c r="HP25" s="71">
        <v>2</v>
      </c>
      <c r="HQ25" s="72">
        <v>3</v>
      </c>
      <c r="HR25" s="244"/>
      <c r="HS25" s="71">
        <v>4</v>
      </c>
      <c r="HT25" s="71">
        <v>0</v>
      </c>
      <c r="HU25" s="71">
        <v>0</v>
      </c>
      <c r="HV25" s="71">
        <v>0</v>
      </c>
      <c r="HW25" s="71">
        <v>2</v>
      </c>
      <c r="HX25" s="72">
        <v>6</v>
      </c>
      <c r="HY25" s="73">
        <v>9</v>
      </c>
      <c r="HZ25" s="70">
        <v>3</v>
      </c>
      <c r="IA25" s="71">
        <v>2</v>
      </c>
      <c r="IB25" s="72">
        <v>5</v>
      </c>
      <c r="IC25" s="244"/>
      <c r="ID25" s="71">
        <v>4</v>
      </c>
      <c r="IE25" s="71">
        <v>1</v>
      </c>
      <c r="IF25" s="71">
        <v>1</v>
      </c>
      <c r="IG25" s="71">
        <v>0</v>
      </c>
      <c r="IH25" s="71">
        <v>1</v>
      </c>
      <c r="II25" s="72">
        <v>7</v>
      </c>
      <c r="IJ25" s="73">
        <v>12</v>
      </c>
      <c r="IK25" s="70">
        <v>6</v>
      </c>
      <c r="IL25" s="71">
        <v>7</v>
      </c>
      <c r="IM25" s="72">
        <v>13</v>
      </c>
      <c r="IN25" s="244"/>
      <c r="IO25" s="71">
        <v>9</v>
      </c>
      <c r="IP25" s="71">
        <v>4</v>
      </c>
      <c r="IQ25" s="71">
        <v>5</v>
      </c>
      <c r="IR25" s="71">
        <v>3</v>
      </c>
      <c r="IS25" s="71">
        <v>2</v>
      </c>
      <c r="IT25" s="72">
        <v>23</v>
      </c>
      <c r="IU25" s="73">
        <v>36</v>
      </c>
      <c r="IV25" s="70">
        <v>2</v>
      </c>
      <c r="IW25" s="71">
        <v>3</v>
      </c>
      <c r="IX25" s="72">
        <v>5</v>
      </c>
      <c r="IY25" s="244"/>
      <c r="IZ25" s="71">
        <v>5</v>
      </c>
      <c r="JA25" s="71">
        <v>7</v>
      </c>
      <c r="JB25" s="71">
        <v>3</v>
      </c>
      <c r="JC25" s="71">
        <v>2</v>
      </c>
      <c r="JD25" s="71">
        <v>0</v>
      </c>
      <c r="JE25" s="72">
        <v>17</v>
      </c>
      <c r="JF25" s="73">
        <v>22</v>
      </c>
      <c r="JG25" s="70">
        <v>3</v>
      </c>
      <c r="JH25" s="71">
        <v>2</v>
      </c>
      <c r="JI25" s="72">
        <v>5</v>
      </c>
      <c r="JJ25" s="244"/>
      <c r="JK25" s="71">
        <v>13</v>
      </c>
      <c r="JL25" s="71">
        <v>7</v>
      </c>
      <c r="JM25" s="71">
        <v>4</v>
      </c>
      <c r="JN25" s="71">
        <v>5</v>
      </c>
      <c r="JO25" s="71">
        <v>4</v>
      </c>
      <c r="JP25" s="72">
        <v>33</v>
      </c>
      <c r="JQ25" s="73">
        <v>38</v>
      </c>
      <c r="JR25" s="70">
        <v>0</v>
      </c>
      <c r="JS25" s="71">
        <v>0</v>
      </c>
      <c r="JT25" s="72">
        <v>0</v>
      </c>
      <c r="JU25" s="244"/>
      <c r="JV25" s="71">
        <v>0</v>
      </c>
      <c r="JW25" s="71">
        <v>0</v>
      </c>
      <c r="JX25" s="71">
        <v>0</v>
      </c>
      <c r="JY25" s="71">
        <v>0</v>
      </c>
      <c r="JZ25" s="71">
        <v>0</v>
      </c>
      <c r="KA25" s="72">
        <v>0</v>
      </c>
      <c r="KB25" s="73">
        <v>0</v>
      </c>
      <c r="KC25" s="70">
        <v>15</v>
      </c>
      <c r="KD25" s="71">
        <v>16</v>
      </c>
      <c r="KE25" s="72">
        <v>31</v>
      </c>
      <c r="KF25" s="244"/>
      <c r="KG25" s="71">
        <v>35</v>
      </c>
      <c r="KH25" s="71">
        <v>19</v>
      </c>
      <c r="KI25" s="71">
        <v>13</v>
      </c>
      <c r="KJ25" s="71">
        <v>11</v>
      </c>
      <c r="KK25" s="71">
        <v>9</v>
      </c>
      <c r="KL25" s="72">
        <v>87</v>
      </c>
      <c r="KM25" s="73">
        <v>118</v>
      </c>
    </row>
    <row r="26" spans="2:299" ht="21" customHeight="1" x14ac:dyDescent="0.2">
      <c r="B26" s="126" t="s">
        <v>23</v>
      </c>
      <c r="C26" s="313">
        <v>14</v>
      </c>
      <c r="D26" s="82">
        <v>17</v>
      </c>
      <c r="E26" s="83">
        <v>31</v>
      </c>
      <c r="F26" s="241"/>
      <c r="G26" s="82">
        <v>23</v>
      </c>
      <c r="H26" s="82">
        <v>25</v>
      </c>
      <c r="I26" s="82">
        <v>19</v>
      </c>
      <c r="J26" s="82">
        <v>17</v>
      </c>
      <c r="K26" s="82">
        <v>10</v>
      </c>
      <c r="L26" s="84">
        <v>94</v>
      </c>
      <c r="M26" s="85">
        <v>125</v>
      </c>
      <c r="N26" s="70">
        <v>0</v>
      </c>
      <c r="O26" s="71">
        <v>1</v>
      </c>
      <c r="P26" s="72">
        <v>1</v>
      </c>
      <c r="Q26" s="244"/>
      <c r="R26" s="71">
        <v>1</v>
      </c>
      <c r="S26" s="71">
        <v>1</v>
      </c>
      <c r="T26" s="71">
        <v>0</v>
      </c>
      <c r="U26" s="71">
        <v>0</v>
      </c>
      <c r="V26" s="71">
        <v>1</v>
      </c>
      <c r="W26" s="72">
        <v>3</v>
      </c>
      <c r="X26" s="73">
        <v>4</v>
      </c>
      <c r="Y26" s="70">
        <v>5</v>
      </c>
      <c r="Z26" s="71">
        <v>0</v>
      </c>
      <c r="AA26" s="72">
        <v>5</v>
      </c>
      <c r="AB26" s="244"/>
      <c r="AC26" s="71">
        <v>2</v>
      </c>
      <c r="AD26" s="71">
        <v>4</v>
      </c>
      <c r="AE26" s="71">
        <v>1</v>
      </c>
      <c r="AF26" s="71">
        <v>1</v>
      </c>
      <c r="AG26" s="71">
        <v>1</v>
      </c>
      <c r="AH26" s="72">
        <v>9</v>
      </c>
      <c r="AI26" s="73">
        <v>14</v>
      </c>
      <c r="AJ26" s="70">
        <v>3</v>
      </c>
      <c r="AK26" s="71">
        <v>3</v>
      </c>
      <c r="AL26" s="72">
        <v>6</v>
      </c>
      <c r="AM26" s="244"/>
      <c r="AN26" s="71">
        <v>5</v>
      </c>
      <c r="AO26" s="71">
        <v>5</v>
      </c>
      <c r="AP26" s="71">
        <v>3</v>
      </c>
      <c r="AQ26" s="71">
        <v>1</v>
      </c>
      <c r="AR26" s="71">
        <v>3</v>
      </c>
      <c r="AS26" s="72">
        <v>17</v>
      </c>
      <c r="AT26" s="73">
        <v>23</v>
      </c>
      <c r="AU26" s="70">
        <v>2</v>
      </c>
      <c r="AV26" s="71">
        <v>8</v>
      </c>
      <c r="AW26" s="72">
        <v>10</v>
      </c>
      <c r="AX26" s="244"/>
      <c r="AY26" s="71">
        <v>3</v>
      </c>
      <c r="AZ26" s="71">
        <v>4</v>
      </c>
      <c r="BA26" s="71">
        <v>7</v>
      </c>
      <c r="BB26" s="71">
        <v>6</v>
      </c>
      <c r="BC26" s="71">
        <v>3</v>
      </c>
      <c r="BD26" s="72">
        <v>23</v>
      </c>
      <c r="BE26" s="73">
        <v>33</v>
      </c>
      <c r="BF26" s="70">
        <v>3</v>
      </c>
      <c r="BG26" s="71">
        <v>3</v>
      </c>
      <c r="BH26" s="72">
        <v>6</v>
      </c>
      <c r="BI26" s="244"/>
      <c r="BJ26" s="71">
        <v>6</v>
      </c>
      <c r="BK26" s="71">
        <v>6</v>
      </c>
      <c r="BL26" s="71">
        <v>6</v>
      </c>
      <c r="BM26" s="71">
        <v>5</v>
      </c>
      <c r="BN26" s="71">
        <v>2</v>
      </c>
      <c r="BO26" s="72">
        <v>25</v>
      </c>
      <c r="BP26" s="73">
        <v>31</v>
      </c>
      <c r="BQ26" s="70">
        <v>1</v>
      </c>
      <c r="BR26" s="71">
        <v>2</v>
      </c>
      <c r="BS26" s="72">
        <v>3</v>
      </c>
      <c r="BT26" s="244"/>
      <c r="BU26" s="71">
        <v>6</v>
      </c>
      <c r="BV26" s="71">
        <v>5</v>
      </c>
      <c r="BW26" s="71">
        <v>2</v>
      </c>
      <c r="BX26" s="71">
        <v>4</v>
      </c>
      <c r="BY26" s="71">
        <v>0</v>
      </c>
      <c r="BZ26" s="72">
        <v>17</v>
      </c>
      <c r="CA26" s="73">
        <v>20</v>
      </c>
      <c r="CB26" s="70">
        <v>0</v>
      </c>
      <c r="CC26" s="71">
        <v>0</v>
      </c>
      <c r="CD26" s="72">
        <v>0</v>
      </c>
      <c r="CE26" s="244"/>
      <c r="CF26" s="71">
        <v>0</v>
      </c>
      <c r="CG26" s="71">
        <v>0</v>
      </c>
      <c r="CH26" s="71">
        <v>0</v>
      </c>
      <c r="CI26" s="71">
        <v>0</v>
      </c>
      <c r="CJ26" s="71">
        <v>0</v>
      </c>
      <c r="CK26" s="72">
        <v>0</v>
      </c>
      <c r="CL26" s="73">
        <v>0</v>
      </c>
      <c r="CM26" s="70">
        <v>14</v>
      </c>
      <c r="CN26" s="71">
        <v>17</v>
      </c>
      <c r="CO26" s="72">
        <v>31</v>
      </c>
      <c r="CP26" s="244"/>
      <c r="CQ26" s="71">
        <v>23</v>
      </c>
      <c r="CR26" s="71">
        <v>25</v>
      </c>
      <c r="CS26" s="71">
        <v>19</v>
      </c>
      <c r="CT26" s="71">
        <v>17</v>
      </c>
      <c r="CU26" s="71">
        <v>10</v>
      </c>
      <c r="CV26" s="72">
        <v>94</v>
      </c>
      <c r="CW26" s="73">
        <v>125</v>
      </c>
      <c r="CX26" s="123">
        <v>9</v>
      </c>
      <c r="CY26" s="82">
        <v>7</v>
      </c>
      <c r="CZ26" s="83">
        <v>16</v>
      </c>
      <c r="DA26" s="241"/>
      <c r="DB26" s="82">
        <v>8</v>
      </c>
      <c r="DC26" s="82">
        <v>11</v>
      </c>
      <c r="DD26" s="82">
        <v>4</v>
      </c>
      <c r="DE26" s="82">
        <v>11</v>
      </c>
      <c r="DF26" s="82">
        <v>6</v>
      </c>
      <c r="DG26" s="84">
        <v>40</v>
      </c>
      <c r="DH26" s="85">
        <v>56</v>
      </c>
      <c r="DI26" s="70">
        <v>0</v>
      </c>
      <c r="DJ26" s="71">
        <v>1</v>
      </c>
      <c r="DK26" s="72">
        <v>1</v>
      </c>
      <c r="DL26" s="244"/>
      <c r="DM26" s="71">
        <v>0</v>
      </c>
      <c r="DN26" s="71">
        <v>0</v>
      </c>
      <c r="DO26" s="71">
        <v>0</v>
      </c>
      <c r="DP26" s="71">
        <v>0</v>
      </c>
      <c r="DQ26" s="71">
        <v>0</v>
      </c>
      <c r="DR26" s="72">
        <v>0</v>
      </c>
      <c r="DS26" s="73">
        <v>1</v>
      </c>
      <c r="DT26" s="70">
        <v>0</v>
      </c>
      <c r="DU26" s="71">
        <v>0</v>
      </c>
      <c r="DV26" s="72">
        <v>0</v>
      </c>
      <c r="DW26" s="244"/>
      <c r="DX26" s="71">
        <v>0</v>
      </c>
      <c r="DY26" s="71">
        <v>2</v>
      </c>
      <c r="DZ26" s="71">
        <v>1</v>
      </c>
      <c r="EA26" s="71">
        <v>0</v>
      </c>
      <c r="EB26" s="71">
        <v>0</v>
      </c>
      <c r="EC26" s="72">
        <v>3</v>
      </c>
      <c r="ED26" s="73">
        <v>3</v>
      </c>
      <c r="EE26" s="70">
        <v>3</v>
      </c>
      <c r="EF26" s="71">
        <v>2</v>
      </c>
      <c r="EG26" s="72">
        <v>5</v>
      </c>
      <c r="EH26" s="244"/>
      <c r="EI26" s="71">
        <v>0</v>
      </c>
      <c r="EJ26" s="71">
        <v>0</v>
      </c>
      <c r="EK26" s="71">
        <v>0</v>
      </c>
      <c r="EL26" s="71">
        <v>0</v>
      </c>
      <c r="EM26" s="71">
        <v>1</v>
      </c>
      <c r="EN26" s="72">
        <v>1</v>
      </c>
      <c r="EO26" s="73">
        <v>6</v>
      </c>
      <c r="EP26" s="70">
        <v>3</v>
      </c>
      <c r="EQ26" s="71">
        <v>2</v>
      </c>
      <c r="ER26" s="72">
        <v>5</v>
      </c>
      <c r="ES26" s="244"/>
      <c r="ET26" s="71">
        <v>3</v>
      </c>
      <c r="EU26" s="71">
        <v>3</v>
      </c>
      <c r="EV26" s="71">
        <v>2</v>
      </c>
      <c r="EW26" s="71">
        <v>1</v>
      </c>
      <c r="EX26" s="71">
        <v>1</v>
      </c>
      <c r="EY26" s="72">
        <v>10</v>
      </c>
      <c r="EZ26" s="73">
        <v>15</v>
      </c>
      <c r="FA26" s="70">
        <v>2</v>
      </c>
      <c r="FB26" s="71">
        <v>2</v>
      </c>
      <c r="FC26" s="72">
        <v>4</v>
      </c>
      <c r="FD26" s="244"/>
      <c r="FE26" s="71">
        <v>1</v>
      </c>
      <c r="FF26" s="71">
        <v>4</v>
      </c>
      <c r="FG26" s="71">
        <v>0</v>
      </c>
      <c r="FH26" s="71">
        <v>2</v>
      </c>
      <c r="FI26" s="71">
        <v>0</v>
      </c>
      <c r="FJ26" s="72">
        <v>7</v>
      </c>
      <c r="FK26" s="73">
        <v>11</v>
      </c>
      <c r="FL26" s="70">
        <v>1</v>
      </c>
      <c r="FM26" s="71">
        <v>0</v>
      </c>
      <c r="FN26" s="72">
        <v>1</v>
      </c>
      <c r="FO26" s="244"/>
      <c r="FP26" s="71">
        <v>4</v>
      </c>
      <c r="FQ26" s="71">
        <v>2</v>
      </c>
      <c r="FR26" s="71">
        <v>1</v>
      </c>
      <c r="FS26" s="71">
        <v>8</v>
      </c>
      <c r="FT26" s="71">
        <v>4</v>
      </c>
      <c r="FU26" s="72">
        <v>19</v>
      </c>
      <c r="FV26" s="73">
        <v>20</v>
      </c>
      <c r="FW26" s="70">
        <v>0</v>
      </c>
      <c r="FX26" s="71">
        <v>0</v>
      </c>
      <c r="FY26" s="72">
        <v>0</v>
      </c>
      <c r="FZ26" s="244"/>
      <c r="GA26" s="71">
        <v>0</v>
      </c>
      <c r="GB26" s="71">
        <v>0</v>
      </c>
      <c r="GC26" s="71">
        <v>0</v>
      </c>
      <c r="GD26" s="71">
        <v>0</v>
      </c>
      <c r="GE26" s="71">
        <v>0</v>
      </c>
      <c r="GF26" s="72">
        <v>0</v>
      </c>
      <c r="GG26" s="73">
        <v>0</v>
      </c>
      <c r="GH26" s="70">
        <v>9</v>
      </c>
      <c r="GI26" s="71">
        <v>7</v>
      </c>
      <c r="GJ26" s="72">
        <v>16</v>
      </c>
      <c r="GK26" s="244"/>
      <c r="GL26" s="71">
        <v>8</v>
      </c>
      <c r="GM26" s="71">
        <v>11</v>
      </c>
      <c r="GN26" s="71">
        <v>4</v>
      </c>
      <c r="GO26" s="71">
        <v>11</v>
      </c>
      <c r="GP26" s="71">
        <v>6</v>
      </c>
      <c r="GQ26" s="72">
        <v>40</v>
      </c>
      <c r="GR26" s="73">
        <v>56</v>
      </c>
      <c r="GS26" s="123">
        <v>23</v>
      </c>
      <c r="GT26" s="82">
        <v>24</v>
      </c>
      <c r="GU26" s="83">
        <v>47</v>
      </c>
      <c r="GV26" s="241"/>
      <c r="GW26" s="82">
        <v>31</v>
      </c>
      <c r="GX26" s="82">
        <v>36</v>
      </c>
      <c r="GY26" s="82">
        <v>23</v>
      </c>
      <c r="GZ26" s="82">
        <v>28</v>
      </c>
      <c r="HA26" s="82">
        <v>16</v>
      </c>
      <c r="HB26" s="84">
        <v>134</v>
      </c>
      <c r="HC26" s="85">
        <v>181</v>
      </c>
      <c r="HD26" s="70">
        <v>0</v>
      </c>
      <c r="HE26" s="71">
        <v>2</v>
      </c>
      <c r="HF26" s="72">
        <v>2</v>
      </c>
      <c r="HG26" s="244"/>
      <c r="HH26" s="71">
        <v>1</v>
      </c>
      <c r="HI26" s="71">
        <v>1</v>
      </c>
      <c r="HJ26" s="71">
        <v>0</v>
      </c>
      <c r="HK26" s="71">
        <v>0</v>
      </c>
      <c r="HL26" s="71">
        <v>1</v>
      </c>
      <c r="HM26" s="72">
        <v>3</v>
      </c>
      <c r="HN26" s="73">
        <v>5</v>
      </c>
      <c r="HO26" s="70">
        <v>5</v>
      </c>
      <c r="HP26" s="71">
        <v>0</v>
      </c>
      <c r="HQ26" s="72">
        <v>5</v>
      </c>
      <c r="HR26" s="244"/>
      <c r="HS26" s="71">
        <v>2</v>
      </c>
      <c r="HT26" s="71">
        <v>6</v>
      </c>
      <c r="HU26" s="71">
        <v>2</v>
      </c>
      <c r="HV26" s="71">
        <v>1</v>
      </c>
      <c r="HW26" s="71">
        <v>1</v>
      </c>
      <c r="HX26" s="72">
        <v>12</v>
      </c>
      <c r="HY26" s="73">
        <v>17</v>
      </c>
      <c r="HZ26" s="70">
        <v>6</v>
      </c>
      <c r="IA26" s="71">
        <v>5</v>
      </c>
      <c r="IB26" s="72">
        <v>11</v>
      </c>
      <c r="IC26" s="244"/>
      <c r="ID26" s="71">
        <v>5</v>
      </c>
      <c r="IE26" s="71">
        <v>5</v>
      </c>
      <c r="IF26" s="71">
        <v>3</v>
      </c>
      <c r="IG26" s="71">
        <v>1</v>
      </c>
      <c r="IH26" s="71">
        <v>4</v>
      </c>
      <c r="II26" s="72">
        <v>18</v>
      </c>
      <c r="IJ26" s="73">
        <v>29</v>
      </c>
      <c r="IK26" s="70">
        <v>5</v>
      </c>
      <c r="IL26" s="71">
        <v>10</v>
      </c>
      <c r="IM26" s="72">
        <v>15</v>
      </c>
      <c r="IN26" s="244"/>
      <c r="IO26" s="71">
        <v>6</v>
      </c>
      <c r="IP26" s="71">
        <v>7</v>
      </c>
      <c r="IQ26" s="71">
        <v>9</v>
      </c>
      <c r="IR26" s="71">
        <v>7</v>
      </c>
      <c r="IS26" s="71">
        <v>4</v>
      </c>
      <c r="IT26" s="72">
        <v>33</v>
      </c>
      <c r="IU26" s="73">
        <v>48</v>
      </c>
      <c r="IV26" s="70">
        <v>5</v>
      </c>
      <c r="IW26" s="71">
        <v>5</v>
      </c>
      <c r="IX26" s="72">
        <v>10</v>
      </c>
      <c r="IY26" s="244"/>
      <c r="IZ26" s="71">
        <v>7</v>
      </c>
      <c r="JA26" s="71">
        <v>10</v>
      </c>
      <c r="JB26" s="71">
        <v>6</v>
      </c>
      <c r="JC26" s="71">
        <v>7</v>
      </c>
      <c r="JD26" s="71">
        <v>2</v>
      </c>
      <c r="JE26" s="72">
        <v>32</v>
      </c>
      <c r="JF26" s="73">
        <v>42</v>
      </c>
      <c r="JG26" s="70">
        <v>2</v>
      </c>
      <c r="JH26" s="71">
        <v>2</v>
      </c>
      <c r="JI26" s="72">
        <v>4</v>
      </c>
      <c r="JJ26" s="244"/>
      <c r="JK26" s="71">
        <v>10</v>
      </c>
      <c r="JL26" s="71">
        <v>7</v>
      </c>
      <c r="JM26" s="71">
        <v>3</v>
      </c>
      <c r="JN26" s="71">
        <v>12</v>
      </c>
      <c r="JO26" s="71">
        <v>4</v>
      </c>
      <c r="JP26" s="72">
        <v>36</v>
      </c>
      <c r="JQ26" s="73">
        <v>40</v>
      </c>
      <c r="JR26" s="70">
        <v>0</v>
      </c>
      <c r="JS26" s="71">
        <v>0</v>
      </c>
      <c r="JT26" s="72">
        <v>0</v>
      </c>
      <c r="JU26" s="244"/>
      <c r="JV26" s="71">
        <v>0</v>
      </c>
      <c r="JW26" s="71">
        <v>0</v>
      </c>
      <c r="JX26" s="71">
        <v>0</v>
      </c>
      <c r="JY26" s="71">
        <v>0</v>
      </c>
      <c r="JZ26" s="71">
        <v>0</v>
      </c>
      <c r="KA26" s="72">
        <v>0</v>
      </c>
      <c r="KB26" s="73">
        <v>0</v>
      </c>
      <c r="KC26" s="70">
        <v>23</v>
      </c>
      <c r="KD26" s="71">
        <v>24</v>
      </c>
      <c r="KE26" s="72">
        <v>47</v>
      </c>
      <c r="KF26" s="244"/>
      <c r="KG26" s="71">
        <v>31</v>
      </c>
      <c r="KH26" s="71">
        <v>36</v>
      </c>
      <c r="KI26" s="71">
        <v>23</v>
      </c>
      <c r="KJ26" s="71">
        <v>28</v>
      </c>
      <c r="KK26" s="71">
        <v>16</v>
      </c>
      <c r="KL26" s="72">
        <v>134</v>
      </c>
      <c r="KM26" s="73">
        <v>181</v>
      </c>
    </row>
    <row r="27" spans="2:299" ht="21" customHeight="1" x14ac:dyDescent="0.2">
      <c r="B27" s="126" t="s">
        <v>24</v>
      </c>
      <c r="C27" s="313">
        <v>16</v>
      </c>
      <c r="D27" s="82">
        <v>20</v>
      </c>
      <c r="E27" s="83">
        <v>36</v>
      </c>
      <c r="F27" s="241"/>
      <c r="G27" s="82">
        <v>28</v>
      </c>
      <c r="H27" s="82">
        <v>23</v>
      </c>
      <c r="I27" s="82">
        <v>18</v>
      </c>
      <c r="J27" s="82">
        <v>13</v>
      </c>
      <c r="K27" s="82">
        <v>12</v>
      </c>
      <c r="L27" s="84">
        <v>94</v>
      </c>
      <c r="M27" s="85">
        <v>130</v>
      </c>
      <c r="N27" s="70">
        <v>0</v>
      </c>
      <c r="O27" s="71">
        <v>0</v>
      </c>
      <c r="P27" s="72">
        <v>0</v>
      </c>
      <c r="Q27" s="244"/>
      <c r="R27" s="71">
        <v>0</v>
      </c>
      <c r="S27" s="71">
        <v>0</v>
      </c>
      <c r="T27" s="71">
        <v>0</v>
      </c>
      <c r="U27" s="71">
        <v>0</v>
      </c>
      <c r="V27" s="71">
        <v>1</v>
      </c>
      <c r="W27" s="72">
        <v>1</v>
      </c>
      <c r="X27" s="73">
        <v>1</v>
      </c>
      <c r="Y27" s="70">
        <v>0</v>
      </c>
      <c r="Z27" s="71">
        <v>1</v>
      </c>
      <c r="AA27" s="72">
        <v>1</v>
      </c>
      <c r="AB27" s="244"/>
      <c r="AC27" s="71">
        <v>1</v>
      </c>
      <c r="AD27" s="71">
        <v>3</v>
      </c>
      <c r="AE27" s="71">
        <v>1</v>
      </c>
      <c r="AF27" s="71">
        <v>2</v>
      </c>
      <c r="AG27" s="71">
        <v>1</v>
      </c>
      <c r="AH27" s="72">
        <v>8</v>
      </c>
      <c r="AI27" s="73">
        <v>9</v>
      </c>
      <c r="AJ27" s="70">
        <v>2</v>
      </c>
      <c r="AK27" s="71">
        <v>2</v>
      </c>
      <c r="AL27" s="72">
        <v>4</v>
      </c>
      <c r="AM27" s="244"/>
      <c r="AN27" s="71">
        <v>3</v>
      </c>
      <c r="AO27" s="71">
        <v>2</v>
      </c>
      <c r="AP27" s="71">
        <v>2</v>
      </c>
      <c r="AQ27" s="71">
        <v>1</v>
      </c>
      <c r="AR27" s="71">
        <v>2</v>
      </c>
      <c r="AS27" s="72">
        <v>10</v>
      </c>
      <c r="AT27" s="73">
        <v>14</v>
      </c>
      <c r="AU27" s="70">
        <v>5</v>
      </c>
      <c r="AV27" s="71">
        <v>7</v>
      </c>
      <c r="AW27" s="72">
        <v>12</v>
      </c>
      <c r="AX27" s="244"/>
      <c r="AY27" s="71">
        <v>6</v>
      </c>
      <c r="AZ27" s="71">
        <v>4</v>
      </c>
      <c r="BA27" s="71">
        <v>6</v>
      </c>
      <c r="BB27" s="71">
        <v>1</v>
      </c>
      <c r="BC27" s="71">
        <v>3</v>
      </c>
      <c r="BD27" s="72">
        <v>20</v>
      </c>
      <c r="BE27" s="73">
        <v>32</v>
      </c>
      <c r="BF27" s="70">
        <v>4</v>
      </c>
      <c r="BG27" s="71">
        <v>7</v>
      </c>
      <c r="BH27" s="72">
        <v>11</v>
      </c>
      <c r="BI27" s="244"/>
      <c r="BJ27" s="71">
        <v>11</v>
      </c>
      <c r="BK27" s="71">
        <v>7</v>
      </c>
      <c r="BL27" s="71">
        <v>5</v>
      </c>
      <c r="BM27" s="71">
        <v>4</v>
      </c>
      <c r="BN27" s="71">
        <v>1</v>
      </c>
      <c r="BO27" s="72">
        <v>28</v>
      </c>
      <c r="BP27" s="73">
        <v>39</v>
      </c>
      <c r="BQ27" s="70">
        <v>5</v>
      </c>
      <c r="BR27" s="71">
        <v>3</v>
      </c>
      <c r="BS27" s="72">
        <v>8</v>
      </c>
      <c r="BT27" s="244"/>
      <c r="BU27" s="71">
        <v>7</v>
      </c>
      <c r="BV27" s="71">
        <v>7</v>
      </c>
      <c r="BW27" s="71">
        <v>4</v>
      </c>
      <c r="BX27" s="71">
        <v>5</v>
      </c>
      <c r="BY27" s="71">
        <v>4</v>
      </c>
      <c r="BZ27" s="72">
        <v>27</v>
      </c>
      <c r="CA27" s="73">
        <v>35</v>
      </c>
      <c r="CB27" s="70">
        <v>0</v>
      </c>
      <c r="CC27" s="71">
        <v>0</v>
      </c>
      <c r="CD27" s="72">
        <v>0</v>
      </c>
      <c r="CE27" s="244"/>
      <c r="CF27" s="71">
        <v>0</v>
      </c>
      <c r="CG27" s="71">
        <v>0</v>
      </c>
      <c r="CH27" s="71">
        <v>0</v>
      </c>
      <c r="CI27" s="71">
        <v>0</v>
      </c>
      <c r="CJ27" s="71">
        <v>0</v>
      </c>
      <c r="CK27" s="72">
        <v>0</v>
      </c>
      <c r="CL27" s="73">
        <v>0</v>
      </c>
      <c r="CM27" s="70">
        <v>16</v>
      </c>
      <c r="CN27" s="71">
        <v>20</v>
      </c>
      <c r="CO27" s="72">
        <v>36</v>
      </c>
      <c r="CP27" s="244"/>
      <c r="CQ27" s="71">
        <v>28</v>
      </c>
      <c r="CR27" s="71">
        <v>23</v>
      </c>
      <c r="CS27" s="71">
        <v>18</v>
      </c>
      <c r="CT27" s="71">
        <v>13</v>
      </c>
      <c r="CU27" s="71">
        <v>12</v>
      </c>
      <c r="CV27" s="72">
        <v>94</v>
      </c>
      <c r="CW27" s="73">
        <v>130</v>
      </c>
      <c r="CX27" s="123">
        <v>8</v>
      </c>
      <c r="CY27" s="82">
        <v>7</v>
      </c>
      <c r="CZ27" s="83">
        <v>15</v>
      </c>
      <c r="DA27" s="241"/>
      <c r="DB27" s="82">
        <v>9</v>
      </c>
      <c r="DC27" s="82">
        <v>7</v>
      </c>
      <c r="DD27" s="82">
        <v>6</v>
      </c>
      <c r="DE27" s="82">
        <v>5</v>
      </c>
      <c r="DF27" s="82">
        <v>4</v>
      </c>
      <c r="DG27" s="84">
        <v>31</v>
      </c>
      <c r="DH27" s="85">
        <v>46</v>
      </c>
      <c r="DI27" s="70">
        <v>1</v>
      </c>
      <c r="DJ27" s="71">
        <v>0</v>
      </c>
      <c r="DK27" s="72">
        <v>1</v>
      </c>
      <c r="DL27" s="244"/>
      <c r="DM27" s="71">
        <v>0</v>
      </c>
      <c r="DN27" s="71">
        <v>0</v>
      </c>
      <c r="DO27" s="71">
        <v>0</v>
      </c>
      <c r="DP27" s="71">
        <v>0</v>
      </c>
      <c r="DQ27" s="71">
        <v>0</v>
      </c>
      <c r="DR27" s="72">
        <v>0</v>
      </c>
      <c r="DS27" s="73">
        <v>1</v>
      </c>
      <c r="DT27" s="70">
        <v>1</v>
      </c>
      <c r="DU27" s="71">
        <v>0</v>
      </c>
      <c r="DV27" s="72">
        <v>1</v>
      </c>
      <c r="DW27" s="244"/>
      <c r="DX27" s="71">
        <v>3</v>
      </c>
      <c r="DY27" s="71">
        <v>0</v>
      </c>
      <c r="DZ27" s="71">
        <v>1</v>
      </c>
      <c r="EA27" s="71">
        <v>0</v>
      </c>
      <c r="EB27" s="71">
        <v>0</v>
      </c>
      <c r="EC27" s="72">
        <v>4</v>
      </c>
      <c r="ED27" s="73">
        <v>5</v>
      </c>
      <c r="EE27" s="70">
        <v>1</v>
      </c>
      <c r="EF27" s="71">
        <v>2</v>
      </c>
      <c r="EG27" s="72">
        <v>3</v>
      </c>
      <c r="EH27" s="244"/>
      <c r="EI27" s="71">
        <v>0</v>
      </c>
      <c r="EJ27" s="71">
        <v>1</v>
      </c>
      <c r="EK27" s="71">
        <v>0</v>
      </c>
      <c r="EL27" s="71">
        <v>0</v>
      </c>
      <c r="EM27" s="71">
        <v>0</v>
      </c>
      <c r="EN27" s="72">
        <v>1</v>
      </c>
      <c r="EO27" s="73">
        <v>4</v>
      </c>
      <c r="EP27" s="70">
        <v>0</v>
      </c>
      <c r="EQ27" s="71">
        <v>2</v>
      </c>
      <c r="ER27" s="72">
        <v>2</v>
      </c>
      <c r="ES27" s="244"/>
      <c r="ET27" s="71">
        <v>4</v>
      </c>
      <c r="EU27" s="71">
        <v>2</v>
      </c>
      <c r="EV27" s="71">
        <v>3</v>
      </c>
      <c r="EW27" s="71">
        <v>0</v>
      </c>
      <c r="EX27" s="71">
        <v>1</v>
      </c>
      <c r="EY27" s="72">
        <v>10</v>
      </c>
      <c r="EZ27" s="73">
        <v>12</v>
      </c>
      <c r="FA27" s="70">
        <v>3</v>
      </c>
      <c r="FB27" s="71">
        <v>1</v>
      </c>
      <c r="FC27" s="72">
        <v>4</v>
      </c>
      <c r="FD27" s="244"/>
      <c r="FE27" s="71">
        <v>1</v>
      </c>
      <c r="FF27" s="71">
        <v>2</v>
      </c>
      <c r="FG27" s="71">
        <v>1</v>
      </c>
      <c r="FH27" s="71">
        <v>1</v>
      </c>
      <c r="FI27" s="71">
        <v>2</v>
      </c>
      <c r="FJ27" s="72">
        <v>7</v>
      </c>
      <c r="FK27" s="73">
        <v>11</v>
      </c>
      <c r="FL27" s="70">
        <v>2</v>
      </c>
      <c r="FM27" s="71">
        <v>2</v>
      </c>
      <c r="FN27" s="72">
        <v>4</v>
      </c>
      <c r="FO27" s="244"/>
      <c r="FP27" s="71">
        <v>1</v>
      </c>
      <c r="FQ27" s="71">
        <v>2</v>
      </c>
      <c r="FR27" s="71">
        <v>1</v>
      </c>
      <c r="FS27" s="71">
        <v>4</v>
      </c>
      <c r="FT27" s="71">
        <v>1</v>
      </c>
      <c r="FU27" s="72">
        <v>9</v>
      </c>
      <c r="FV27" s="73">
        <v>13</v>
      </c>
      <c r="FW27" s="70">
        <v>0</v>
      </c>
      <c r="FX27" s="71">
        <v>0</v>
      </c>
      <c r="FY27" s="72">
        <v>0</v>
      </c>
      <c r="FZ27" s="244"/>
      <c r="GA27" s="71">
        <v>0</v>
      </c>
      <c r="GB27" s="71">
        <v>0</v>
      </c>
      <c r="GC27" s="71">
        <v>0</v>
      </c>
      <c r="GD27" s="71">
        <v>0</v>
      </c>
      <c r="GE27" s="71">
        <v>0</v>
      </c>
      <c r="GF27" s="72">
        <v>0</v>
      </c>
      <c r="GG27" s="73">
        <v>0</v>
      </c>
      <c r="GH27" s="70">
        <v>8</v>
      </c>
      <c r="GI27" s="71">
        <v>7</v>
      </c>
      <c r="GJ27" s="72">
        <v>15</v>
      </c>
      <c r="GK27" s="244"/>
      <c r="GL27" s="71">
        <v>9</v>
      </c>
      <c r="GM27" s="71">
        <v>7</v>
      </c>
      <c r="GN27" s="71">
        <v>6</v>
      </c>
      <c r="GO27" s="71">
        <v>5</v>
      </c>
      <c r="GP27" s="71">
        <v>4</v>
      </c>
      <c r="GQ27" s="72">
        <v>31</v>
      </c>
      <c r="GR27" s="73">
        <v>46</v>
      </c>
      <c r="GS27" s="123">
        <v>24</v>
      </c>
      <c r="GT27" s="82">
        <v>27</v>
      </c>
      <c r="GU27" s="83">
        <v>51</v>
      </c>
      <c r="GV27" s="241"/>
      <c r="GW27" s="82">
        <v>37</v>
      </c>
      <c r="GX27" s="82">
        <v>30</v>
      </c>
      <c r="GY27" s="82">
        <v>24</v>
      </c>
      <c r="GZ27" s="82">
        <v>18</v>
      </c>
      <c r="HA27" s="82">
        <v>16</v>
      </c>
      <c r="HB27" s="84">
        <v>125</v>
      </c>
      <c r="HC27" s="85">
        <v>176</v>
      </c>
      <c r="HD27" s="70">
        <v>1</v>
      </c>
      <c r="HE27" s="71">
        <v>0</v>
      </c>
      <c r="HF27" s="72">
        <v>1</v>
      </c>
      <c r="HG27" s="244"/>
      <c r="HH27" s="71">
        <v>0</v>
      </c>
      <c r="HI27" s="71">
        <v>0</v>
      </c>
      <c r="HJ27" s="71">
        <v>0</v>
      </c>
      <c r="HK27" s="71">
        <v>0</v>
      </c>
      <c r="HL27" s="71">
        <v>1</v>
      </c>
      <c r="HM27" s="72">
        <v>1</v>
      </c>
      <c r="HN27" s="73">
        <v>2</v>
      </c>
      <c r="HO27" s="70">
        <v>1</v>
      </c>
      <c r="HP27" s="71">
        <v>1</v>
      </c>
      <c r="HQ27" s="72">
        <v>2</v>
      </c>
      <c r="HR27" s="244"/>
      <c r="HS27" s="71">
        <v>4</v>
      </c>
      <c r="HT27" s="71">
        <v>3</v>
      </c>
      <c r="HU27" s="71">
        <v>2</v>
      </c>
      <c r="HV27" s="71">
        <v>2</v>
      </c>
      <c r="HW27" s="71">
        <v>1</v>
      </c>
      <c r="HX27" s="72">
        <v>12</v>
      </c>
      <c r="HY27" s="73">
        <v>14</v>
      </c>
      <c r="HZ27" s="70">
        <v>3</v>
      </c>
      <c r="IA27" s="71">
        <v>4</v>
      </c>
      <c r="IB27" s="72">
        <v>7</v>
      </c>
      <c r="IC27" s="244"/>
      <c r="ID27" s="71">
        <v>3</v>
      </c>
      <c r="IE27" s="71">
        <v>3</v>
      </c>
      <c r="IF27" s="71">
        <v>2</v>
      </c>
      <c r="IG27" s="71">
        <v>1</v>
      </c>
      <c r="IH27" s="71">
        <v>2</v>
      </c>
      <c r="II27" s="72">
        <v>11</v>
      </c>
      <c r="IJ27" s="73">
        <v>18</v>
      </c>
      <c r="IK27" s="70">
        <v>5</v>
      </c>
      <c r="IL27" s="71">
        <v>9</v>
      </c>
      <c r="IM27" s="72">
        <v>14</v>
      </c>
      <c r="IN27" s="244"/>
      <c r="IO27" s="71">
        <v>10</v>
      </c>
      <c r="IP27" s="71">
        <v>6</v>
      </c>
      <c r="IQ27" s="71">
        <v>9</v>
      </c>
      <c r="IR27" s="71">
        <v>1</v>
      </c>
      <c r="IS27" s="71">
        <v>4</v>
      </c>
      <c r="IT27" s="72">
        <v>30</v>
      </c>
      <c r="IU27" s="73">
        <v>44</v>
      </c>
      <c r="IV27" s="70">
        <v>7</v>
      </c>
      <c r="IW27" s="71">
        <v>8</v>
      </c>
      <c r="IX27" s="72">
        <v>15</v>
      </c>
      <c r="IY27" s="244"/>
      <c r="IZ27" s="71">
        <v>12</v>
      </c>
      <c r="JA27" s="71">
        <v>9</v>
      </c>
      <c r="JB27" s="71">
        <v>6</v>
      </c>
      <c r="JC27" s="71">
        <v>5</v>
      </c>
      <c r="JD27" s="71">
        <v>3</v>
      </c>
      <c r="JE27" s="72">
        <v>35</v>
      </c>
      <c r="JF27" s="73">
        <v>50</v>
      </c>
      <c r="JG27" s="70">
        <v>7</v>
      </c>
      <c r="JH27" s="71">
        <v>5</v>
      </c>
      <c r="JI27" s="72">
        <v>12</v>
      </c>
      <c r="JJ27" s="244"/>
      <c r="JK27" s="71">
        <v>8</v>
      </c>
      <c r="JL27" s="71">
        <v>9</v>
      </c>
      <c r="JM27" s="71">
        <v>5</v>
      </c>
      <c r="JN27" s="71">
        <v>9</v>
      </c>
      <c r="JO27" s="71">
        <v>5</v>
      </c>
      <c r="JP27" s="72">
        <v>36</v>
      </c>
      <c r="JQ27" s="73">
        <v>48</v>
      </c>
      <c r="JR27" s="70">
        <v>0</v>
      </c>
      <c r="JS27" s="71">
        <v>0</v>
      </c>
      <c r="JT27" s="72">
        <v>0</v>
      </c>
      <c r="JU27" s="244"/>
      <c r="JV27" s="71">
        <v>0</v>
      </c>
      <c r="JW27" s="71">
        <v>0</v>
      </c>
      <c r="JX27" s="71">
        <v>0</v>
      </c>
      <c r="JY27" s="71">
        <v>0</v>
      </c>
      <c r="JZ27" s="71">
        <v>0</v>
      </c>
      <c r="KA27" s="72">
        <v>0</v>
      </c>
      <c r="KB27" s="73">
        <v>0</v>
      </c>
      <c r="KC27" s="70">
        <v>24</v>
      </c>
      <c r="KD27" s="71">
        <v>27</v>
      </c>
      <c r="KE27" s="72">
        <v>51</v>
      </c>
      <c r="KF27" s="244"/>
      <c r="KG27" s="71">
        <v>37</v>
      </c>
      <c r="KH27" s="71">
        <v>30</v>
      </c>
      <c r="KI27" s="71">
        <v>24</v>
      </c>
      <c r="KJ27" s="71">
        <v>18</v>
      </c>
      <c r="KK27" s="71">
        <v>16</v>
      </c>
      <c r="KL27" s="72">
        <v>125</v>
      </c>
      <c r="KM27" s="73">
        <v>176</v>
      </c>
    </row>
    <row r="28" spans="2:299" ht="21" customHeight="1" x14ac:dyDescent="0.2">
      <c r="B28" s="126" t="s">
        <v>25</v>
      </c>
      <c r="C28" s="313">
        <v>7</v>
      </c>
      <c r="D28" s="82">
        <v>15</v>
      </c>
      <c r="E28" s="83">
        <v>22</v>
      </c>
      <c r="F28" s="241"/>
      <c r="G28" s="82">
        <v>14</v>
      </c>
      <c r="H28" s="82">
        <v>10</v>
      </c>
      <c r="I28" s="82">
        <v>6</v>
      </c>
      <c r="J28" s="82">
        <v>7</v>
      </c>
      <c r="K28" s="82">
        <v>7</v>
      </c>
      <c r="L28" s="84">
        <v>44</v>
      </c>
      <c r="M28" s="85">
        <v>66</v>
      </c>
      <c r="N28" s="70">
        <v>0</v>
      </c>
      <c r="O28" s="71">
        <v>1</v>
      </c>
      <c r="P28" s="72">
        <v>1</v>
      </c>
      <c r="Q28" s="244"/>
      <c r="R28" s="71">
        <v>0</v>
      </c>
      <c r="S28" s="71">
        <v>1</v>
      </c>
      <c r="T28" s="71">
        <v>0</v>
      </c>
      <c r="U28" s="71">
        <v>1</v>
      </c>
      <c r="V28" s="71">
        <v>0</v>
      </c>
      <c r="W28" s="72">
        <v>2</v>
      </c>
      <c r="X28" s="73">
        <v>3</v>
      </c>
      <c r="Y28" s="70">
        <v>1</v>
      </c>
      <c r="Z28" s="71">
        <v>1</v>
      </c>
      <c r="AA28" s="72">
        <v>2</v>
      </c>
      <c r="AB28" s="244"/>
      <c r="AC28" s="71">
        <v>1</v>
      </c>
      <c r="AD28" s="71">
        <v>2</v>
      </c>
      <c r="AE28" s="71">
        <v>0</v>
      </c>
      <c r="AF28" s="71">
        <v>1</v>
      </c>
      <c r="AG28" s="71">
        <v>1</v>
      </c>
      <c r="AH28" s="72">
        <v>5</v>
      </c>
      <c r="AI28" s="73">
        <v>7</v>
      </c>
      <c r="AJ28" s="70">
        <v>1</v>
      </c>
      <c r="AK28" s="71">
        <v>0</v>
      </c>
      <c r="AL28" s="72">
        <v>1</v>
      </c>
      <c r="AM28" s="244"/>
      <c r="AN28" s="71">
        <v>2</v>
      </c>
      <c r="AO28" s="71">
        <v>1</v>
      </c>
      <c r="AP28" s="71">
        <v>0</v>
      </c>
      <c r="AQ28" s="71">
        <v>0</v>
      </c>
      <c r="AR28" s="71">
        <v>0</v>
      </c>
      <c r="AS28" s="72">
        <v>3</v>
      </c>
      <c r="AT28" s="73">
        <v>4</v>
      </c>
      <c r="AU28" s="70">
        <v>4</v>
      </c>
      <c r="AV28" s="71">
        <v>6</v>
      </c>
      <c r="AW28" s="72">
        <v>10</v>
      </c>
      <c r="AX28" s="244"/>
      <c r="AY28" s="71">
        <v>4</v>
      </c>
      <c r="AZ28" s="71">
        <v>2</v>
      </c>
      <c r="BA28" s="71">
        <v>2</v>
      </c>
      <c r="BB28" s="71">
        <v>2</v>
      </c>
      <c r="BC28" s="71">
        <v>1</v>
      </c>
      <c r="BD28" s="72">
        <v>11</v>
      </c>
      <c r="BE28" s="73">
        <v>21</v>
      </c>
      <c r="BF28" s="70">
        <v>1</v>
      </c>
      <c r="BG28" s="71">
        <v>5</v>
      </c>
      <c r="BH28" s="72">
        <v>6</v>
      </c>
      <c r="BI28" s="244"/>
      <c r="BJ28" s="71">
        <v>1</v>
      </c>
      <c r="BK28" s="71">
        <v>2</v>
      </c>
      <c r="BL28" s="71">
        <v>3</v>
      </c>
      <c r="BM28" s="71">
        <v>1</v>
      </c>
      <c r="BN28" s="71">
        <v>3</v>
      </c>
      <c r="BO28" s="72">
        <v>10</v>
      </c>
      <c r="BP28" s="73">
        <v>16</v>
      </c>
      <c r="BQ28" s="70">
        <v>0</v>
      </c>
      <c r="BR28" s="71">
        <v>2</v>
      </c>
      <c r="BS28" s="72">
        <v>2</v>
      </c>
      <c r="BT28" s="244"/>
      <c r="BU28" s="71">
        <v>6</v>
      </c>
      <c r="BV28" s="71">
        <v>2</v>
      </c>
      <c r="BW28" s="71">
        <v>1</v>
      </c>
      <c r="BX28" s="71">
        <v>2</v>
      </c>
      <c r="BY28" s="71">
        <v>2</v>
      </c>
      <c r="BZ28" s="72">
        <v>13</v>
      </c>
      <c r="CA28" s="73">
        <v>15</v>
      </c>
      <c r="CB28" s="70">
        <v>0</v>
      </c>
      <c r="CC28" s="71">
        <v>0</v>
      </c>
      <c r="CD28" s="72">
        <v>0</v>
      </c>
      <c r="CE28" s="244"/>
      <c r="CF28" s="71">
        <v>0</v>
      </c>
      <c r="CG28" s="71">
        <v>0</v>
      </c>
      <c r="CH28" s="71">
        <v>0</v>
      </c>
      <c r="CI28" s="71">
        <v>0</v>
      </c>
      <c r="CJ28" s="71">
        <v>0</v>
      </c>
      <c r="CK28" s="72">
        <v>0</v>
      </c>
      <c r="CL28" s="73">
        <v>0</v>
      </c>
      <c r="CM28" s="70">
        <v>7</v>
      </c>
      <c r="CN28" s="71">
        <v>15</v>
      </c>
      <c r="CO28" s="72">
        <v>22</v>
      </c>
      <c r="CP28" s="244"/>
      <c r="CQ28" s="71">
        <v>14</v>
      </c>
      <c r="CR28" s="71">
        <v>10</v>
      </c>
      <c r="CS28" s="71">
        <v>6</v>
      </c>
      <c r="CT28" s="71">
        <v>7</v>
      </c>
      <c r="CU28" s="71">
        <v>7</v>
      </c>
      <c r="CV28" s="72">
        <v>44</v>
      </c>
      <c r="CW28" s="73">
        <v>66</v>
      </c>
      <c r="CX28" s="123">
        <v>8</v>
      </c>
      <c r="CY28" s="82">
        <v>18</v>
      </c>
      <c r="CZ28" s="83">
        <v>26</v>
      </c>
      <c r="DA28" s="241"/>
      <c r="DB28" s="82">
        <v>8</v>
      </c>
      <c r="DC28" s="82">
        <v>8</v>
      </c>
      <c r="DD28" s="82">
        <v>5</v>
      </c>
      <c r="DE28" s="82">
        <v>5</v>
      </c>
      <c r="DF28" s="82">
        <v>3</v>
      </c>
      <c r="DG28" s="84">
        <v>29</v>
      </c>
      <c r="DH28" s="85">
        <v>55</v>
      </c>
      <c r="DI28" s="70">
        <v>0</v>
      </c>
      <c r="DJ28" s="71">
        <v>1</v>
      </c>
      <c r="DK28" s="72">
        <v>1</v>
      </c>
      <c r="DL28" s="244"/>
      <c r="DM28" s="71">
        <v>0</v>
      </c>
      <c r="DN28" s="71">
        <v>0</v>
      </c>
      <c r="DO28" s="71">
        <v>0</v>
      </c>
      <c r="DP28" s="71">
        <v>0</v>
      </c>
      <c r="DQ28" s="71">
        <v>0</v>
      </c>
      <c r="DR28" s="72">
        <v>0</v>
      </c>
      <c r="DS28" s="73">
        <v>1</v>
      </c>
      <c r="DT28" s="70">
        <v>2</v>
      </c>
      <c r="DU28" s="71">
        <v>1</v>
      </c>
      <c r="DV28" s="72">
        <v>3</v>
      </c>
      <c r="DW28" s="244"/>
      <c r="DX28" s="71">
        <v>0</v>
      </c>
      <c r="DY28" s="71">
        <v>1</v>
      </c>
      <c r="DZ28" s="71">
        <v>0</v>
      </c>
      <c r="EA28" s="71">
        <v>0</v>
      </c>
      <c r="EB28" s="71">
        <v>1</v>
      </c>
      <c r="EC28" s="72">
        <v>2</v>
      </c>
      <c r="ED28" s="73">
        <v>5</v>
      </c>
      <c r="EE28" s="70">
        <v>1</v>
      </c>
      <c r="EF28" s="71">
        <v>3</v>
      </c>
      <c r="EG28" s="72">
        <v>4</v>
      </c>
      <c r="EH28" s="244"/>
      <c r="EI28" s="71">
        <v>0</v>
      </c>
      <c r="EJ28" s="71">
        <v>0</v>
      </c>
      <c r="EK28" s="71">
        <v>0</v>
      </c>
      <c r="EL28" s="71">
        <v>0</v>
      </c>
      <c r="EM28" s="71">
        <v>0</v>
      </c>
      <c r="EN28" s="72">
        <v>0</v>
      </c>
      <c r="EO28" s="73">
        <v>4</v>
      </c>
      <c r="EP28" s="70">
        <v>2</v>
      </c>
      <c r="EQ28" s="71">
        <v>3</v>
      </c>
      <c r="ER28" s="72">
        <v>5</v>
      </c>
      <c r="ES28" s="244"/>
      <c r="ET28" s="71">
        <v>2</v>
      </c>
      <c r="EU28" s="71">
        <v>0</v>
      </c>
      <c r="EV28" s="71">
        <v>1</v>
      </c>
      <c r="EW28" s="71">
        <v>0</v>
      </c>
      <c r="EX28" s="71">
        <v>0</v>
      </c>
      <c r="EY28" s="72">
        <v>3</v>
      </c>
      <c r="EZ28" s="73">
        <v>8</v>
      </c>
      <c r="FA28" s="70">
        <v>1</v>
      </c>
      <c r="FB28" s="71">
        <v>4</v>
      </c>
      <c r="FC28" s="72">
        <v>5</v>
      </c>
      <c r="FD28" s="244"/>
      <c r="FE28" s="71">
        <v>2</v>
      </c>
      <c r="FF28" s="71">
        <v>3</v>
      </c>
      <c r="FG28" s="71">
        <v>1</v>
      </c>
      <c r="FH28" s="71">
        <v>2</v>
      </c>
      <c r="FI28" s="71">
        <v>0</v>
      </c>
      <c r="FJ28" s="72">
        <v>8</v>
      </c>
      <c r="FK28" s="73">
        <v>13</v>
      </c>
      <c r="FL28" s="70">
        <v>2</v>
      </c>
      <c r="FM28" s="71">
        <v>6</v>
      </c>
      <c r="FN28" s="72">
        <v>8</v>
      </c>
      <c r="FO28" s="244"/>
      <c r="FP28" s="71">
        <v>4</v>
      </c>
      <c r="FQ28" s="71">
        <v>4</v>
      </c>
      <c r="FR28" s="71">
        <v>3</v>
      </c>
      <c r="FS28" s="71">
        <v>3</v>
      </c>
      <c r="FT28" s="71">
        <v>2</v>
      </c>
      <c r="FU28" s="72">
        <v>16</v>
      </c>
      <c r="FV28" s="73">
        <v>24</v>
      </c>
      <c r="FW28" s="70">
        <v>0</v>
      </c>
      <c r="FX28" s="71">
        <v>0</v>
      </c>
      <c r="FY28" s="72">
        <v>0</v>
      </c>
      <c r="FZ28" s="244"/>
      <c r="GA28" s="71">
        <v>0</v>
      </c>
      <c r="GB28" s="71">
        <v>0</v>
      </c>
      <c r="GC28" s="71">
        <v>0</v>
      </c>
      <c r="GD28" s="71">
        <v>0</v>
      </c>
      <c r="GE28" s="71">
        <v>0</v>
      </c>
      <c r="GF28" s="72">
        <v>0</v>
      </c>
      <c r="GG28" s="73">
        <v>0</v>
      </c>
      <c r="GH28" s="70">
        <v>8</v>
      </c>
      <c r="GI28" s="71">
        <v>18</v>
      </c>
      <c r="GJ28" s="72">
        <v>26</v>
      </c>
      <c r="GK28" s="244"/>
      <c r="GL28" s="71">
        <v>8</v>
      </c>
      <c r="GM28" s="71">
        <v>8</v>
      </c>
      <c r="GN28" s="71">
        <v>5</v>
      </c>
      <c r="GO28" s="71">
        <v>5</v>
      </c>
      <c r="GP28" s="71">
        <v>3</v>
      </c>
      <c r="GQ28" s="72">
        <v>29</v>
      </c>
      <c r="GR28" s="73">
        <v>55</v>
      </c>
      <c r="GS28" s="123">
        <v>15</v>
      </c>
      <c r="GT28" s="82">
        <v>33</v>
      </c>
      <c r="GU28" s="83">
        <v>48</v>
      </c>
      <c r="GV28" s="241"/>
      <c r="GW28" s="82">
        <v>22</v>
      </c>
      <c r="GX28" s="82">
        <v>18</v>
      </c>
      <c r="GY28" s="82">
        <v>11</v>
      </c>
      <c r="GZ28" s="82">
        <v>12</v>
      </c>
      <c r="HA28" s="82">
        <v>10</v>
      </c>
      <c r="HB28" s="84">
        <v>73</v>
      </c>
      <c r="HC28" s="85">
        <v>121</v>
      </c>
      <c r="HD28" s="70">
        <v>0</v>
      </c>
      <c r="HE28" s="71">
        <v>2</v>
      </c>
      <c r="HF28" s="72">
        <v>2</v>
      </c>
      <c r="HG28" s="244"/>
      <c r="HH28" s="71">
        <v>0</v>
      </c>
      <c r="HI28" s="71">
        <v>1</v>
      </c>
      <c r="HJ28" s="71">
        <v>0</v>
      </c>
      <c r="HK28" s="71">
        <v>1</v>
      </c>
      <c r="HL28" s="71">
        <v>0</v>
      </c>
      <c r="HM28" s="72">
        <v>2</v>
      </c>
      <c r="HN28" s="73">
        <v>4</v>
      </c>
      <c r="HO28" s="70">
        <v>3</v>
      </c>
      <c r="HP28" s="71">
        <v>2</v>
      </c>
      <c r="HQ28" s="72">
        <v>5</v>
      </c>
      <c r="HR28" s="244"/>
      <c r="HS28" s="71">
        <v>1</v>
      </c>
      <c r="HT28" s="71">
        <v>3</v>
      </c>
      <c r="HU28" s="71">
        <v>0</v>
      </c>
      <c r="HV28" s="71">
        <v>1</v>
      </c>
      <c r="HW28" s="71">
        <v>2</v>
      </c>
      <c r="HX28" s="72">
        <v>7</v>
      </c>
      <c r="HY28" s="73">
        <v>12</v>
      </c>
      <c r="HZ28" s="70">
        <v>2</v>
      </c>
      <c r="IA28" s="71">
        <v>3</v>
      </c>
      <c r="IB28" s="72">
        <v>5</v>
      </c>
      <c r="IC28" s="244"/>
      <c r="ID28" s="71">
        <v>2</v>
      </c>
      <c r="IE28" s="71">
        <v>1</v>
      </c>
      <c r="IF28" s="71">
        <v>0</v>
      </c>
      <c r="IG28" s="71">
        <v>0</v>
      </c>
      <c r="IH28" s="71">
        <v>0</v>
      </c>
      <c r="II28" s="72">
        <v>3</v>
      </c>
      <c r="IJ28" s="73">
        <v>8</v>
      </c>
      <c r="IK28" s="70">
        <v>6</v>
      </c>
      <c r="IL28" s="71">
        <v>9</v>
      </c>
      <c r="IM28" s="72">
        <v>15</v>
      </c>
      <c r="IN28" s="244"/>
      <c r="IO28" s="71">
        <v>6</v>
      </c>
      <c r="IP28" s="71">
        <v>2</v>
      </c>
      <c r="IQ28" s="71">
        <v>3</v>
      </c>
      <c r="IR28" s="71">
        <v>2</v>
      </c>
      <c r="IS28" s="71">
        <v>1</v>
      </c>
      <c r="IT28" s="72">
        <v>14</v>
      </c>
      <c r="IU28" s="73">
        <v>29</v>
      </c>
      <c r="IV28" s="70">
        <v>2</v>
      </c>
      <c r="IW28" s="71">
        <v>9</v>
      </c>
      <c r="IX28" s="72">
        <v>11</v>
      </c>
      <c r="IY28" s="244"/>
      <c r="IZ28" s="71">
        <v>3</v>
      </c>
      <c r="JA28" s="71">
        <v>5</v>
      </c>
      <c r="JB28" s="71">
        <v>4</v>
      </c>
      <c r="JC28" s="71">
        <v>3</v>
      </c>
      <c r="JD28" s="71">
        <v>3</v>
      </c>
      <c r="JE28" s="72">
        <v>18</v>
      </c>
      <c r="JF28" s="73">
        <v>29</v>
      </c>
      <c r="JG28" s="70">
        <v>2</v>
      </c>
      <c r="JH28" s="71">
        <v>8</v>
      </c>
      <c r="JI28" s="72">
        <v>10</v>
      </c>
      <c r="JJ28" s="244"/>
      <c r="JK28" s="71">
        <v>10</v>
      </c>
      <c r="JL28" s="71">
        <v>6</v>
      </c>
      <c r="JM28" s="71">
        <v>4</v>
      </c>
      <c r="JN28" s="71">
        <v>5</v>
      </c>
      <c r="JO28" s="71">
        <v>4</v>
      </c>
      <c r="JP28" s="72">
        <v>29</v>
      </c>
      <c r="JQ28" s="73">
        <v>39</v>
      </c>
      <c r="JR28" s="70">
        <v>0</v>
      </c>
      <c r="JS28" s="71">
        <v>0</v>
      </c>
      <c r="JT28" s="72">
        <v>0</v>
      </c>
      <c r="JU28" s="244"/>
      <c r="JV28" s="71">
        <v>0</v>
      </c>
      <c r="JW28" s="71">
        <v>0</v>
      </c>
      <c r="JX28" s="71">
        <v>0</v>
      </c>
      <c r="JY28" s="71">
        <v>0</v>
      </c>
      <c r="JZ28" s="71">
        <v>0</v>
      </c>
      <c r="KA28" s="72">
        <v>0</v>
      </c>
      <c r="KB28" s="73">
        <v>0</v>
      </c>
      <c r="KC28" s="70">
        <v>15</v>
      </c>
      <c r="KD28" s="71">
        <v>33</v>
      </c>
      <c r="KE28" s="72">
        <v>48</v>
      </c>
      <c r="KF28" s="244"/>
      <c r="KG28" s="71">
        <v>22</v>
      </c>
      <c r="KH28" s="71">
        <v>18</v>
      </c>
      <c r="KI28" s="71">
        <v>11</v>
      </c>
      <c r="KJ28" s="71">
        <v>12</v>
      </c>
      <c r="KK28" s="71">
        <v>10</v>
      </c>
      <c r="KL28" s="72">
        <v>73</v>
      </c>
      <c r="KM28" s="73">
        <v>121</v>
      </c>
    </row>
    <row r="29" spans="2:299" ht="21" customHeight="1" x14ac:dyDescent="0.2">
      <c r="B29" s="126" t="s">
        <v>26</v>
      </c>
      <c r="C29" s="313">
        <v>12</v>
      </c>
      <c r="D29" s="82">
        <v>10</v>
      </c>
      <c r="E29" s="83">
        <v>22</v>
      </c>
      <c r="F29" s="241"/>
      <c r="G29" s="82">
        <v>22</v>
      </c>
      <c r="H29" s="82">
        <v>20</v>
      </c>
      <c r="I29" s="82">
        <v>9</v>
      </c>
      <c r="J29" s="82">
        <v>8</v>
      </c>
      <c r="K29" s="82">
        <v>7</v>
      </c>
      <c r="L29" s="84">
        <v>66</v>
      </c>
      <c r="M29" s="85">
        <v>88</v>
      </c>
      <c r="N29" s="70">
        <v>2</v>
      </c>
      <c r="O29" s="71">
        <v>0</v>
      </c>
      <c r="P29" s="72">
        <v>2</v>
      </c>
      <c r="Q29" s="244"/>
      <c r="R29" s="71">
        <v>0</v>
      </c>
      <c r="S29" s="71">
        <v>2</v>
      </c>
      <c r="T29" s="71">
        <v>0</v>
      </c>
      <c r="U29" s="71">
        <v>0</v>
      </c>
      <c r="V29" s="71">
        <v>0</v>
      </c>
      <c r="W29" s="72">
        <v>2</v>
      </c>
      <c r="X29" s="73">
        <v>4</v>
      </c>
      <c r="Y29" s="70">
        <v>2</v>
      </c>
      <c r="Z29" s="71">
        <v>0</v>
      </c>
      <c r="AA29" s="72">
        <v>2</v>
      </c>
      <c r="AB29" s="244"/>
      <c r="AC29" s="71">
        <v>0</v>
      </c>
      <c r="AD29" s="71">
        <v>2</v>
      </c>
      <c r="AE29" s="71">
        <v>2</v>
      </c>
      <c r="AF29" s="71">
        <v>0</v>
      </c>
      <c r="AG29" s="71">
        <v>2</v>
      </c>
      <c r="AH29" s="72">
        <v>6</v>
      </c>
      <c r="AI29" s="73">
        <v>8</v>
      </c>
      <c r="AJ29" s="70">
        <v>1</v>
      </c>
      <c r="AK29" s="71">
        <v>0</v>
      </c>
      <c r="AL29" s="72">
        <v>1</v>
      </c>
      <c r="AM29" s="244"/>
      <c r="AN29" s="71">
        <v>4</v>
      </c>
      <c r="AO29" s="71">
        <v>2</v>
      </c>
      <c r="AP29" s="71">
        <v>1</v>
      </c>
      <c r="AQ29" s="71">
        <v>1</v>
      </c>
      <c r="AR29" s="71">
        <v>1</v>
      </c>
      <c r="AS29" s="72">
        <v>9</v>
      </c>
      <c r="AT29" s="73">
        <v>10</v>
      </c>
      <c r="AU29" s="70">
        <v>1</v>
      </c>
      <c r="AV29" s="71">
        <v>3</v>
      </c>
      <c r="AW29" s="72">
        <v>4</v>
      </c>
      <c r="AX29" s="244"/>
      <c r="AY29" s="71">
        <v>6</v>
      </c>
      <c r="AZ29" s="71">
        <v>2</v>
      </c>
      <c r="BA29" s="71">
        <v>0</v>
      </c>
      <c r="BB29" s="71">
        <v>3</v>
      </c>
      <c r="BC29" s="71">
        <v>0</v>
      </c>
      <c r="BD29" s="72">
        <v>11</v>
      </c>
      <c r="BE29" s="73">
        <v>15</v>
      </c>
      <c r="BF29" s="70">
        <v>3</v>
      </c>
      <c r="BG29" s="71">
        <v>4</v>
      </c>
      <c r="BH29" s="72">
        <v>7</v>
      </c>
      <c r="BI29" s="244"/>
      <c r="BJ29" s="71">
        <v>5</v>
      </c>
      <c r="BK29" s="71">
        <v>6</v>
      </c>
      <c r="BL29" s="71">
        <v>2</v>
      </c>
      <c r="BM29" s="71">
        <v>3</v>
      </c>
      <c r="BN29" s="71">
        <v>2</v>
      </c>
      <c r="BO29" s="72">
        <v>18</v>
      </c>
      <c r="BP29" s="73">
        <v>25</v>
      </c>
      <c r="BQ29" s="70">
        <v>3</v>
      </c>
      <c r="BR29" s="71">
        <v>3</v>
      </c>
      <c r="BS29" s="72">
        <v>6</v>
      </c>
      <c r="BT29" s="244"/>
      <c r="BU29" s="71">
        <v>7</v>
      </c>
      <c r="BV29" s="71">
        <v>6</v>
      </c>
      <c r="BW29" s="71">
        <v>4</v>
      </c>
      <c r="BX29" s="71">
        <v>1</v>
      </c>
      <c r="BY29" s="71">
        <v>2</v>
      </c>
      <c r="BZ29" s="72">
        <v>20</v>
      </c>
      <c r="CA29" s="73">
        <v>26</v>
      </c>
      <c r="CB29" s="70">
        <v>0</v>
      </c>
      <c r="CC29" s="71">
        <v>0</v>
      </c>
      <c r="CD29" s="72">
        <v>0</v>
      </c>
      <c r="CE29" s="244"/>
      <c r="CF29" s="71">
        <v>0</v>
      </c>
      <c r="CG29" s="71">
        <v>0</v>
      </c>
      <c r="CH29" s="71">
        <v>0</v>
      </c>
      <c r="CI29" s="71">
        <v>0</v>
      </c>
      <c r="CJ29" s="71">
        <v>0</v>
      </c>
      <c r="CK29" s="72">
        <v>0</v>
      </c>
      <c r="CL29" s="73">
        <v>0</v>
      </c>
      <c r="CM29" s="70">
        <v>12</v>
      </c>
      <c r="CN29" s="71">
        <v>10</v>
      </c>
      <c r="CO29" s="72">
        <v>22</v>
      </c>
      <c r="CP29" s="244"/>
      <c r="CQ29" s="71">
        <v>22</v>
      </c>
      <c r="CR29" s="71">
        <v>20</v>
      </c>
      <c r="CS29" s="71">
        <v>9</v>
      </c>
      <c r="CT29" s="71">
        <v>8</v>
      </c>
      <c r="CU29" s="71">
        <v>7</v>
      </c>
      <c r="CV29" s="72">
        <v>66</v>
      </c>
      <c r="CW29" s="73">
        <v>88</v>
      </c>
      <c r="CX29" s="123">
        <v>5</v>
      </c>
      <c r="CY29" s="82">
        <v>6</v>
      </c>
      <c r="CZ29" s="83">
        <v>11</v>
      </c>
      <c r="DA29" s="241"/>
      <c r="DB29" s="82">
        <v>10</v>
      </c>
      <c r="DC29" s="82">
        <v>4</v>
      </c>
      <c r="DD29" s="82">
        <v>3</v>
      </c>
      <c r="DE29" s="82">
        <v>3</v>
      </c>
      <c r="DF29" s="82">
        <v>2</v>
      </c>
      <c r="DG29" s="84">
        <v>22</v>
      </c>
      <c r="DH29" s="85">
        <v>33</v>
      </c>
      <c r="DI29" s="70">
        <v>0</v>
      </c>
      <c r="DJ29" s="71">
        <v>0</v>
      </c>
      <c r="DK29" s="72">
        <v>0</v>
      </c>
      <c r="DL29" s="244"/>
      <c r="DM29" s="71">
        <v>0</v>
      </c>
      <c r="DN29" s="71">
        <v>0</v>
      </c>
      <c r="DO29" s="71">
        <v>0</v>
      </c>
      <c r="DP29" s="71">
        <v>0</v>
      </c>
      <c r="DQ29" s="71">
        <v>0</v>
      </c>
      <c r="DR29" s="72">
        <v>0</v>
      </c>
      <c r="DS29" s="73">
        <v>0</v>
      </c>
      <c r="DT29" s="70">
        <v>1</v>
      </c>
      <c r="DU29" s="71">
        <v>0</v>
      </c>
      <c r="DV29" s="72">
        <v>1</v>
      </c>
      <c r="DW29" s="244"/>
      <c r="DX29" s="71">
        <v>1</v>
      </c>
      <c r="DY29" s="71">
        <v>0</v>
      </c>
      <c r="DZ29" s="71">
        <v>0</v>
      </c>
      <c r="EA29" s="71">
        <v>1</v>
      </c>
      <c r="EB29" s="71">
        <v>0</v>
      </c>
      <c r="EC29" s="72">
        <v>2</v>
      </c>
      <c r="ED29" s="73">
        <v>3</v>
      </c>
      <c r="EE29" s="70">
        <v>1</v>
      </c>
      <c r="EF29" s="71">
        <v>2</v>
      </c>
      <c r="EG29" s="72">
        <v>3</v>
      </c>
      <c r="EH29" s="244"/>
      <c r="EI29" s="71">
        <v>1</v>
      </c>
      <c r="EJ29" s="71">
        <v>0</v>
      </c>
      <c r="EK29" s="71">
        <v>0</v>
      </c>
      <c r="EL29" s="71">
        <v>0</v>
      </c>
      <c r="EM29" s="71">
        <v>0</v>
      </c>
      <c r="EN29" s="72">
        <v>1</v>
      </c>
      <c r="EO29" s="73">
        <v>4</v>
      </c>
      <c r="EP29" s="70">
        <v>0</v>
      </c>
      <c r="EQ29" s="71">
        <v>0</v>
      </c>
      <c r="ER29" s="72">
        <v>0</v>
      </c>
      <c r="ES29" s="244"/>
      <c r="ET29" s="71">
        <v>0</v>
      </c>
      <c r="EU29" s="71">
        <v>0</v>
      </c>
      <c r="EV29" s="71">
        <v>0</v>
      </c>
      <c r="EW29" s="71">
        <v>0</v>
      </c>
      <c r="EX29" s="71">
        <v>0</v>
      </c>
      <c r="EY29" s="72">
        <v>0</v>
      </c>
      <c r="EZ29" s="73">
        <v>0</v>
      </c>
      <c r="FA29" s="70">
        <v>2</v>
      </c>
      <c r="FB29" s="71">
        <v>1</v>
      </c>
      <c r="FC29" s="72">
        <v>3</v>
      </c>
      <c r="FD29" s="244"/>
      <c r="FE29" s="71">
        <v>2</v>
      </c>
      <c r="FF29" s="71">
        <v>1</v>
      </c>
      <c r="FG29" s="71">
        <v>1</v>
      </c>
      <c r="FH29" s="71">
        <v>0</v>
      </c>
      <c r="FI29" s="71">
        <v>1</v>
      </c>
      <c r="FJ29" s="72">
        <v>5</v>
      </c>
      <c r="FK29" s="73">
        <v>8</v>
      </c>
      <c r="FL29" s="70">
        <v>1</v>
      </c>
      <c r="FM29" s="71">
        <v>3</v>
      </c>
      <c r="FN29" s="72">
        <v>4</v>
      </c>
      <c r="FO29" s="244"/>
      <c r="FP29" s="71">
        <v>6</v>
      </c>
      <c r="FQ29" s="71">
        <v>3</v>
      </c>
      <c r="FR29" s="71">
        <v>2</v>
      </c>
      <c r="FS29" s="71">
        <v>2</v>
      </c>
      <c r="FT29" s="71">
        <v>1</v>
      </c>
      <c r="FU29" s="72">
        <v>14</v>
      </c>
      <c r="FV29" s="73">
        <v>18</v>
      </c>
      <c r="FW29" s="70">
        <v>0</v>
      </c>
      <c r="FX29" s="71">
        <v>0</v>
      </c>
      <c r="FY29" s="72">
        <v>0</v>
      </c>
      <c r="FZ29" s="244"/>
      <c r="GA29" s="71">
        <v>0</v>
      </c>
      <c r="GB29" s="71">
        <v>0</v>
      </c>
      <c r="GC29" s="71">
        <v>0</v>
      </c>
      <c r="GD29" s="71">
        <v>0</v>
      </c>
      <c r="GE29" s="71">
        <v>0</v>
      </c>
      <c r="GF29" s="72">
        <v>0</v>
      </c>
      <c r="GG29" s="73">
        <v>0</v>
      </c>
      <c r="GH29" s="70">
        <v>5</v>
      </c>
      <c r="GI29" s="71">
        <v>6</v>
      </c>
      <c r="GJ29" s="72">
        <v>11</v>
      </c>
      <c r="GK29" s="244"/>
      <c r="GL29" s="71">
        <v>10</v>
      </c>
      <c r="GM29" s="71">
        <v>4</v>
      </c>
      <c r="GN29" s="71">
        <v>3</v>
      </c>
      <c r="GO29" s="71">
        <v>3</v>
      </c>
      <c r="GP29" s="71">
        <v>2</v>
      </c>
      <c r="GQ29" s="72">
        <v>22</v>
      </c>
      <c r="GR29" s="73">
        <v>33</v>
      </c>
      <c r="GS29" s="123">
        <v>17</v>
      </c>
      <c r="GT29" s="82">
        <v>16</v>
      </c>
      <c r="GU29" s="83">
        <v>33</v>
      </c>
      <c r="GV29" s="241"/>
      <c r="GW29" s="82">
        <v>32</v>
      </c>
      <c r="GX29" s="82">
        <v>24</v>
      </c>
      <c r="GY29" s="82">
        <v>12</v>
      </c>
      <c r="GZ29" s="82">
        <v>11</v>
      </c>
      <c r="HA29" s="82">
        <v>9</v>
      </c>
      <c r="HB29" s="84">
        <v>88</v>
      </c>
      <c r="HC29" s="85">
        <v>121</v>
      </c>
      <c r="HD29" s="70">
        <v>2</v>
      </c>
      <c r="HE29" s="71">
        <v>0</v>
      </c>
      <c r="HF29" s="72">
        <v>2</v>
      </c>
      <c r="HG29" s="244"/>
      <c r="HH29" s="71">
        <v>0</v>
      </c>
      <c r="HI29" s="71">
        <v>2</v>
      </c>
      <c r="HJ29" s="71">
        <v>0</v>
      </c>
      <c r="HK29" s="71">
        <v>0</v>
      </c>
      <c r="HL29" s="71">
        <v>0</v>
      </c>
      <c r="HM29" s="72">
        <v>2</v>
      </c>
      <c r="HN29" s="73">
        <v>4</v>
      </c>
      <c r="HO29" s="70">
        <v>3</v>
      </c>
      <c r="HP29" s="71">
        <v>0</v>
      </c>
      <c r="HQ29" s="72">
        <v>3</v>
      </c>
      <c r="HR29" s="244"/>
      <c r="HS29" s="71">
        <v>1</v>
      </c>
      <c r="HT29" s="71">
        <v>2</v>
      </c>
      <c r="HU29" s="71">
        <v>2</v>
      </c>
      <c r="HV29" s="71">
        <v>1</v>
      </c>
      <c r="HW29" s="71">
        <v>2</v>
      </c>
      <c r="HX29" s="72">
        <v>8</v>
      </c>
      <c r="HY29" s="73">
        <v>11</v>
      </c>
      <c r="HZ29" s="70">
        <v>2</v>
      </c>
      <c r="IA29" s="71">
        <v>2</v>
      </c>
      <c r="IB29" s="72">
        <v>4</v>
      </c>
      <c r="IC29" s="244"/>
      <c r="ID29" s="71">
        <v>5</v>
      </c>
      <c r="IE29" s="71">
        <v>2</v>
      </c>
      <c r="IF29" s="71">
        <v>1</v>
      </c>
      <c r="IG29" s="71">
        <v>1</v>
      </c>
      <c r="IH29" s="71">
        <v>1</v>
      </c>
      <c r="II29" s="72">
        <v>10</v>
      </c>
      <c r="IJ29" s="73">
        <v>14</v>
      </c>
      <c r="IK29" s="70">
        <v>1</v>
      </c>
      <c r="IL29" s="71">
        <v>3</v>
      </c>
      <c r="IM29" s="72">
        <v>4</v>
      </c>
      <c r="IN29" s="244"/>
      <c r="IO29" s="71">
        <v>6</v>
      </c>
      <c r="IP29" s="71">
        <v>2</v>
      </c>
      <c r="IQ29" s="71">
        <v>0</v>
      </c>
      <c r="IR29" s="71">
        <v>3</v>
      </c>
      <c r="IS29" s="71">
        <v>0</v>
      </c>
      <c r="IT29" s="72">
        <v>11</v>
      </c>
      <c r="IU29" s="73">
        <v>15</v>
      </c>
      <c r="IV29" s="70">
        <v>5</v>
      </c>
      <c r="IW29" s="71">
        <v>5</v>
      </c>
      <c r="IX29" s="72">
        <v>10</v>
      </c>
      <c r="IY29" s="244"/>
      <c r="IZ29" s="71">
        <v>7</v>
      </c>
      <c r="JA29" s="71">
        <v>7</v>
      </c>
      <c r="JB29" s="71">
        <v>3</v>
      </c>
      <c r="JC29" s="71">
        <v>3</v>
      </c>
      <c r="JD29" s="71">
        <v>3</v>
      </c>
      <c r="JE29" s="72">
        <v>23</v>
      </c>
      <c r="JF29" s="73">
        <v>33</v>
      </c>
      <c r="JG29" s="70">
        <v>4</v>
      </c>
      <c r="JH29" s="71">
        <v>6</v>
      </c>
      <c r="JI29" s="72">
        <v>10</v>
      </c>
      <c r="JJ29" s="244"/>
      <c r="JK29" s="71">
        <v>13</v>
      </c>
      <c r="JL29" s="71">
        <v>9</v>
      </c>
      <c r="JM29" s="71">
        <v>6</v>
      </c>
      <c r="JN29" s="71">
        <v>3</v>
      </c>
      <c r="JO29" s="71">
        <v>3</v>
      </c>
      <c r="JP29" s="72">
        <v>34</v>
      </c>
      <c r="JQ29" s="73">
        <v>44</v>
      </c>
      <c r="JR29" s="70">
        <v>0</v>
      </c>
      <c r="JS29" s="71">
        <v>0</v>
      </c>
      <c r="JT29" s="72">
        <v>0</v>
      </c>
      <c r="JU29" s="244"/>
      <c r="JV29" s="71">
        <v>0</v>
      </c>
      <c r="JW29" s="71">
        <v>0</v>
      </c>
      <c r="JX29" s="71">
        <v>0</v>
      </c>
      <c r="JY29" s="71">
        <v>0</v>
      </c>
      <c r="JZ29" s="71">
        <v>0</v>
      </c>
      <c r="KA29" s="72">
        <v>0</v>
      </c>
      <c r="KB29" s="73">
        <v>0</v>
      </c>
      <c r="KC29" s="70">
        <v>17</v>
      </c>
      <c r="KD29" s="71">
        <v>16</v>
      </c>
      <c r="KE29" s="72">
        <v>33</v>
      </c>
      <c r="KF29" s="244"/>
      <c r="KG29" s="71">
        <v>32</v>
      </c>
      <c r="KH29" s="71">
        <v>24</v>
      </c>
      <c r="KI29" s="71">
        <v>12</v>
      </c>
      <c r="KJ29" s="71">
        <v>11</v>
      </c>
      <c r="KK29" s="71">
        <v>9</v>
      </c>
      <c r="KL29" s="72">
        <v>88</v>
      </c>
      <c r="KM29" s="73">
        <v>121</v>
      </c>
    </row>
    <row r="30" spans="2:299" ht="21" customHeight="1" x14ac:dyDescent="0.2">
      <c r="B30" s="126" t="s">
        <v>27</v>
      </c>
      <c r="C30" s="313">
        <v>12</v>
      </c>
      <c r="D30" s="82">
        <v>14</v>
      </c>
      <c r="E30" s="83">
        <v>26</v>
      </c>
      <c r="F30" s="241"/>
      <c r="G30" s="82">
        <v>12</v>
      </c>
      <c r="H30" s="82">
        <v>13</v>
      </c>
      <c r="I30" s="82">
        <v>7</v>
      </c>
      <c r="J30" s="82">
        <v>9</v>
      </c>
      <c r="K30" s="82">
        <v>2</v>
      </c>
      <c r="L30" s="84">
        <v>43</v>
      </c>
      <c r="M30" s="85">
        <v>69</v>
      </c>
      <c r="N30" s="70">
        <v>0</v>
      </c>
      <c r="O30" s="71">
        <v>1</v>
      </c>
      <c r="P30" s="72">
        <v>1</v>
      </c>
      <c r="Q30" s="244"/>
      <c r="R30" s="71">
        <v>0</v>
      </c>
      <c r="S30" s="71">
        <v>0</v>
      </c>
      <c r="T30" s="71">
        <v>0</v>
      </c>
      <c r="U30" s="71">
        <v>1</v>
      </c>
      <c r="V30" s="71">
        <v>0</v>
      </c>
      <c r="W30" s="72">
        <v>1</v>
      </c>
      <c r="X30" s="73">
        <v>2</v>
      </c>
      <c r="Y30" s="70">
        <v>1</v>
      </c>
      <c r="Z30" s="71">
        <v>0</v>
      </c>
      <c r="AA30" s="72">
        <v>1</v>
      </c>
      <c r="AB30" s="244"/>
      <c r="AC30" s="71">
        <v>1</v>
      </c>
      <c r="AD30" s="71">
        <v>2</v>
      </c>
      <c r="AE30" s="71">
        <v>0</v>
      </c>
      <c r="AF30" s="71">
        <v>0</v>
      </c>
      <c r="AG30" s="71">
        <v>0</v>
      </c>
      <c r="AH30" s="72">
        <v>3</v>
      </c>
      <c r="AI30" s="73">
        <v>4</v>
      </c>
      <c r="AJ30" s="70">
        <v>1</v>
      </c>
      <c r="AK30" s="71">
        <v>3</v>
      </c>
      <c r="AL30" s="72">
        <v>4</v>
      </c>
      <c r="AM30" s="244"/>
      <c r="AN30" s="71">
        <v>0</v>
      </c>
      <c r="AO30" s="71">
        <v>1</v>
      </c>
      <c r="AP30" s="71">
        <v>0</v>
      </c>
      <c r="AQ30" s="71">
        <v>0</v>
      </c>
      <c r="AR30" s="71">
        <v>0</v>
      </c>
      <c r="AS30" s="72">
        <v>1</v>
      </c>
      <c r="AT30" s="73">
        <v>5</v>
      </c>
      <c r="AU30" s="70">
        <v>5</v>
      </c>
      <c r="AV30" s="71">
        <v>4</v>
      </c>
      <c r="AW30" s="72">
        <v>9</v>
      </c>
      <c r="AX30" s="244"/>
      <c r="AY30" s="71">
        <v>4</v>
      </c>
      <c r="AZ30" s="71">
        <v>4</v>
      </c>
      <c r="BA30" s="71">
        <v>2</v>
      </c>
      <c r="BB30" s="71">
        <v>2</v>
      </c>
      <c r="BC30" s="71">
        <v>0</v>
      </c>
      <c r="BD30" s="72">
        <v>12</v>
      </c>
      <c r="BE30" s="73">
        <v>21</v>
      </c>
      <c r="BF30" s="70">
        <v>2</v>
      </c>
      <c r="BG30" s="71">
        <v>4</v>
      </c>
      <c r="BH30" s="72">
        <v>6</v>
      </c>
      <c r="BI30" s="244"/>
      <c r="BJ30" s="71">
        <v>2</v>
      </c>
      <c r="BK30" s="71">
        <v>2</v>
      </c>
      <c r="BL30" s="71">
        <v>2</v>
      </c>
      <c r="BM30" s="71">
        <v>5</v>
      </c>
      <c r="BN30" s="71">
        <v>2</v>
      </c>
      <c r="BO30" s="72">
        <v>13</v>
      </c>
      <c r="BP30" s="73">
        <v>19</v>
      </c>
      <c r="BQ30" s="70">
        <v>3</v>
      </c>
      <c r="BR30" s="71">
        <v>2</v>
      </c>
      <c r="BS30" s="72">
        <v>5</v>
      </c>
      <c r="BT30" s="244"/>
      <c r="BU30" s="71">
        <v>5</v>
      </c>
      <c r="BV30" s="71">
        <v>4</v>
      </c>
      <c r="BW30" s="71">
        <v>3</v>
      </c>
      <c r="BX30" s="71">
        <v>1</v>
      </c>
      <c r="BY30" s="71">
        <v>0</v>
      </c>
      <c r="BZ30" s="72">
        <v>13</v>
      </c>
      <c r="CA30" s="73">
        <v>18</v>
      </c>
      <c r="CB30" s="70">
        <v>0</v>
      </c>
      <c r="CC30" s="71">
        <v>0</v>
      </c>
      <c r="CD30" s="72">
        <v>0</v>
      </c>
      <c r="CE30" s="244"/>
      <c r="CF30" s="71">
        <v>0</v>
      </c>
      <c r="CG30" s="71">
        <v>0</v>
      </c>
      <c r="CH30" s="71">
        <v>0</v>
      </c>
      <c r="CI30" s="71">
        <v>0</v>
      </c>
      <c r="CJ30" s="71">
        <v>0</v>
      </c>
      <c r="CK30" s="72">
        <v>0</v>
      </c>
      <c r="CL30" s="73">
        <v>0</v>
      </c>
      <c r="CM30" s="70">
        <v>12</v>
      </c>
      <c r="CN30" s="71">
        <v>14</v>
      </c>
      <c r="CO30" s="72">
        <v>26</v>
      </c>
      <c r="CP30" s="244"/>
      <c r="CQ30" s="71">
        <v>12</v>
      </c>
      <c r="CR30" s="71">
        <v>13</v>
      </c>
      <c r="CS30" s="71">
        <v>7</v>
      </c>
      <c r="CT30" s="71">
        <v>9</v>
      </c>
      <c r="CU30" s="71">
        <v>2</v>
      </c>
      <c r="CV30" s="72">
        <v>43</v>
      </c>
      <c r="CW30" s="73">
        <v>69</v>
      </c>
      <c r="CX30" s="123">
        <v>7</v>
      </c>
      <c r="CY30" s="82">
        <v>4</v>
      </c>
      <c r="CZ30" s="83">
        <v>11</v>
      </c>
      <c r="DA30" s="241"/>
      <c r="DB30" s="82">
        <v>4</v>
      </c>
      <c r="DC30" s="82">
        <v>2</v>
      </c>
      <c r="DD30" s="82">
        <v>8</v>
      </c>
      <c r="DE30" s="82">
        <v>1</v>
      </c>
      <c r="DF30" s="82">
        <v>1</v>
      </c>
      <c r="DG30" s="84">
        <v>16</v>
      </c>
      <c r="DH30" s="85">
        <v>27</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1</v>
      </c>
      <c r="DZ30" s="71">
        <v>1</v>
      </c>
      <c r="EA30" s="71">
        <v>0</v>
      </c>
      <c r="EB30" s="71">
        <v>0</v>
      </c>
      <c r="EC30" s="72">
        <v>2</v>
      </c>
      <c r="ED30" s="73">
        <v>2</v>
      </c>
      <c r="EE30" s="70">
        <v>2</v>
      </c>
      <c r="EF30" s="71">
        <v>0</v>
      </c>
      <c r="EG30" s="72">
        <v>2</v>
      </c>
      <c r="EH30" s="244"/>
      <c r="EI30" s="71">
        <v>0</v>
      </c>
      <c r="EJ30" s="71">
        <v>1</v>
      </c>
      <c r="EK30" s="71">
        <v>0</v>
      </c>
      <c r="EL30" s="71">
        <v>0</v>
      </c>
      <c r="EM30" s="71">
        <v>0</v>
      </c>
      <c r="EN30" s="72">
        <v>1</v>
      </c>
      <c r="EO30" s="73">
        <v>3</v>
      </c>
      <c r="EP30" s="70">
        <v>3</v>
      </c>
      <c r="EQ30" s="71">
        <v>0</v>
      </c>
      <c r="ER30" s="72">
        <v>3</v>
      </c>
      <c r="ES30" s="244"/>
      <c r="ET30" s="71">
        <v>1</v>
      </c>
      <c r="EU30" s="71">
        <v>0</v>
      </c>
      <c r="EV30" s="71">
        <v>0</v>
      </c>
      <c r="EW30" s="71">
        <v>0</v>
      </c>
      <c r="EX30" s="71">
        <v>0</v>
      </c>
      <c r="EY30" s="72">
        <v>1</v>
      </c>
      <c r="EZ30" s="73">
        <v>4</v>
      </c>
      <c r="FA30" s="70">
        <v>1</v>
      </c>
      <c r="FB30" s="71">
        <v>2</v>
      </c>
      <c r="FC30" s="72">
        <v>3</v>
      </c>
      <c r="FD30" s="244"/>
      <c r="FE30" s="71">
        <v>1</v>
      </c>
      <c r="FF30" s="71">
        <v>0</v>
      </c>
      <c r="FG30" s="71">
        <v>3</v>
      </c>
      <c r="FH30" s="71">
        <v>0</v>
      </c>
      <c r="FI30" s="71">
        <v>0</v>
      </c>
      <c r="FJ30" s="72">
        <v>4</v>
      </c>
      <c r="FK30" s="73">
        <v>7</v>
      </c>
      <c r="FL30" s="70">
        <v>1</v>
      </c>
      <c r="FM30" s="71">
        <v>2</v>
      </c>
      <c r="FN30" s="72">
        <v>3</v>
      </c>
      <c r="FO30" s="244"/>
      <c r="FP30" s="71">
        <v>2</v>
      </c>
      <c r="FQ30" s="71">
        <v>0</v>
      </c>
      <c r="FR30" s="71">
        <v>4</v>
      </c>
      <c r="FS30" s="71">
        <v>1</v>
      </c>
      <c r="FT30" s="71">
        <v>1</v>
      </c>
      <c r="FU30" s="72">
        <v>8</v>
      </c>
      <c r="FV30" s="73">
        <v>11</v>
      </c>
      <c r="FW30" s="70">
        <v>0</v>
      </c>
      <c r="FX30" s="71">
        <v>0</v>
      </c>
      <c r="FY30" s="72">
        <v>0</v>
      </c>
      <c r="FZ30" s="244"/>
      <c r="GA30" s="71">
        <v>0</v>
      </c>
      <c r="GB30" s="71">
        <v>0</v>
      </c>
      <c r="GC30" s="71">
        <v>0</v>
      </c>
      <c r="GD30" s="71">
        <v>0</v>
      </c>
      <c r="GE30" s="71">
        <v>0</v>
      </c>
      <c r="GF30" s="72">
        <v>0</v>
      </c>
      <c r="GG30" s="73">
        <v>0</v>
      </c>
      <c r="GH30" s="70">
        <v>7</v>
      </c>
      <c r="GI30" s="71">
        <v>4</v>
      </c>
      <c r="GJ30" s="72">
        <v>11</v>
      </c>
      <c r="GK30" s="244"/>
      <c r="GL30" s="71">
        <v>4</v>
      </c>
      <c r="GM30" s="71">
        <v>2</v>
      </c>
      <c r="GN30" s="71">
        <v>8</v>
      </c>
      <c r="GO30" s="71">
        <v>1</v>
      </c>
      <c r="GP30" s="71">
        <v>1</v>
      </c>
      <c r="GQ30" s="72">
        <v>16</v>
      </c>
      <c r="GR30" s="73">
        <v>27</v>
      </c>
      <c r="GS30" s="123">
        <v>19</v>
      </c>
      <c r="GT30" s="82">
        <v>18</v>
      </c>
      <c r="GU30" s="83">
        <v>37</v>
      </c>
      <c r="GV30" s="241"/>
      <c r="GW30" s="82">
        <v>16</v>
      </c>
      <c r="GX30" s="82">
        <v>15</v>
      </c>
      <c r="GY30" s="82">
        <v>15</v>
      </c>
      <c r="GZ30" s="82">
        <v>10</v>
      </c>
      <c r="HA30" s="82">
        <v>3</v>
      </c>
      <c r="HB30" s="84">
        <v>59</v>
      </c>
      <c r="HC30" s="85">
        <v>96</v>
      </c>
      <c r="HD30" s="70">
        <v>0</v>
      </c>
      <c r="HE30" s="71">
        <v>1</v>
      </c>
      <c r="HF30" s="72">
        <v>1</v>
      </c>
      <c r="HG30" s="244"/>
      <c r="HH30" s="71">
        <v>0</v>
      </c>
      <c r="HI30" s="71">
        <v>0</v>
      </c>
      <c r="HJ30" s="71">
        <v>0</v>
      </c>
      <c r="HK30" s="71">
        <v>1</v>
      </c>
      <c r="HL30" s="71">
        <v>0</v>
      </c>
      <c r="HM30" s="72">
        <v>1</v>
      </c>
      <c r="HN30" s="73">
        <v>2</v>
      </c>
      <c r="HO30" s="70">
        <v>1</v>
      </c>
      <c r="HP30" s="71">
        <v>0</v>
      </c>
      <c r="HQ30" s="72">
        <v>1</v>
      </c>
      <c r="HR30" s="244"/>
      <c r="HS30" s="71">
        <v>1</v>
      </c>
      <c r="HT30" s="71">
        <v>3</v>
      </c>
      <c r="HU30" s="71">
        <v>1</v>
      </c>
      <c r="HV30" s="71">
        <v>0</v>
      </c>
      <c r="HW30" s="71">
        <v>0</v>
      </c>
      <c r="HX30" s="72">
        <v>5</v>
      </c>
      <c r="HY30" s="73">
        <v>6</v>
      </c>
      <c r="HZ30" s="70">
        <v>3</v>
      </c>
      <c r="IA30" s="71">
        <v>3</v>
      </c>
      <c r="IB30" s="72">
        <v>6</v>
      </c>
      <c r="IC30" s="244"/>
      <c r="ID30" s="71">
        <v>0</v>
      </c>
      <c r="IE30" s="71">
        <v>2</v>
      </c>
      <c r="IF30" s="71">
        <v>0</v>
      </c>
      <c r="IG30" s="71">
        <v>0</v>
      </c>
      <c r="IH30" s="71">
        <v>0</v>
      </c>
      <c r="II30" s="72">
        <v>2</v>
      </c>
      <c r="IJ30" s="73">
        <v>8</v>
      </c>
      <c r="IK30" s="70">
        <v>8</v>
      </c>
      <c r="IL30" s="71">
        <v>4</v>
      </c>
      <c r="IM30" s="72">
        <v>12</v>
      </c>
      <c r="IN30" s="244"/>
      <c r="IO30" s="71">
        <v>5</v>
      </c>
      <c r="IP30" s="71">
        <v>4</v>
      </c>
      <c r="IQ30" s="71">
        <v>2</v>
      </c>
      <c r="IR30" s="71">
        <v>2</v>
      </c>
      <c r="IS30" s="71">
        <v>0</v>
      </c>
      <c r="IT30" s="72">
        <v>13</v>
      </c>
      <c r="IU30" s="73">
        <v>25</v>
      </c>
      <c r="IV30" s="70">
        <v>3</v>
      </c>
      <c r="IW30" s="71">
        <v>6</v>
      </c>
      <c r="IX30" s="72">
        <v>9</v>
      </c>
      <c r="IY30" s="244"/>
      <c r="IZ30" s="71">
        <v>3</v>
      </c>
      <c r="JA30" s="71">
        <v>2</v>
      </c>
      <c r="JB30" s="71">
        <v>5</v>
      </c>
      <c r="JC30" s="71">
        <v>5</v>
      </c>
      <c r="JD30" s="71">
        <v>2</v>
      </c>
      <c r="JE30" s="72">
        <v>17</v>
      </c>
      <c r="JF30" s="73">
        <v>26</v>
      </c>
      <c r="JG30" s="70">
        <v>4</v>
      </c>
      <c r="JH30" s="71">
        <v>4</v>
      </c>
      <c r="JI30" s="72">
        <v>8</v>
      </c>
      <c r="JJ30" s="244"/>
      <c r="JK30" s="71">
        <v>7</v>
      </c>
      <c r="JL30" s="71">
        <v>4</v>
      </c>
      <c r="JM30" s="71">
        <v>7</v>
      </c>
      <c r="JN30" s="71">
        <v>2</v>
      </c>
      <c r="JO30" s="71">
        <v>1</v>
      </c>
      <c r="JP30" s="72">
        <v>21</v>
      </c>
      <c r="JQ30" s="73">
        <v>29</v>
      </c>
      <c r="JR30" s="70">
        <v>0</v>
      </c>
      <c r="JS30" s="71">
        <v>0</v>
      </c>
      <c r="JT30" s="72">
        <v>0</v>
      </c>
      <c r="JU30" s="244"/>
      <c r="JV30" s="71">
        <v>0</v>
      </c>
      <c r="JW30" s="71">
        <v>0</v>
      </c>
      <c r="JX30" s="71">
        <v>0</v>
      </c>
      <c r="JY30" s="71">
        <v>0</v>
      </c>
      <c r="JZ30" s="71">
        <v>0</v>
      </c>
      <c r="KA30" s="72">
        <v>0</v>
      </c>
      <c r="KB30" s="73">
        <v>0</v>
      </c>
      <c r="KC30" s="70">
        <v>19</v>
      </c>
      <c r="KD30" s="71">
        <v>18</v>
      </c>
      <c r="KE30" s="72">
        <v>37</v>
      </c>
      <c r="KF30" s="244"/>
      <c r="KG30" s="71">
        <v>16</v>
      </c>
      <c r="KH30" s="71">
        <v>15</v>
      </c>
      <c r="KI30" s="71">
        <v>15</v>
      </c>
      <c r="KJ30" s="71">
        <v>10</v>
      </c>
      <c r="KK30" s="71">
        <v>3</v>
      </c>
      <c r="KL30" s="72">
        <v>59</v>
      </c>
      <c r="KM30" s="73">
        <v>96</v>
      </c>
    </row>
    <row r="31" spans="2:299" ht="21" customHeight="1" x14ac:dyDescent="0.2">
      <c r="B31" s="126" t="s">
        <v>28</v>
      </c>
      <c r="C31" s="313">
        <v>1</v>
      </c>
      <c r="D31" s="82">
        <v>2</v>
      </c>
      <c r="E31" s="83">
        <v>3</v>
      </c>
      <c r="F31" s="241"/>
      <c r="G31" s="82">
        <v>6</v>
      </c>
      <c r="H31" s="82">
        <v>3</v>
      </c>
      <c r="I31" s="82">
        <v>4</v>
      </c>
      <c r="J31" s="82">
        <v>2</v>
      </c>
      <c r="K31" s="82">
        <v>2</v>
      </c>
      <c r="L31" s="84">
        <v>17</v>
      </c>
      <c r="M31" s="85">
        <v>20</v>
      </c>
      <c r="N31" s="70">
        <v>0</v>
      </c>
      <c r="O31" s="71">
        <v>1</v>
      </c>
      <c r="P31" s="72">
        <v>1</v>
      </c>
      <c r="Q31" s="244"/>
      <c r="R31" s="71">
        <v>0</v>
      </c>
      <c r="S31" s="71">
        <v>0</v>
      </c>
      <c r="T31" s="71">
        <v>1</v>
      </c>
      <c r="U31" s="71">
        <v>0</v>
      </c>
      <c r="V31" s="71">
        <v>0</v>
      </c>
      <c r="W31" s="72">
        <v>1</v>
      </c>
      <c r="X31" s="73">
        <v>2</v>
      </c>
      <c r="Y31" s="70">
        <v>0</v>
      </c>
      <c r="Z31" s="71">
        <v>1</v>
      </c>
      <c r="AA31" s="72">
        <v>1</v>
      </c>
      <c r="AB31" s="244"/>
      <c r="AC31" s="71">
        <v>1</v>
      </c>
      <c r="AD31" s="71">
        <v>0</v>
      </c>
      <c r="AE31" s="71">
        <v>0</v>
      </c>
      <c r="AF31" s="71">
        <v>0</v>
      </c>
      <c r="AG31" s="71">
        <v>0</v>
      </c>
      <c r="AH31" s="72">
        <v>1</v>
      </c>
      <c r="AI31" s="73">
        <v>2</v>
      </c>
      <c r="AJ31" s="70">
        <v>0</v>
      </c>
      <c r="AK31" s="71">
        <v>0</v>
      </c>
      <c r="AL31" s="72">
        <v>0</v>
      </c>
      <c r="AM31" s="244"/>
      <c r="AN31" s="71">
        <v>1</v>
      </c>
      <c r="AO31" s="71">
        <v>1</v>
      </c>
      <c r="AP31" s="71">
        <v>0</v>
      </c>
      <c r="AQ31" s="71">
        <v>0</v>
      </c>
      <c r="AR31" s="71">
        <v>1</v>
      </c>
      <c r="AS31" s="72">
        <v>3</v>
      </c>
      <c r="AT31" s="73">
        <v>3</v>
      </c>
      <c r="AU31" s="70">
        <v>0</v>
      </c>
      <c r="AV31" s="71">
        <v>0</v>
      </c>
      <c r="AW31" s="72">
        <v>0</v>
      </c>
      <c r="AX31" s="244"/>
      <c r="AY31" s="71">
        <v>3</v>
      </c>
      <c r="AZ31" s="71">
        <v>2</v>
      </c>
      <c r="BA31" s="71">
        <v>0</v>
      </c>
      <c r="BB31" s="71">
        <v>1</v>
      </c>
      <c r="BC31" s="71">
        <v>0</v>
      </c>
      <c r="BD31" s="72">
        <v>6</v>
      </c>
      <c r="BE31" s="73">
        <v>6</v>
      </c>
      <c r="BF31" s="70">
        <v>1</v>
      </c>
      <c r="BG31" s="71">
        <v>0</v>
      </c>
      <c r="BH31" s="72">
        <v>1</v>
      </c>
      <c r="BI31" s="244"/>
      <c r="BJ31" s="71">
        <v>1</v>
      </c>
      <c r="BK31" s="71">
        <v>0</v>
      </c>
      <c r="BL31" s="71">
        <v>0</v>
      </c>
      <c r="BM31" s="71">
        <v>0</v>
      </c>
      <c r="BN31" s="71">
        <v>0</v>
      </c>
      <c r="BO31" s="72">
        <v>1</v>
      </c>
      <c r="BP31" s="73">
        <v>2</v>
      </c>
      <c r="BQ31" s="70">
        <v>0</v>
      </c>
      <c r="BR31" s="71">
        <v>0</v>
      </c>
      <c r="BS31" s="72">
        <v>0</v>
      </c>
      <c r="BT31" s="244"/>
      <c r="BU31" s="71">
        <v>0</v>
      </c>
      <c r="BV31" s="71">
        <v>0</v>
      </c>
      <c r="BW31" s="71">
        <v>3</v>
      </c>
      <c r="BX31" s="71">
        <v>1</v>
      </c>
      <c r="BY31" s="71">
        <v>1</v>
      </c>
      <c r="BZ31" s="72">
        <v>5</v>
      </c>
      <c r="CA31" s="73">
        <v>5</v>
      </c>
      <c r="CB31" s="70">
        <v>0</v>
      </c>
      <c r="CC31" s="71">
        <v>0</v>
      </c>
      <c r="CD31" s="72">
        <v>0</v>
      </c>
      <c r="CE31" s="244"/>
      <c r="CF31" s="71">
        <v>0</v>
      </c>
      <c r="CG31" s="71">
        <v>0</v>
      </c>
      <c r="CH31" s="71">
        <v>0</v>
      </c>
      <c r="CI31" s="71">
        <v>0</v>
      </c>
      <c r="CJ31" s="71">
        <v>0</v>
      </c>
      <c r="CK31" s="72">
        <v>0</v>
      </c>
      <c r="CL31" s="73">
        <v>0</v>
      </c>
      <c r="CM31" s="70">
        <v>1</v>
      </c>
      <c r="CN31" s="71">
        <v>2</v>
      </c>
      <c r="CO31" s="72">
        <v>3</v>
      </c>
      <c r="CP31" s="244"/>
      <c r="CQ31" s="71">
        <v>6</v>
      </c>
      <c r="CR31" s="71">
        <v>3</v>
      </c>
      <c r="CS31" s="71">
        <v>4</v>
      </c>
      <c r="CT31" s="71">
        <v>2</v>
      </c>
      <c r="CU31" s="71">
        <v>2</v>
      </c>
      <c r="CV31" s="72">
        <v>17</v>
      </c>
      <c r="CW31" s="73">
        <v>20</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1</v>
      </c>
      <c r="GT31" s="82">
        <v>2</v>
      </c>
      <c r="GU31" s="83">
        <v>3</v>
      </c>
      <c r="GV31" s="241"/>
      <c r="GW31" s="82">
        <v>6</v>
      </c>
      <c r="GX31" s="82">
        <v>4</v>
      </c>
      <c r="GY31" s="82">
        <v>5</v>
      </c>
      <c r="GZ31" s="82">
        <v>4</v>
      </c>
      <c r="HA31" s="82">
        <v>2</v>
      </c>
      <c r="HB31" s="84">
        <v>21</v>
      </c>
      <c r="HC31" s="85">
        <v>24</v>
      </c>
      <c r="HD31" s="70">
        <v>0</v>
      </c>
      <c r="HE31" s="71">
        <v>1</v>
      </c>
      <c r="HF31" s="72">
        <v>1</v>
      </c>
      <c r="HG31" s="244"/>
      <c r="HH31" s="71">
        <v>0</v>
      </c>
      <c r="HI31" s="71">
        <v>0</v>
      </c>
      <c r="HJ31" s="71">
        <v>1</v>
      </c>
      <c r="HK31" s="71">
        <v>0</v>
      </c>
      <c r="HL31" s="71">
        <v>0</v>
      </c>
      <c r="HM31" s="72">
        <v>1</v>
      </c>
      <c r="HN31" s="73">
        <v>2</v>
      </c>
      <c r="HO31" s="70">
        <v>0</v>
      </c>
      <c r="HP31" s="71">
        <v>1</v>
      </c>
      <c r="HQ31" s="72">
        <v>1</v>
      </c>
      <c r="HR31" s="244"/>
      <c r="HS31" s="71">
        <v>1</v>
      </c>
      <c r="HT31" s="71">
        <v>0</v>
      </c>
      <c r="HU31" s="71">
        <v>1</v>
      </c>
      <c r="HV31" s="71">
        <v>0</v>
      </c>
      <c r="HW31" s="71">
        <v>0</v>
      </c>
      <c r="HX31" s="72">
        <v>2</v>
      </c>
      <c r="HY31" s="73">
        <v>3</v>
      </c>
      <c r="HZ31" s="70">
        <v>0</v>
      </c>
      <c r="IA31" s="71">
        <v>0</v>
      </c>
      <c r="IB31" s="72">
        <v>0</v>
      </c>
      <c r="IC31" s="244"/>
      <c r="ID31" s="71">
        <v>1</v>
      </c>
      <c r="IE31" s="71">
        <v>1</v>
      </c>
      <c r="IF31" s="71">
        <v>0</v>
      </c>
      <c r="IG31" s="71">
        <v>0</v>
      </c>
      <c r="IH31" s="71">
        <v>1</v>
      </c>
      <c r="II31" s="72">
        <v>3</v>
      </c>
      <c r="IJ31" s="73">
        <v>3</v>
      </c>
      <c r="IK31" s="70">
        <v>0</v>
      </c>
      <c r="IL31" s="71">
        <v>0</v>
      </c>
      <c r="IM31" s="72">
        <v>0</v>
      </c>
      <c r="IN31" s="244"/>
      <c r="IO31" s="71">
        <v>3</v>
      </c>
      <c r="IP31" s="71">
        <v>3</v>
      </c>
      <c r="IQ31" s="71">
        <v>0</v>
      </c>
      <c r="IR31" s="71">
        <v>1</v>
      </c>
      <c r="IS31" s="71">
        <v>0</v>
      </c>
      <c r="IT31" s="72">
        <v>7</v>
      </c>
      <c r="IU31" s="73">
        <v>7</v>
      </c>
      <c r="IV31" s="70">
        <v>1</v>
      </c>
      <c r="IW31" s="71">
        <v>0</v>
      </c>
      <c r="IX31" s="72">
        <v>1</v>
      </c>
      <c r="IY31" s="244"/>
      <c r="IZ31" s="71">
        <v>1</v>
      </c>
      <c r="JA31" s="71">
        <v>0</v>
      </c>
      <c r="JB31" s="71">
        <v>0</v>
      </c>
      <c r="JC31" s="71">
        <v>2</v>
      </c>
      <c r="JD31" s="71">
        <v>0</v>
      </c>
      <c r="JE31" s="72">
        <v>3</v>
      </c>
      <c r="JF31" s="73">
        <v>4</v>
      </c>
      <c r="JG31" s="70">
        <v>0</v>
      </c>
      <c r="JH31" s="71">
        <v>0</v>
      </c>
      <c r="JI31" s="72">
        <v>0</v>
      </c>
      <c r="JJ31" s="244"/>
      <c r="JK31" s="71">
        <v>0</v>
      </c>
      <c r="JL31" s="71">
        <v>0</v>
      </c>
      <c r="JM31" s="71">
        <v>3</v>
      </c>
      <c r="JN31" s="71">
        <v>1</v>
      </c>
      <c r="JO31" s="71">
        <v>1</v>
      </c>
      <c r="JP31" s="72">
        <v>5</v>
      </c>
      <c r="JQ31" s="73">
        <v>5</v>
      </c>
      <c r="JR31" s="70">
        <v>0</v>
      </c>
      <c r="JS31" s="71">
        <v>0</v>
      </c>
      <c r="JT31" s="72">
        <v>0</v>
      </c>
      <c r="JU31" s="244"/>
      <c r="JV31" s="71">
        <v>0</v>
      </c>
      <c r="JW31" s="71">
        <v>0</v>
      </c>
      <c r="JX31" s="71">
        <v>0</v>
      </c>
      <c r="JY31" s="71">
        <v>0</v>
      </c>
      <c r="JZ31" s="71">
        <v>0</v>
      </c>
      <c r="KA31" s="72">
        <v>0</v>
      </c>
      <c r="KB31" s="73">
        <v>0</v>
      </c>
      <c r="KC31" s="70">
        <v>1</v>
      </c>
      <c r="KD31" s="71">
        <v>2</v>
      </c>
      <c r="KE31" s="72">
        <v>3</v>
      </c>
      <c r="KF31" s="244"/>
      <c r="KG31" s="71">
        <v>6</v>
      </c>
      <c r="KH31" s="71">
        <v>4</v>
      </c>
      <c r="KI31" s="71">
        <v>5</v>
      </c>
      <c r="KJ31" s="71">
        <v>4</v>
      </c>
      <c r="KK31" s="71">
        <v>2</v>
      </c>
      <c r="KL31" s="72">
        <v>21</v>
      </c>
      <c r="KM31" s="73">
        <v>24</v>
      </c>
    </row>
    <row r="32" spans="2:299" ht="21" customHeight="1" x14ac:dyDescent="0.2">
      <c r="B32" s="126" t="s">
        <v>29</v>
      </c>
      <c r="C32" s="313">
        <v>1</v>
      </c>
      <c r="D32" s="82">
        <v>4</v>
      </c>
      <c r="E32" s="83">
        <v>5</v>
      </c>
      <c r="F32" s="241"/>
      <c r="G32" s="82">
        <v>8</v>
      </c>
      <c r="H32" s="82">
        <v>3</v>
      </c>
      <c r="I32" s="82">
        <v>5</v>
      </c>
      <c r="J32" s="82">
        <v>5</v>
      </c>
      <c r="K32" s="82">
        <v>0</v>
      </c>
      <c r="L32" s="84">
        <v>21</v>
      </c>
      <c r="M32" s="85">
        <v>26</v>
      </c>
      <c r="N32" s="70">
        <v>0</v>
      </c>
      <c r="O32" s="71">
        <v>0</v>
      </c>
      <c r="P32" s="72">
        <v>0</v>
      </c>
      <c r="Q32" s="244"/>
      <c r="R32" s="71">
        <v>0</v>
      </c>
      <c r="S32" s="71">
        <v>0</v>
      </c>
      <c r="T32" s="71">
        <v>1</v>
      </c>
      <c r="U32" s="71">
        <v>0</v>
      </c>
      <c r="V32" s="71">
        <v>0</v>
      </c>
      <c r="W32" s="72">
        <v>1</v>
      </c>
      <c r="X32" s="73">
        <v>1</v>
      </c>
      <c r="Y32" s="70">
        <v>0</v>
      </c>
      <c r="Z32" s="71">
        <v>0</v>
      </c>
      <c r="AA32" s="72">
        <v>0</v>
      </c>
      <c r="AB32" s="244"/>
      <c r="AC32" s="71">
        <v>0</v>
      </c>
      <c r="AD32" s="71">
        <v>1</v>
      </c>
      <c r="AE32" s="71">
        <v>0</v>
      </c>
      <c r="AF32" s="71">
        <v>1</v>
      </c>
      <c r="AG32" s="71">
        <v>0</v>
      </c>
      <c r="AH32" s="72">
        <v>2</v>
      </c>
      <c r="AI32" s="73">
        <v>2</v>
      </c>
      <c r="AJ32" s="70">
        <v>0</v>
      </c>
      <c r="AK32" s="71">
        <v>1</v>
      </c>
      <c r="AL32" s="72">
        <v>1</v>
      </c>
      <c r="AM32" s="244"/>
      <c r="AN32" s="71">
        <v>1</v>
      </c>
      <c r="AO32" s="71">
        <v>0</v>
      </c>
      <c r="AP32" s="71">
        <v>1</v>
      </c>
      <c r="AQ32" s="71">
        <v>0</v>
      </c>
      <c r="AR32" s="71">
        <v>0</v>
      </c>
      <c r="AS32" s="72">
        <v>2</v>
      </c>
      <c r="AT32" s="73">
        <v>3</v>
      </c>
      <c r="AU32" s="70">
        <v>0</v>
      </c>
      <c r="AV32" s="71">
        <v>1</v>
      </c>
      <c r="AW32" s="72">
        <v>1</v>
      </c>
      <c r="AX32" s="244"/>
      <c r="AY32" s="71">
        <v>3</v>
      </c>
      <c r="AZ32" s="71">
        <v>0</v>
      </c>
      <c r="BA32" s="71">
        <v>1</v>
      </c>
      <c r="BB32" s="71">
        <v>1</v>
      </c>
      <c r="BC32" s="71">
        <v>0</v>
      </c>
      <c r="BD32" s="72">
        <v>5</v>
      </c>
      <c r="BE32" s="73">
        <v>6</v>
      </c>
      <c r="BF32" s="70">
        <v>0</v>
      </c>
      <c r="BG32" s="71">
        <v>2</v>
      </c>
      <c r="BH32" s="72">
        <v>2</v>
      </c>
      <c r="BI32" s="244"/>
      <c r="BJ32" s="71">
        <v>2</v>
      </c>
      <c r="BK32" s="71">
        <v>0</v>
      </c>
      <c r="BL32" s="71">
        <v>1</v>
      </c>
      <c r="BM32" s="71">
        <v>1</v>
      </c>
      <c r="BN32" s="71">
        <v>0</v>
      </c>
      <c r="BO32" s="72">
        <v>4</v>
      </c>
      <c r="BP32" s="73">
        <v>6</v>
      </c>
      <c r="BQ32" s="70">
        <v>1</v>
      </c>
      <c r="BR32" s="71">
        <v>0</v>
      </c>
      <c r="BS32" s="72">
        <v>1</v>
      </c>
      <c r="BT32" s="244"/>
      <c r="BU32" s="71">
        <v>2</v>
      </c>
      <c r="BV32" s="71">
        <v>2</v>
      </c>
      <c r="BW32" s="71">
        <v>1</v>
      </c>
      <c r="BX32" s="71">
        <v>2</v>
      </c>
      <c r="BY32" s="71">
        <v>0</v>
      </c>
      <c r="BZ32" s="72">
        <v>7</v>
      </c>
      <c r="CA32" s="73">
        <v>8</v>
      </c>
      <c r="CB32" s="70">
        <v>0</v>
      </c>
      <c r="CC32" s="71">
        <v>0</v>
      </c>
      <c r="CD32" s="72">
        <v>0</v>
      </c>
      <c r="CE32" s="244"/>
      <c r="CF32" s="71">
        <v>0</v>
      </c>
      <c r="CG32" s="71">
        <v>0</v>
      </c>
      <c r="CH32" s="71">
        <v>0</v>
      </c>
      <c r="CI32" s="71">
        <v>0</v>
      </c>
      <c r="CJ32" s="71">
        <v>0</v>
      </c>
      <c r="CK32" s="72">
        <v>0</v>
      </c>
      <c r="CL32" s="73">
        <v>0</v>
      </c>
      <c r="CM32" s="70">
        <v>1</v>
      </c>
      <c r="CN32" s="71">
        <v>4</v>
      </c>
      <c r="CO32" s="72">
        <v>5</v>
      </c>
      <c r="CP32" s="244"/>
      <c r="CQ32" s="71">
        <v>8</v>
      </c>
      <c r="CR32" s="71">
        <v>3</v>
      </c>
      <c r="CS32" s="71">
        <v>5</v>
      </c>
      <c r="CT32" s="71">
        <v>5</v>
      </c>
      <c r="CU32" s="71">
        <v>0</v>
      </c>
      <c r="CV32" s="72">
        <v>21</v>
      </c>
      <c r="CW32" s="73">
        <v>26</v>
      </c>
      <c r="CX32" s="123">
        <v>2</v>
      </c>
      <c r="CY32" s="82">
        <v>2</v>
      </c>
      <c r="CZ32" s="83">
        <v>4</v>
      </c>
      <c r="DA32" s="241"/>
      <c r="DB32" s="82">
        <v>4</v>
      </c>
      <c r="DC32" s="82">
        <v>1</v>
      </c>
      <c r="DD32" s="82">
        <v>1</v>
      </c>
      <c r="DE32" s="82">
        <v>2</v>
      </c>
      <c r="DF32" s="82">
        <v>1</v>
      </c>
      <c r="DG32" s="84">
        <v>9</v>
      </c>
      <c r="DH32" s="85">
        <v>13</v>
      </c>
      <c r="DI32" s="70">
        <v>0</v>
      </c>
      <c r="DJ32" s="71">
        <v>1</v>
      </c>
      <c r="DK32" s="72">
        <v>1</v>
      </c>
      <c r="DL32" s="244"/>
      <c r="DM32" s="71">
        <v>0</v>
      </c>
      <c r="DN32" s="71">
        <v>0</v>
      </c>
      <c r="DO32" s="71">
        <v>0</v>
      </c>
      <c r="DP32" s="71">
        <v>0</v>
      </c>
      <c r="DQ32" s="71">
        <v>0</v>
      </c>
      <c r="DR32" s="72">
        <v>0</v>
      </c>
      <c r="DS32" s="73">
        <v>1</v>
      </c>
      <c r="DT32" s="70">
        <v>0</v>
      </c>
      <c r="DU32" s="71">
        <v>0</v>
      </c>
      <c r="DV32" s="72">
        <v>0</v>
      </c>
      <c r="DW32" s="244"/>
      <c r="DX32" s="71">
        <v>0</v>
      </c>
      <c r="DY32" s="71">
        <v>0</v>
      </c>
      <c r="DZ32" s="71">
        <v>0</v>
      </c>
      <c r="EA32" s="71">
        <v>0</v>
      </c>
      <c r="EB32" s="71">
        <v>0</v>
      </c>
      <c r="EC32" s="72">
        <v>0</v>
      </c>
      <c r="ED32" s="73">
        <v>0</v>
      </c>
      <c r="EE32" s="70">
        <v>0</v>
      </c>
      <c r="EF32" s="71">
        <v>0</v>
      </c>
      <c r="EG32" s="72">
        <v>0</v>
      </c>
      <c r="EH32" s="244"/>
      <c r="EI32" s="71">
        <v>0</v>
      </c>
      <c r="EJ32" s="71">
        <v>0</v>
      </c>
      <c r="EK32" s="71">
        <v>0</v>
      </c>
      <c r="EL32" s="71">
        <v>0</v>
      </c>
      <c r="EM32" s="71">
        <v>0</v>
      </c>
      <c r="EN32" s="72">
        <v>0</v>
      </c>
      <c r="EO32" s="73">
        <v>0</v>
      </c>
      <c r="EP32" s="70">
        <v>2</v>
      </c>
      <c r="EQ32" s="71">
        <v>1</v>
      </c>
      <c r="ER32" s="72">
        <v>3</v>
      </c>
      <c r="ES32" s="244"/>
      <c r="ET32" s="71">
        <v>3</v>
      </c>
      <c r="EU32" s="71">
        <v>0</v>
      </c>
      <c r="EV32" s="71">
        <v>0</v>
      </c>
      <c r="EW32" s="71">
        <v>0</v>
      </c>
      <c r="EX32" s="71">
        <v>0</v>
      </c>
      <c r="EY32" s="72">
        <v>3</v>
      </c>
      <c r="EZ32" s="73">
        <v>6</v>
      </c>
      <c r="FA32" s="70">
        <v>0</v>
      </c>
      <c r="FB32" s="71">
        <v>0</v>
      </c>
      <c r="FC32" s="72">
        <v>0</v>
      </c>
      <c r="FD32" s="244"/>
      <c r="FE32" s="71">
        <v>1</v>
      </c>
      <c r="FF32" s="71">
        <v>0</v>
      </c>
      <c r="FG32" s="71">
        <v>0</v>
      </c>
      <c r="FH32" s="71">
        <v>0</v>
      </c>
      <c r="FI32" s="71">
        <v>1</v>
      </c>
      <c r="FJ32" s="72">
        <v>2</v>
      </c>
      <c r="FK32" s="73">
        <v>2</v>
      </c>
      <c r="FL32" s="70">
        <v>0</v>
      </c>
      <c r="FM32" s="71">
        <v>0</v>
      </c>
      <c r="FN32" s="72">
        <v>0</v>
      </c>
      <c r="FO32" s="244"/>
      <c r="FP32" s="71">
        <v>0</v>
      </c>
      <c r="FQ32" s="71">
        <v>1</v>
      </c>
      <c r="FR32" s="71">
        <v>1</v>
      </c>
      <c r="FS32" s="71">
        <v>2</v>
      </c>
      <c r="FT32" s="71">
        <v>0</v>
      </c>
      <c r="FU32" s="72">
        <v>4</v>
      </c>
      <c r="FV32" s="73">
        <v>4</v>
      </c>
      <c r="FW32" s="70">
        <v>0</v>
      </c>
      <c r="FX32" s="71">
        <v>0</v>
      </c>
      <c r="FY32" s="72">
        <v>0</v>
      </c>
      <c r="FZ32" s="244"/>
      <c r="GA32" s="71">
        <v>0</v>
      </c>
      <c r="GB32" s="71">
        <v>0</v>
      </c>
      <c r="GC32" s="71">
        <v>0</v>
      </c>
      <c r="GD32" s="71">
        <v>0</v>
      </c>
      <c r="GE32" s="71">
        <v>0</v>
      </c>
      <c r="GF32" s="72">
        <v>0</v>
      </c>
      <c r="GG32" s="73">
        <v>0</v>
      </c>
      <c r="GH32" s="70">
        <v>2</v>
      </c>
      <c r="GI32" s="71">
        <v>2</v>
      </c>
      <c r="GJ32" s="72">
        <v>4</v>
      </c>
      <c r="GK32" s="244"/>
      <c r="GL32" s="71">
        <v>4</v>
      </c>
      <c r="GM32" s="71">
        <v>1</v>
      </c>
      <c r="GN32" s="71">
        <v>1</v>
      </c>
      <c r="GO32" s="71">
        <v>2</v>
      </c>
      <c r="GP32" s="71">
        <v>1</v>
      </c>
      <c r="GQ32" s="72">
        <v>9</v>
      </c>
      <c r="GR32" s="73">
        <v>13</v>
      </c>
      <c r="GS32" s="123">
        <v>3</v>
      </c>
      <c r="GT32" s="82">
        <v>6</v>
      </c>
      <c r="GU32" s="83">
        <v>9</v>
      </c>
      <c r="GV32" s="241"/>
      <c r="GW32" s="82">
        <v>12</v>
      </c>
      <c r="GX32" s="82">
        <v>4</v>
      </c>
      <c r="GY32" s="82">
        <v>6</v>
      </c>
      <c r="GZ32" s="82">
        <v>7</v>
      </c>
      <c r="HA32" s="82">
        <v>1</v>
      </c>
      <c r="HB32" s="84">
        <v>30</v>
      </c>
      <c r="HC32" s="85">
        <v>39</v>
      </c>
      <c r="HD32" s="70">
        <v>0</v>
      </c>
      <c r="HE32" s="71">
        <v>1</v>
      </c>
      <c r="HF32" s="72">
        <v>1</v>
      </c>
      <c r="HG32" s="244"/>
      <c r="HH32" s="71">
        <v>0</v>
      </c>
      <c r="HI32" s="71">
        <v>0</v>
      </c>
      <c r="HJ32" s="71">
        <v>1</v>
      </c>
      <c r="HK32" s="71">
        <v>0</v>
      </c>
      <c r="HL32" s="71">
        <v>0</v>
      </c>
      <c r="HM32" s="72">
        <v>1</v>
      </c>
      <c r="HN32" s="73">
        <v>2</v>
      </c>
      <c r="HO32" s="70">
        <v>0</v>
      </c>
      <c r="HP32" s="71">
        <v>0</v>
      </c>
      <c r="HQ32" s="72">
        <v>0</v>
      </c>
      <c r="HR32" s="244"/>
      <c r="HS32" s="71">
        <v>0</v>
      </c>
      <c r="HT32" s="71">
        <v>1</v>
      </c>
      <c r="HU32" s="71">
        <v>0</v>
      </c>
      <c r="HV32" s="71">
        <v>1</v>
      </c>
      <c r="HW32" s="71">
        <v>0</v>
      </c>
      <c r="HX32" s="72">
        <v>2</v>
      </c>
      <c r="HY32" s="73">
        <v>2</v>
      </c>
      <c r="HZ32" s="70">
        <v>0</v>
      </c>
      <c r="IA32" s="71">
        <v>1</v>
      </c>
      <c r="IB32" s="72">
        <v>1</v>
      </c>
      <c r="IC32" s="244"/>
      <c r="ID32" s="71">
        <v>1</v>
      </c>
      <c r="IE32" s="71">
        <v>0</v>
      </c>
      <c r="IF32" s="71">
        <v>1</v>
      </c>
      <c r="IG32" s="71">
        <v>0</v>
      </c>
      <c r="IH32" s="71">
        <v>0</v>
      </c>
      <c r="II32" s="72">
        <v>2</v>
      </c>
      <c r="IJ32" s="73">
        <v>3</v>
      </c>
      <c r="IK32" s="70">
        <v>2</v>
      </c>
      <c r="IL32" s="71">
        <v>2</v>
      </c>
      <c r="IM32" s="72">
        <v>4</v>
      </c>
      <c r="IN32" s="244"/>
      <c r="IO32" s="71">
        <v>6</v>
      </c>
      <c r="IP32" s="71">
        <v>0</v>
      </c>
      <c r="IQ32" s="71">
        <v>1</v>
      </c>
      <c r="IR32" s="71">
        <v>1</v>
      </c>
      <c r="IS32" s="71">
        <v>0</v>
      </c>
      <c r="IT32" s="72">
        <v>8</v>
      </c>
      <c r="IU32" s="73">
        <v>12</v>
      </c>
      <c r="IV32" s="70">
        <v>0</v>
      </c>
      <c r="IW32" s="71">
        <v>2</v>
      </c>
      <c r="IX32" s="72">
        <v>2</v>
      </c>
      <c r="IY32" s="244"/>
      <c r="IZ32" s="71">
        <v>3</v>
      </c>
      <c r="JA32" s="71">
        <v>0</v>
      </c>
      <c r="JB32" s="71">
        <v>1</v>
      </c>
      <c r="JC32" s="71">
        <v>1</v>
      </c>
      <c r="JD32" s="71">
        <v>1</v>
      </c>
      <c r="JE32" s="72">
        <v>6</v>
      </c>
      <c r="JF32" s="73">
        <v>8</v>
      </c>
      <c r="JG32" s="70">
        <v>1</v>
      </c>
      <c r="JH32" s="71">
        <v>0</v>
      </c>
      <c r="JI32" s="72">
        <v>1</v>
      </c>
      <c r="JJ32" s="244"/>
      <c r="JK32" s="71">
        <v>2</v>
      </c>
      <c r="JL32" s="71">
        <v>3</v>
      </c>
      <c r="JM32" s="71">
        <v>2</v>
      </c>
      <c r="JN32" s="71">
        <v>4</v>
      </c>
      <c r="JO32" s="71">
        <v>0</v>
      </c>
      <c r="JP32" s="72">
        <v>11</v>
      </c>
      <c r="JQ32" s="73">
        <v>12</v>
      </c>
      <c r="JR32" s="70">
        <v>0</v>
      </c>
      <c r="JS32" s="71">
        <v>0</v>
      </c>
      <c r="JT32" s="72">
        <v>0</v>
      </c>
      <c r="JU32" s="244"/>
      <c r="JV32" s="71">
        <v>0</v>
      </c>
      <c r="JW32" s="71">
        <v>0</v>
      </c>
      <c r="JX32" s="71">
        <v>0</v>
      </c>
      <c r="JY32" s="71">
        <v>0</v>
      </c>
      <c r="JZ32" s="71">
        <v>0</v>
      </c>
      <c r="KA32" s="72">
        <v>0</v>
      </c>
      <c r="KB32" s="73">
        <v>0</v>
      </c>
      <c r="KC32" s="70">
        <v>3</v>
      </c>
      <c r="KD32" s="71">
        <v>6</v>
      </c>
      <c r="KE32" s="72">
        <v>9</v>
      </c>
      <c r="KF32" s="244"/>
      <c r="KG32" s="71">
        <v>12</v>
      </c>
      <c r="KH32" s="71">
        <v>4</v>
      </c>
      <c r="KI32" s="71">
        <v>6</v>
      </c>
      <c r="KJ32" s="71">
        <v>7</v>
      </c>
      <c r="KK32" s="71">
        <v>1</v>
      </c>
      <c r="KL32" s="72">
        <v>30</v>
      </c>
      <c r="KM32" s="73">
        <v>39</v>
      </c>
    </row>
    <row r="33" spans="2:299" ht="21" customHeight="1" x14ac:dyDescent="0.2">
      <c r="B33" s="126" t="s">
        <v>30</v>
      </c>
      <c r="C33" s="313">
        <v>2</v>
      </c>
      <c r="D33" s="82">
        <v>2</v>
      </c>
      <c r="E33" s="83">
        <v>4</v>
      </c>
      <c r="F33" s="241"/>
      <c r="G33" s="82">
        <v>5</v>
      </c>
      <c r="H33" s="82">
        <v>3</v>
      </c>
      <c r="I33" s="82">
        <v>3</v>
      </c>
      <c r="J33" s="82">
        <v>5</v>
      </c>
      <c r="K33" s="82">
        <v>1</v>
      </c>
      <c r="L33" s="84">
        <v>17</v>
      </c>
      <c r="M33" s="85">
        <v>21</v>
      </c>
      <c r="N33" s="70">
        <v>0</v>
      </c>
      <c r="O33" s="71">
        <v>0</v>
      </c>
      <c r="P33" s="72">
        <v>0</v>
      </c>
      <c r="Q33" s="244"/>
      <c r="R33" s="71">
        <v>0</v>
      </c>
      <c r="S33" s="71">
        <v>0</v>
      </c>
      <c r="T33" s="71">
        <v>0</v>
      </c>
      <c r="U33" s="71">
        <v>0</v>
      </c>
      <c r="V33" s="71">
        <v>0</v>
      </c>
      <c r="W33" s="72">
        <v>0</v>
      </c>
      <c r="X33" s="73">
        <v>0</v>
      </c>
      <c r="Y33" s="70">
        <v>0</v>
      </c>
      <c r="Z33" s="71">
        <v>0</v>
      </c>
      <c r="AA33" s="72">
        <v>0</v>
      </c>
      <c r="AB33" s="244"/>
      <c r="AC33" s="71">
        <v>1</v>
      </c>
      <c r="AD33" s="71">
        <v>0</v>
      </c>
      <c r="AE33" s="71">
        <v>0</v>
      </c>
      <c r="AF33" s="71">
        <v>1</v>
      </c>
      <c r="AG33" s="71">
        <v>0</v>
      </c>
      <c r="AH33" s="72">
        <v>2</v>
      </c>
      <c r="AI33" s="73">
        <v>2</v>
      </c>
      <c r="AJ33" s="70">
        <v>0</v>
      </c>
      <c r="AK33" s="71">
        <v>0</v>
      </c>
      <c r="AL33" s="72">
        <v>0</v>
      </c>
      <c r="AM33" s="244"/>
      <c r="AN33" s="71">
        <v>0</v>
      </c>
      <c r="AO33" s="71">
        <v>1</v>
      </c>
      <c r="AP33" s="71">
        <v>0</v>
      </c>
      <c r="AQ33" s="71">
        <v>0</v>
      </c>
      <c r="AR33" s="71">
        <v>0</v>
      </c>
      <c r="AS33" s="72">
        <v>1</v>
      </c>
      <c r="AT33" s="73">
        <v>1</v>
      </c>
      <c r="AU33" s="70">
        <v>0</v>
      </c>
      <c r="AV33" s="71">
        <v>1</v>
      </c>
      <c r="AW33" s="72">
        <v>1</v>
      </c>
      <c r="AX33" s="244"/>
      <c r="AY33" s="71">
        <v>0</v>
      </c>
      <c r="AZ33" s="71">
        <v>1</v>
      </c>
      <c r="BA33" s="71">
        <v>0</v>
      </c>
      <c r="BB33" s="71">
        <v>1</v>
      </c>
      <c r="BC33" s="71">
        <v>0</v>
      </c>
      <c r="BD33" s="72">
        <v>2</v>
      </c>
      <c r="BE33" s="73">
        <v>3</v>
      </c>
      <c r="BF33" s="70">
        <v>1</v>
      </c>
      <c r="BG33" s="71">
        <v>0</v>
      </c>
      <c r="BH33" s="72">
        <v>1</v>
      </c>
      <c r="BI33" s="244"/>
      <c r="BJ33" s="71">
        <v>2</v>
      </c>
      <c r="BK33" s="71">
        <v>0</v>
      </c>
      <c r="BL33" s="71">
        <v>2</v>
      </c>
      <c r="BM33" s="71">
        <v>2</v>
      </c>
      <c r="BN33" s="71">
        <v>1</v>
      </c>
      <c r="BO33" s="72">
        <v>7</v>
      </c>
      <c r="BP33" s="73">
        <v>8</v>
      </c>
      <c r="BQ33" s="70">
        <v>1</v>
      </c>
      <c r="BR33" s="71">
        <v>1</v>
      </c>
      <c r="BS33" s="72">
        <v>2</v>
      </c>
      <c r="BT33" s="244"/>
      <c r="BU33" s="71">
        <v>2</v>
      </c>
      <c r="BV33" s="71">
        <v>1</v>
      </c>
      <c r="BW33" s="71">
        <v>1</v>
      </c>
      <c r="BX33" s="71">
        <v>1</v>
      </c>
      <c r="BY33" s="71">
        <v>0</v>
      </c>
      <c r="BZ33" s="72">
        <v>5</v>
      </c>
      <c r="CA33" s="73">
        <v>7</v>
      </c>
      <c r="CB33" s="70">
        <v>0</v>
      </c>
      <c r="CC33" s="71">
        <v>0</v>
      </c>
      <c r="CD33" s="72">
        <v>0</v>
      </c>
      <c r="CE33" s="244"/>
      <c r="CF33" s="71">
        <v>0</v>
      </c>
      <c r="CG33" s="71">
        <v>0</v>
      </c>
      <c r="CH33" s="71">
        <v>0</v>
      </c>
      <c r="CI33" s="71">
        <v>0</v>
      </c>
      <c r="CJ33" s="71">
        <v>0</v>
      </c>
      <c r="CK33" s="72">
        <v>0</v>
      </c>
      <c r="CL33" s="73">
        <v>0</v>
      </c>
      <c r="CM33" s="70">
        <v>2</v>
      </c>
      <c r="CN33" s="71">
        <v>2</v>
      </c>
      <c r="CO33" s="72">
        <v>4</v>
      </c>
      <c r="CP33" s="244"/>
      <c r="CQ33" s="71">
        <v>5</v>
      </c>
      <c r="CR33" s="71">
        <v>3</v>
      </c>
      <c r="CS33" s="71">
        <v>3</v>
      </c>
      <c r="CT33" s="71">
        <v>5</v>
      </c>
      <c r="CU33" s="71">
        <v>1</v>
      </c>
      <c r="CV33" s="72">
        <v>17</v>
      </c>
      <c r="CW33" s="73">
        <v>21</v>
      </c>
      <c r="CX33" s="123">
        <v>1</v>
      </c>
      <c r="CY33" s="82">
        <v>1</v>
      </c>
      <c r="CZ33" s="83">
        <v>2</v>
      </c>
      <c r="DA33" s="241"/>
      <c r="DB33" s="82">
        <v>5</v>
      </c>
      <c r="DC33" s="82">
        <v>2</v>
      </c>
      <c r="DD33" s="82">
        <v>1</v>
      </c>
      <c r="DE33" s="82">
        <v>3</v>
      </c>
      <c r="DF33" s="82">
        <v>1</v>
      </c>
      <c r="DG33" s="84">
        <v>12</v>
      </c>
      <c r="DH33" s="85">
        <v>14</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1</v>
      </c>
      <c r="EA33" s="71">
        <v>0</v>
      </c>
      <c r="EB33" s="71">
        <v>1</v>
      </c>
      <c r="EC33" s="72">
        <v>2</v>
      </c>
      <c r="ED33" s="73">
        <v>2</v>
      </c>
      <c r="EE33" s="70">
        <v>0</v>
      </c>
      <c r="EF33" s="71">
        <v>0</v>
      </c>
      <c r="EG33" s="72">
        <v>0</v>
      </c>
      <c r="EH33" s="244"/>
      <c r="EI33" s="71">
        <v>0</v>
      </c>
      <c r="EJ33" s="71">
        <v>0</v>
      </c>
      <c r="EK33" s="71">
        <v>0</v>
      </c>
      <c r="EL33" s="71">
        <v>0</v>
      </c>
      <c r="EM33" s="71">
        <v>0</v>
      </c>
      <c r="EN33" s="72">
        <v>0</v>
      </c>
      <c r="EO33" s="73">
        <v>0</v>
      </c>
      <c r="EP33" s="70">
        <v>1</v>
      </c>
      <c r="EQ33" s="71">
        <v>0</v>
      </c>
      <c r="ER33" s="72">
        <v>1</v>
      </c>
      <c r="ES33" s="244"/>
      <c r="ET33" s="71">
        <v>0</v>
      </c>
      <c r="EU33" s="71">
        <v>0</v>
      </c>
      <c r="EV33" s="71">
        <v>0</v>
      </c>
      <c r="EW33" s="71">
        <v>1</v>
      </c>
      <c r="EX33" s="71">
        <v>0</v>
      </c>
      <c r="EY33" s="72">
        <v>1</v>
      </c>
      <c r="EZ33" s="73">
        <v>2</v>
      </c>
      <c r="FA33" s="70">
        <v>0</v>
      </c>
      <c r="FB33" s="71">
        <v>0</v>
      </c>
      <c r="FC33" s="72">
        <v>0</v>
      </c>
      <c r="FD33" s="244"/>
      <c r="FE33" s="71">
        <v>4</v>
      </c>
      <c r="FF33" s="71">
        <v>0</v>
      </c>
      <c r="FG33" s="71">
        <v>0</v>
      </c>
      <c r="FH33" s="71">
        <v>0</v>
      </c>
      <c r="FI33" s="71">
        <v>0</v>
      </c>
      <c r="FJ33" s="72">
        <v>4</v>
      </c>
      <c r="FK33" s="73">
        <v>4</v>
      </c>
      <c r="FL33" s="70">
        <v>0</v>
      </c>
      <c r="FM33" s="71">
        <v>1</v>
      </c>
      <c r="FN33" s="72">
        <v>1</v>
      </c>
      <c r="FO33" s="244"/>
      <c r="FP33" s="71">
        <v>1</v>
      </c>
      <c r="FQ33" s="71">
        <v>2</v>
      </c>
      <c r="FR33" s="71">
        <v>0</v>
      </c>
      <c r="FS33" s="71">
        <v>2</v>
      </c>
      <c r="FT33" s="71">
        <v>0</v>
      </c>
      <c r="FU33" s="72">
        <v>5</v>
      </c>
      <c r="FV33" s="73">
        <v>6</v>
      </c>
      <c r="FW33" s="70">
        <v>0</v>
      </c>
      <c r="FX33" s="71">
        <v>0</v>
      </c>
      <c r="FY33" s="72">
        <v>0</v>
      </c>
      <c r="FZ33" s="244"/>
      <c r="GA33" s="71">
        <v>0</v>
      </c>
      <c r="GB33" s="71">
        <v>0</v>
      </c>
      <c r="GC33" s="71">
        <v>0</v>
      </c>
      <c r="GD33" s="71">
        <v>0</v>
      </c>
      <c r="GE33" s="71">
        <v>0</v>
      </c>
      <c r="GF33" s="72">
        <v>0</v>
      </c>
      <c r="GG33" s="73">
        <v>0</v>
      </c>
      <c r="GH33" s="70">
        <v>1</v>
      </c>
      <c r="GI33" s="71">
        <v>1</v>
      </c>
      <c r="GJ33" s="72">
        <v>2</v>
      </c>
      <c r="GK33" s="244"/>
      <c r="GL33" s="71">
        <v>5</v>
      </c>
      <c r="GM33" s="71">
        <v>2</v>
      </c>
      <c r="GN33" s="71">
        <v>1</v>
      </c>
      <c r="GO33" s="71">
        <v>3</v>
      </c>
      <c r="GP33" s="71">
        <v>1</v>
      </c>
      <c r="GQ33" s="72">
        <v>12</v>
      </c>
      <c r="GR33" s="73">
        <v>14</v>
      </c>
      <c r="GS33" s="123">
        <v>3</v>
      </c>
      <c r="GT33" s="82">
        <v>3</v>
      </c>
      <c r="GU33" s="83">
        <v>6</v>
      </c>
      <c r="GV33" s="241"/>
      <c r="GW33" s="82">
        <v>10</v>
      </c>
      <c r="GX33" s="82">
        <v>5</v>
      </c>
      <c r="GY33" s="82">
        <v>4</v>
      </c>
      <c r="GZ33" s="82">
        <v>8</v>
      </c>
      <c r="HA33" s="82">
        <v>2</v>
      </c>
      <c r="HB33" s="84">
        <v>29</v>
      </c>
      <c r="HC33" s="85">
        <v>35</v>
      </c>
      <c r="HD33" s="70">
        <v>0</v>
      </c>
      <c r="HE33" s="71">
        <v>0</v>
      </c>
      <c r="HF33" s="72">
        <v>0</v>
      </c>
      <c r="HG33" s="244"/>
      <c r="HH33" s="71">
        <v>0</v>
      </c>
      <c r="HI33" s="71">
        <v>0</v>
      </c>
      <c r="HJ33" s="71">
        <v>0</v>
      </c>
      <c r="HK33" s="71">
        <v>0</v>
      </c>
      <c r="HL33" s="71">
        <v>0</v>
      </c>
      <c r="HM33" s="72">
        <v>0</v>
      </c>
      <c r="HN33" s="73">
        <v>0</v>
      </c>
      <c r="HO33" s="70">
        <v>0</v>
      </c>
      <c r="HP33" s="71">
        <v>0</v>
      </c>
      <c r="HQ33" s="72">
        <v>0</v>
      </c>
      <c r="HR33" s="244"/>
      <c r="HS33" s="71">
        <v>1</v>
      </c>
      <c r="HT33" s="71">
        <v>0</v>
      </c>
      <c r="HU33" s="71">
        <v>1</v>
      </c>
      <c r="HV33" s="71">
        <v>1</v>
      </c>
      <c r="HW33" s="71">
        <v>1</v>
      </c>
      <c r="HX33" s="72">
        <v>4</v>
      </c>
      <c r="HY33" s="73">
        <v>4</v>
      </c>
      <c r="HZ33" s="70">
        <v>0</v>
      </c>
      <c r="IA33" s="71">
        <v>0</v>
      </c>
      <c r="IB33" s="72">
        <v>0</v>
      </c>
      <c r="IC33" s="244"/>
      <c r="ID33" s="71">
        <v>0</v>
      </c>
      <c r="IE33" s="71">
        <v>1</v>
      </c>
      <c r="IF33" s="71">
        <v>0</v>
      </c>
      <c r="IG33" s="71">
        <v>0</v>
      </c>
      <c r="IH33" s="71">
        <v>0</v>
      </c>
      <c r="II33" s="72">
        <v>1</v>
      </c>
      <c r="IJ33" s="73">
        <v>1</v>
      </c>
      <c r="IK33" s="70">
        <v>1</v>
      </c>
      <c r="IL33" s="71">
        <v>1</v>
      </c>
      <c r="IM33" s="72">
        <v>2</v>
      </c>
      <c r="IN33" s="244"/>
      <c r="IO33" s="71">
        <v>0</v>
      </c>
      <c r="IP33" s="71">
        <v>1</v>
      </c>
      <c r="IQ33" s="71">
        <v>0</v>
      </c>
      <c r="IR33" s="71">
        <v>2</v>
      </c>
      <c r="IS33" s="71">
        <v>0</v>
      </c>
      <c r="IT33" s="72">
        <v>3</v>
      </c>
      <c r="IU33" s="73">
        <v>5</v>
      </c>
      <c r="IV33" s="70">
        <v>1</v>
      </c>
      <c r="IW33" s="71">
        <v>0</v>
      </c>
      <c r="IX33" s="72">
        <v>1</v>
      </c>
      <c r="IY33" s="244"/>
      <c r="IZ33" s="71">
        <v>6</v>
      </c>
      <c r="JA33" s="71">
        <v>0</v>
      </c>
      <c r="JB33" s="71">
        <v>2</v>
      </c>
      <c r="JC33" s="71">
        <v>2</v>
      </c>
      <c r="JD33" s="71">
        <v>1</v>
      </c>
      <c r="JE33" s="72">
        <v>11</v>
      </c>
      <c r="JF33" s="73">
        <v>12</v>
      </c>
      <c r="JG33" s="70">
        <v>1</v>
      </c>
      <c r="JH33" s="71">
        <v>2</v>
      </c>
      <c r="JI33" s="72">
        <v>3</v>
      </c>
      <c r="JJ33" s="244"/>
      <c r="JK33" s="71">
        <v>3</v>
      </c>
      <c r="JL33" s="71">
        <v>3</v>
      </c>
      <c r="JM33" s="71">
        <v>1</v>
      </c>
      <c r="JN33" s="71">
        <v>3</v>
      </c>
      <c r="JO33" s="71">
        <v>0</v>
      </c>
      <c r="JP33" s="72">
        <v>10</v>
      </c>
      <c r="JQ33" s="73">
        <v>13</v>
      </c>
      <c r="JR33" s="70">
        <v>0</v>
      </c>
      <c r="JS33" s="71">
        <v>0</v>
      </c>
      <c r="JT33" s="72">
        <v>0</v>
      </c>
      <c r="JU33" s="244"/>
      <c r="JV33" s="71">
        <v>0</v>
      </c>
      <c r="JW33" s="71">
        <v>0</v>
      </c>
      <c r="JX33" s="71">
        <v>0</v>
      </c>
      <c r="JY33" s="71">
        <v>0</v>
      </c>
      <c r="JZ33" s="71">
        <v>0</v>
      </c>
      <c r="KA33" s="72">
        <v>0</v>
      </c>
      <c r="KB33" s="73">
        <v>0</v>
      </c>
      <c r="KC33" s="70">
        <v>3</v>
      </c>
      <c r="KD33" s="71">
        <v>3</v>
      </c>
      <c r="KE33" s="72">
        <v>6</v>
      </c>
      <c r="KF33" s="244"/>
      <c r="KG33" s="71">
        <v>10</v>
      </c>
      <c r="KH33" s="71">
        <v>5</v>
      </c>
      <c r="KI33" s="71">
        <v>4</v>
      </c>
      <c r="KJ33" s="71">
        <v>8</v>
      </c>
      <c r="KK33" s="71">
        <v>2</v>
      </c>
      <c r="KL33" s="72">
        <v>29</v>
      </c>
      <c r="KM33" s="73">
        <v>35</v>
      </c>
    </row>
    <row r="34" spans="2:299" ht="21" customHeight="1" x14ac:dyDescent="0.2">
      <c r="B34" s="126" t="s">
        <v>31</v>
      </c>
      <c r="C34" s="313">
        <v>4</v>
      </c>
      <c r="D34" s="82">
        <v>5</v>
      </c>
      <c r="E34" s="83">
        <v>9</v>
      </c>
      <c r="F34" s="241"/>
      <c r="G34" s="82">
        <v>7</v>
      </c>
      <c r="H34" s="82">
        <v>6</v>
      </c>
      <c r="I34" s="82">
        <v>4</v>
      </c>
      <c r="J34" s="82">
        <v>1</v>
      </c>
      <c r="K34" s="82">
        <v>5</v>
      </c>
      <c r="L34" s="84">
        <v>23</v>
      </c>
      <c r="M34" s="85">
        <v>32</v>
      </c>
      <c r="N34" s="70">
        <v>0</v>
      </c>
      <c r="O34" s="71">
        <v>0</v>
      </c>
      <c r="P34" s="72">
        <v>0</v>
      </c>
      <c r="Q34" s="244"/>
      <c r="R34" s="71">
        <v>1</v>
      </c>
      <c r="S34" s="71">
        <v>1</v>
      </c>
      <c r="T34" s="71">
        <v>0</v>
      </c>
      <c r="U34" s="71">
        <v>0</v>
      </c>
      <c r="V34" s="71">
        <v>0</v>
      </c>
      <c r="W34" s="72">
        <v>2</v>
      </c>
      <c r="X34" s="73">
        <v>2</v>
      </c>
      <c r="Y34" s="70">
        <v>1</v>
      </c>
      <c r="Z34" s="71">
        <v>1</v>
      </c>
      <c r="AA34" s="72">
        <v>2</v>
      </c>
      <c r="AB34" s="244"/>
      <c r="AC34" s="71">
        <v>0</v>
      </c>
      <c r="AD34" s="71">
        <v>0</v>
      </c>
      <c r="AE34" s="71">
        <v>2</v>
      </c>
      <c r="AF34" s="71">
        <v>0</v>
      </c>
      <c r="AG34" s="71">
        <v>2</v>
      </c>
      <c r="AH34" s="72">
        <v>4</v>
      </c>
      <c r="AI34" s="73">
        <v>6</v>
      </c>
      <c r="AJ34" s="70">
        <v>0</v>
      </c>
      <c r="AK34" s="71">
        <v>0</v>
      </c>
      <c r="AL34" s="72">
        <v>0</v>
      </c>
      <c r="AM34" s="244"/>
      <c r="AN34" s="71">
        <v>0</v>
      </c>
      <c r="AO34" s="71">
        <v>0</v>
      </c>
      <c r="AP34" s="71">
        <v>0</v>
      </c>
      <c r="AQ34" s="71">
        <v>1</v>
      </c>
      <c r="AR34" s="71">
        <v>0</v>
      </c>
      <c r="AS34" s="72">
        <v>1</v>
      </c>
      <c r="AT34" s="73">
        <v>1</v>
      </c>
      <c r="AU34" s="70">
        <v>1</v>
      </c>
      <c r="AV34" s="71">
        <v>2</v>
      </c>
      <c r="AW34" s="72">
        <v>3</v>
      </c>
      <c r="AX34" s="244"/>
      <c r="AY34" s="71">
        <v>1</v>
      </c>
      <c r="AZ34" s="71">
        <v>0</v>
      </c>
      <c r="BA34" s="71">
        <v>1</v>
      </c>
      <c r="BB34" s="71">
        <v>0</v>
      </c>
      <c r="BC34" s="71">
        <v>0</v>
      </c>
      <c r="BD34" s="72">
        <v>2</v>
      </c>
      <c r="BE34" s="73">
        <v>5</v>
      </c>
      <c r="BF34" s="70">
        <v>1</v>
      </c>
      <c r="BG34" s="71">
        <v>2</v>
      </c>
      <c r="BH34" s="72">
        <v>3</v>
      </c>
      <c r="BI34" s="244"/>
      <c r="BJ34" s="71">
        <v>1</v>
      </c>
      <c r="BK34" s="71">
        <v>3</v>
      </c>
      <c r="BL34" s="71">
        <v>0</v>
      </c>
      <c r="BM34" s="71">
        <v>0</v>
      </c>
      <c r="BN34" s="71">
        <v>0</v>
      </c>
      <c r="BO34" s="72">
        <v>4</v>
      </c>
      <c r="BP34" s="73">
        <v>7</v>
      </c>
      <c r="BQ34" s="70">
        <v>1</v>
      </c>
      <c r="BR34" s="71">
        <v>0</v>
      </c>
      <c r="BS34" s="72">
        <v>1</v>
      </c>
      <c r="BT34" s="244"/>
      <c r="BU34" s="71">
        <v>4</v>
      </c>
      <c r="BV34" s="71">
        <v>2</v>
      </c>
      <c r="BW34" s="71">
        <v>1</v>
      </c>
      <c r="BX34" s="71">
        <v>0</v>
      </c>
      <c r="BY34" s="71">
        <v>3</v>
      </c>
      <c r="BZ34" s="72">
        <v>10</v>
      </c>
      <c r="CA34" s="73">
        <v>11</v>
      </c>
      <c r="CB34" s="70">
        <v>0</v>
      </c>
      <c r="CC34" s="71">
        <v>0</v>
      </c>
      <c r="CD34" s="72">
        <v>0</v>
      </c>
      <c r="CE34" s="244"/>
      <c r="CF34" s="71">
        <v>0</v>
      </c>
      <c r="CG34" s="71">
        <v>0</v>
      </c>
      <c r="CH34" s="71">
        <v>0</v>
      </c>
      <c r="CI34" s="71">
        <v>0</v>
      </c>
      <c r="CJ34" s="71">
        <v>0</v>
      </c>
      <c r="CK34" s="72">
        <v>0</v>
      </c>
      <c r="CL34" s="73">
        <v>0</v>
      </c>
      <c r="CM34" s="70">
        <v>4</v>
      </c>
      <c r="CN34" s="71">
        <v>5</v>
      </c>
      <c r="CO34" s="72">
        <v>9</v>
      </c>
      <c r="CP34" s="244"/>
      <c r="CQ34" s="71">
        <v>7</v>
      </c>
      <c r="CR34" s="71">
        <v>6</v>
      </c>
      <c r="CS34" s="71">
        <v>4</v>
      </c>
      <c r="CT34" s="71">
        <v>1</v>
      </c>
      <c r="CU34" s="71">
        <v>5</v>
      </c>
      <c r="CV34" s="72">
        <v>23</v>
      </c>
      <c r="CW34" s="73">
        <v>32</v>
      </c>
      <c r="CX34" s="123">
        <v>1</v>
      </c>
      <c r="CY34" s="82">
        <v>0</v>
      </c>
      <c r="CZ34" s="83">
        <v>1</v>
      </c>
      <c r="DA34" s="241"/>
      <c r="DB34" s="82">
        <v>2</v>
      </c>
      <c r="DC34" s="82">
        <v>0</v>
      </c>
      <c r="DD34" s="82">
        <v>2</v>
      </c>
      <c r="DE34" s="82">
        <v>2</v>
      </c>
      <c r="DF34" s="82">
        <v>1</v>
      </c>
      <c r="DG34" s="84">
        <v>7</v>
      </c>
      <c r="DH34" s="85">
        <v>8</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0</v>
      </c>
      <c r="EJ34" s="71">
        <v>0</v>
      </c>
      <c r="EK34" s="71">
        <v>1</v>
      </c>
      <c r="EL34" s="71">
        <v>1</v>
      </c>
      <c r="EM34" s="71">
        <v>0</v>
      </c>
      <c r="EN34" s="72">
        <v>2</v>
      </c>
      <c r="EO34" s="73">
        <v>2</v>
      </c>
      <c r="EP34" s="70">
        <v>1</v>
      </c>
      <c r="EQ34" s="71">
        <v>0</v>
      </c>
      <c r="ER34" s="72">
        <v>1</v>
      </c>
      <c r="ES34" s="244"/>
      <c r="ET34" s="71">
        <v>2</v>
      </c>
      <c r="EU34" s="71">
        <v>0</v>
      </c>
      <c r="EV34" s="71">
        <v>0</v>
      </c>
      <c r="EW34" s="71">
        <v>0</v>
      </c>
      <c r="EX34" s="71">
        <v>0</v>
      </c>
      <c r="EY34" s="72">
        <v>2</v>
      </c>
      <c r="EZ34" s="73">
        <v>3</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1</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1</v>
      </c>
      <c r="GI34" s="71">
        <v>0</v>
      </c>
      <c r="GJ34" s="72">
        <v>1</v>
      </c>
      <c r="GK34" s="244"/>
      <c r="GL34" s="71">
        <v>2</v>
      </c>
      <c r="GM34" s="71">
        <v>0</v>
      </c>
      <c r="GN34" s="71">
        <v>2</v>
      </c>
      <c r="GO34" s="71">
        <v>2</v>
      </c>
      <c r="GP34" s="71">
        <v>1</v>
      </c>
      <c r="GQ34" s="72">
        <v>7</v>
      </c>
      <c r="GR34" s="73">
        <v>8</v>
      </c>
      <c r="GS34" s="123">
        <v>5</v>
      </c>
      <c r="GT34" s="82">
        <v>5</v>
      </c>
      <c r="GU34" s="83">
        <v>10</v>
      </c>
      <c r="GV34" s="241"/>
      <c r="GW34" s="82">
        <v>9</v>
      </c>
      <c r="GX34" s="82">
        <v>6</v>
      </c>
      <c r="GY34" s="82">
        <v>6</v>
      </c>
      <c r="GZ34" s="82">
        <v>3</v>
      </c>
      <c r="HA34" s="82">
        <v>6</v>
      </c>
      <c r="HB34" s="84">
        <v>30</v>
      </c>
      <c r="HC34" s="85">
        <v>40</v>
      </c>
      <c r="HD34" s="70">
        <v>0</v>
      </c>
      <c r="HE34" s="71">
        <v>0</v>
      </c>
      <c r="HF34" s="72">
        <v>0</v>
      </c>
      <c r="HG34" s="244"/>
      <c r="HH34" s="71">
        <v>1</v>
      </c>
      <c r="HI34" s="71">
        <v>1</v>
      </c>
      <c r="HJ34" s="71">
        <v>0</v>
      </c>
      <c r="HK34" s="71">
        <v>0</v>
      </c>
      <c r="HL34" s="71">
        <v>0</v>
      </c>
      <c r="HM34" s="72">
        <v>2</v>
      </c>
      <c r="HN34" s="73">
        <v>2</v>
      </c>
      <c r="HO34" s="70">
        <v>1</v>
      </c>
      <c r="HP34" s="71">
        <v>1</v>
      </c>
      <c r="HQ34" s="72">
        <v>2</v>
      </c>
      <c r="HR34" s="244"/>
      <c r="HS34" s="71">
        <v>0</v>
      </c>
      <c r="HT34" s="71">
        <v>0</v>
      </c>
      <c r="HU34" s="71">
        <v>2</v>
      </c>
      <c r="HV34" s="71">
        <v>0</v>
      </c>
      <c r="HW34" s="71">
        <v>2</v>
      </c>
      <c r="HX34" s="72">
        <v>4</v>
      </c>
      <c r="HY34" s="73">
        <v>6</v>
      </c>
      <c r="HZ34" s="70">
        <v>0</v>
      </c>
      <c r="IA34" s="71">
        <v>0</v>
      </c>
      <c r="IB34" s="72">
        <v>0</v>
      </c>
      <c r="IC34" s="244"/>
      <c r="ID34" s="71">
        <v>0</v>
      </c>
      <c r="IE34" s="71">
        <v>0</v>
      </c>
      <c r="IF34" s="71">
        <v>1</v>
      </c>
      <c r="IG34" s="71">
        <v>2</v>
      </c>
      <c r="IH34" s="71">
        <v>0</v>
      </c>
      <c r="II34" s="72">
        <v>3</v>
      </c>
      <c r="IJ34" s="73">
        <v>3</v>
      </c>
      <c r="IK34" s="70">
        <v>2</v>
      </c>
      <c r="IL34" s="71">
        <v>2</v>
      </c>
      <c r="IM34" s="72">
        <v>4</v>
      </c>
      <c r="IN34" s="244"/>
      <c r="IO34" s="71">
        <v>3</v>
      </c>
      <c r="IP34" s="71">
        <v>0</v>
      </c>
      <c r="IQ34" s="71">
        <v>1</v>
      </c>
      <c r="IR34" s="71">
        <v>0</v>
      </c>
      <c r="IS34" s="71">
        <v>0</v>
      </c>
      <c r="IT34" s="72">
        <v>4</v>
      </c>
      <c r="IU34" s="73">
        <v>8</v>
      </c>
      <c r="IV34" s="70">
        <v>1</v>
      </c>
      <c r="IW34" s="71">
        <v>2</v>
      </c>
      <c r="IX34" s="72">
        <v>3</v>
      </c>
      <c r="IY34" s="244"/>
      <c r="IZ34" s="71">
        <v>1</v>
      </c>
      <c r="JA34" s="71">
        <v>3</v>
      </c>
      <c r="JB34" s="71">
        <v>0</v>
      </c>
      <c r="JC34" s="71">
        <v>0</v>
      </c>
      <c r="JD34" s="71">
        <v>0</v>
      </c>
      <c r="JE34" s="72">
        <v>4</v>
      </c>
      <c r="JF34" s="73">
        <v>7</v>
      </c>
      <c r="JG34" s="70">
        <v>1</v>
      </c>
      <c r="JH34" s="71">
        <v>0</v>
      </c>
      <c r="JI34" s="72">
        <v>1</v>
      </c>
      <c r="JJ34" s="244"/>
      <c r="JK34" s="71">
        <v>4</v>
      </c>
      <c r="JL34" s="71">
        <v>2</v>
      </c>
      <c r="JM34" s="71">
        <v>2</v>
      </c>
      <c r="JN34" s="71">
        <v>1</v>
      </c>
      <c r="JO34" s="71">
        <v>4</v>
      </c>
      <c r="JP34" s="72">
        <v>13</v>
      </c>
      <c r="JQ34" s="73">
        <v>14</v>
      </c>
      <c r="JR34" s="70">
        <v>0</v>
      </c>
      <c r="JS34" s="71">
        <v>0</v>
      </c>
      <c r="JT34" s="72">
        <v>0</v>
      </c>
      <c r="JU34" s="244"/>
      <c r="JV34" s="71">
        <v>0</v>
      </c>
      <c r="JW34" s="71">
        <v>0</v>
      </c>
      <c r="JX34" s="71">
        <v>0</v>
      </c>
      <c r="JY34" s="71">
        <v>0</v>
      </c>
      <c r="JZ34" s="71">
        <v>0</v>
      </c>
      <c r="KA34" s="72">
        <v>0</v>
      </c>
      <c r="KB34" s="73">
        <v>0</v>
      </c>
      <c r="KC34" s="70">
        <v>5</v>
      </c>
      <c r="KD34" s="71">
        <v>5</v>
      </c>
      <c r="KE34" s="72">
        <v>10</v>
      </c>
      <c r="KF34" s="244"/>
      <c r="KG34" s="71">
        <v>9</v>
      </c>
      <c r="KH34" s="71">
        <v>6</v>
      </c>
      <c r="KI34" s="71">
        <v>6</v>
      </c>
      <c r="KJ34" s="71">
        <v>3</v>
      </c>
      <c r="KK34" s="71">
        <v>6</v>
      </c>
      <c r="KL34" s="72">
        <v>30</v>
      </c>
      <c r="KM34" s="73">
        <v>40</v>
      </c>
    </row>
    <row r="35" spans="2:299" ht="21" customHeight="1" x14ac:dyDescent="0.2">
      <c r="B35" s="126" t="s">
        <v>32</v>
      </c>
      <c r="C35" s="313">
        <v>4</v>
      </c>
      <c r="D35" s="82">
        <v>1</v>
      </c>
      <c r="E35" s="83">
        <v>5</v>
      </c>
      <c r="F35" s="241"/>
      <c r="G35" s="82">
        <v>7</v>
      </c>
      <c r="H35" s="82">
        <v>4</v>
      </c>
      <c r="I35" s="82">
        <v>4</v>
      </c>
      <c r="J35" s="82">
        <v>4</v>
      </c>
      <c r="K35" s="82">
        <v>5</v>
      </c>
      <c r="L35" s="84">
        <v>24</v>
      </c>
      <c r="M35" s="85">
        <v>29</v>
      </c>
      <c r="N35" s="70">
        <v>0</v>
      </c>
      <c r="O35" s="71">
        <v>0</v>
      </c>
      <c r="P35" s="72">
        <v>0</v>
      </c>
      <c r="Q35" s="244"/>
      <c r="R35" s="71">
        <v>0</v>
      </c>
      <c r="S35" s="71">
        <v>0</v>
      </c>
      <c r="T35" s="71">
        <v>0</v>
      </c>
      <c r="U35" s="71">
        <v>0</v>
      </c>
      <c r="V35" s="71">
        <v>0</v>
      </c>
      <c r="W35" s="72">
        <v>0</v>
      </c>
      <c r="X35" s="73">
        <v>0</v>
      </c>
      <c r="Y35" s="70">
        <v>2</v>
      </c>
      <c r="Z35" s="71">
        <v>0</v>
      </c>
      <c r="AA35" s="72">
        <v>2</v>
      </c>
      <c r="AB35" s="244"/>
      <c r="AC35" s="71">
        <v>0</v>
      </c>
      <c r="AD35" s="71">
        <v>1</v>
      </c>
      <c r="AE35" s="71">
        <v>0</v>
      </c>
      <c r="AF35" s="71">
        <v>1</v>
      </c>
      <c r="AG35" s="71">
        <v>0</v>
      </c>
      <c r="AH35" s="72">
        <v>2</v>
      </c>
      <c r="AI35" s="73">
        <v>4</v>
      </c>
      <c r="AJ35" s="70">
        <v>1</v>
      </c>
      <c r="AK35" s="71">
        <v>0</v>
      </c>
      <c r="AL35" s="72">
        <v>1</v>
      </c>
      <c r="AM35" s="244"/>
      <c r="AN35" s="71">
        <v>0</v>
      </c>
      <c r="AO35" s="71">
        <v>1</v>
      </c>
      <c r="AP35" s="71">
        <v>0</v>
      </c>
      <c r="AQ35" s="71">
        <v>0</v>
      </c>
      <c r="AR35" s="71">
        <v>2</v>
      </c>
      <c r="AS35" s="72">
        <v>3</v>
      </c>
      <c r="AT35" s="73">
        <v>4</v>
      </c>
      <c r="AU35" s="70">
        <v>0</v>
      </c>
      <c r="AV35" s="71">
        <v>1</v>
      </c>
      <c r="AW35" s="72">
        <v>1</v>
      </c>
      <c r="AX35" s="244"/>
      <c r="AY35" s="71">
        <v>4</v>
      </c>
      <c r="AZ35" s="71">
        <v>0</v>
      </c>
      <c r="BA35" s="71">
        <v>0</v>
      </c>
      <c r="BB35" s="71">
        <v>0</v>
      </c>
      <c r="BC35" s="71">
        <v>1</v>
      </c>
      <c r="BD35" s="72">
        <v>5</v>
      </c>
      <c r="BE35" s="73">
        <v>6</v>
      </c>
      <c r="BF35" s="70">
        <v>1</v>
      </c>
      <c r="BG35" s="71">
        <v>0</v>
      </c>
      <c r="BH35" s="72">
        <v>1</v>
      </c>
      <c r="BI35" s="244"/>
      <c r="BJ35" s="71">
        <v>2</v>
      </c>
      <c r="BK35" s="71">
        <v>0</v>
      </c>
      <c r="BL35" s="71">
        <v>3</v>
      </c>
      <c r="BM35" s="71">
        <v>1</v>
      </c>
      <c r="BN35" s="71">
        <v>2</v>
      </c>
      <c r="BO35" s="72">
        <v>8</v>
      </c>
      <c r="BP35" s="73">
        <v>9</v>
      </c>
      <c r="BQ35" s="70">
        <v>0</v>
      </c>
      <c r="BR35" s="71">
        <v>0</v>
      </c>
      <c r="BS35" s="72">
        <v>0</v>
      </c>
      <c r="BT35" s="244"/>
      <c r="BU35" s="71">
        <v>1</v>
      </c>
      <c r="BV35" s="71">
        <v>2</v>
      </c>
      <c r="BW35" s="71">
        <v>1</v>
      </c>
      <c r="BX35" s="71">
        <v>2</v>
      </c>
      <c r="BY35" s="71">
        <v>0</v>
      </c>
      <c r="BZ35" s="72">
        <v>6</v>
      </c>
      <c r="CA35" s="73">
        <v>6</v>
      </c>
      <c r="CB35" s="70">
        <v>0</v>
      </c>
      <c r="CC35" s="71">
        <v>0</v>
      </c>
      <c r="CD35" s="72">
        <v>0</v>
      </c>
      <c r="CE35" s="244"/>
      <c r="CF35" s="71">
        <v>0</v>
      </c>
      <c r="CG35" s="71">
        <v>0</v>
      </c>
      <c r="CH35" s="71">
        <v>0</v>
      </c>
      <c r="CI35" s="71">
        <v>0</v>
      </c>
      <c r="CJ35" s="71">
        <v>0</v>
      </c>
      <c r="CK35" s="72">
        <v>0</v>
      </c>
      <c r="CL35" s="73">
        <v>0</v>
      </c>
      <c r="CM35" s="70">
        <v>4</v>
      </c>
      <c r="CN35" s="71">
        <v>1</v>
      </c>
      <c r="CO35" s="72">
        <v>5</v>
      </c>
      <c r="CP35" s="244"/>
      <c r="CQ35" s="71">
        <v>7</v>
      </c>
      <c r="CR35" s="71">
        <v>4</v>
      </c>
      <c r="CS35" s="71">
        <v>4</v>
      </c>
      <c r="CT35" s="71">
        <v>4</v>
      </c>
      <c r="CU35" s="71">
        <v>5</v>
      </c>
      <c r="CV35" s="72">
        <v>24</v>
      </c>
      <c r="CW35" s="73">
        <v>29</v>
      </c>
      <c r="CX35" s="123">
        <v>0</v>
      </c>
      <c r="CY35" s="82">
        <v>1</v>
      </c>
      <c r="CZ35" s="83">
        <v>1</v>
      </c>
      <c r="DA35" s="241"/>
      <c r="DB35" s="82">
        <v>4</v>
      </c>
      <c r="DC35" s="82">
        <v>4</v>
      </c>
      <c r="DD35" s="82">
        <v>2</v>
      </c>
      <c r="DE35" s="82">
        <v>1</v>
      </c>
      <c r="DF35" s="82">
        <v>0</v>
      </c>
      <c r="DG35" s="84">
        <v>11</v>
      </c>
      <c r="DH35" s="85">
        <v>12</v>
      </c>
      <c r="DI35" s="70">
        <v>0</v>
      </c>
      <c r="DJ35" s="71">
        <v>0</v>
      </c>
      <c r="DK35" s="72">
        <v>0</v>
      </c>
      <c r="DL35" s="244"/>
      <c r="DM35" s="71">
        <v>1</v>
      </c>
      <c r="DN35" s="71">
        <v>0</v>
      </c>
      <c r="DO35" s="71">
        <v>0</v>
      </c>
      <c r="DP35" s="71">
        <v>0</v>
      </c>
      <c r="DQ35" s="71">
        <v>0</v>
      </c>
      <c r="DR35" s="72">
        <v>1</v>
      </c>
      <c r="DS35" s="73">
        <v>1</v>
      </c>
      <c r="DT35" s="70">
        <v>0</v>
      </c>
      <c r="DU35" s="71">
        <v>0</v>
      </c>
      <c r="DV35" s="72">
        <v>0</v>
      </c>
      <c r="DW35" s="244"/>
      <c r="DX35" s="71">
        <v>1</v>
      </c>
      <c r="DY35" s="71">
        <v>0</v>
      </c>
      <c r="DZ35" s="71">
        <v>0</v>
      </c>
      <c r="EA35" s="71">
        <v>0</v>
      </c>
      <c r="EB35" s="71">
        <v>0</v>
      </c>
      <c r="EC35" s="72">
        <v>1</v>
      </c>
      <c r="ED35" s="73">
        <v>1</v>
      </c>
      <c r="EE35" s="70">
        <v>0</v>
      </c>
      <c r="EF35" s="71">
        <v>1</v>
      </c>
      <c r="EG35" s="72">
        <v>1</v>
      </c>
      <c r="EH35" s="244"/>
      <c r="EI35" s="71">
        <v>0</v>
      </c>
      <c r="EJ35" s="71">
        <v>0</v>
      </c>
      <c r="EK35" s="71">
        <v>0</v>
      </c>
      <c r="EL35" s="71">
        <v>0</v>
      </c>
      <c r="EM35" s="71">
        <v>0</v>
      </c>
      <c r="EN35" s="72">
        <v>0</v>
      </c>
      <c r="EO35" s="73">
        <v>1</v>
      </c>
      <c r="EP35" s="70">
        <v>0</v>
      </c>
      <c r="EQ35" s="71">
        <v>0</v>
      </c>
      <c r="ER35" s="72">
        <v>0</v>
      </c>
      <c r="ES35" s="244"/>
      <c r="ET35" s="71">
        <v>1</v>
      </c>
      <c r="EU35" s="71">
        <v>0</v>
      </c>
      <c r="EV35" s="71">
        <v>0</v>
      </c>
      <c r="EW35" s="71">
        <v>0</v>
      </c>
      <c r="EX35" s="71">
        <v>0</v>
      </c>
      <c r="EY35" s="72">
        <v>1</v>
      </c>
      <c r="EZ35" s="73">
        <v>1</v>
      </c>
      <c r="FA35" s="70">
        <v>0</v>
      </c>
      <c r="FB35" s="71">
        <v>0</v>
      </c>
      <c r="FC35" s="72">
        <v>0</v>
      </c>
      <c r="FD35" s="244"/>
      <c r="FE35" s="71">
        <v>0</v>
      </c>
      <c r="FF35" s="71">
        <v>2</v>
      </c>
      <c r="FG35" s="71">
        <v>1</v>
      </c>
      <c r="FH35" s="71">
        <v>0</v>
      </c>
      <c r="FI35" s="71">
        <v>0</v>
      </c>
      <c r="FJ35" s="72">
        <v>3</v>
      </c>
      <c r="FK35" s="73">
        <v>3</v>
      </c>
      <c r="FL35" s="70">
        <v>0</v>
      </c>
      <c r="FM35" s="71">
        <v>0</v>
      </c>
      <c r="FN35" s="72">
        <v>0</v>
      </c>
      <c r="FO35" s="244"/>
      <c r="FP35" s="71">
        <v>1</v>
      </c>
      <c r="FQ35" s="71">
        <v>2</v>
      </c>
      <c r="FR35" s="71">
        <v>1</v>
      </c>
      <c r="FS35" s="71">
        <v>1</v>
      </c>
      <c r="FT35" s="71">
        <v>0</v>
      </c>
      <c r="FU35" s="72">
        <v>5</v>
      </c>
      <c r="FV35" s="73">
        <v>5</v>
      </c>
      <c r="FW35" s="70">
        <v>0</v>
      </c>
      <c r="FX35" s="71">
        <v>0</v>
      </c>
      <c r="FY35" s="72">
        <v>0</v>
      </c>
      <c r="FZ35" s="244"/>
      <c r="GA35" s="71">
        <v>0</v>
      </c>
      <c r="GB35" s="71">
        <v>0</v>
      </c>
      <c r="GC35" s="71">
        <v>0</v>
      </c>
      <c r="GD35" s="71">
        <v>0</v>
      </c>
      <c r="GE35" s="71">
        <v>0</v>
      </c>
      <c r="GF35" s="72">
        <v>0</v>
      </c>
      <c r="GG35" s="73">
        <v>0</v>
      </c>
      <c r="GH35" s="70">
        <v>0</v>
      </c>
      <c r="GI35" s="71">
        <v>1</v>
      </c>
      <c r="GJ35" s="72">
        <v>1</v>
      </c>
      <c r="GK35" s="244"/>
      <c r="GL35" s="71">
        <v>4</v>
      </c>
      <c r="GM35" s="71">
        <v>4</v>
      </c>
      <c r="GN35" s="71">
        <v>2</v>
      </c>
      <c r="GO35" s="71">
        <v>1</v>
      </c>
      <c r="GP35" s="71">
        <v>0</v>
      </c>
      <c r="GQ35" s="72">
        <v>11</v>
      </c>
      <c r="GR35" s="73">
        <v>12</v>
      </c>
      <c r="GS35" s="123">
        <v>4</v>
      </c>
      <c r="GT35" s="82">
        <v>2</v>
      </c>
      <c r="GU35" s="83">
        <v>6</v>
      </c>
      <c r="GV35" s="241"/>
      <c r="GW35" s="82">
        <v>11</v>
      </c>
      <c r="GX35" s="82">
        <v>8</v>
      </c>
      <c r="GY35" s="82">
        <v>6</v>
      </c>
      <c r="GZ35" s="82">
        <v>5</v>
      </c>
      <c r="HA35" s="82">
        <v>5</v>
      </c>
      <c r="HB35" s="84">
        <v>35</v>
      </c>
      <c r="HC35" s="85">
        <v>41</v>
      </c>
      <c r="HD35" s="70">
        <v>0</v>
      </c>
      <c r="HE35" s="71">
        <v>0</v>
      </c>
      <c r="HF35" s="72">
        <v>0</v>
      </c>
      <c r="HG35" s="244"/>
      <c r="HH35" s="71">
        <v>1</v>
      </c>
      <c r="HI35" s="71">
        <v>0</v>
      </c>
      <c r="HJ35" s="71">
        <v>0</v>
      </c>
      <c r="HK35" s="71">
        <v>0</v>
      </c>
      <c r="HL35" s="71">
        <v>0</v>
      </c>
      <c r="HM35" s="72">
        <v>1</v>
      </c>
      <c r="HN35" s="73">
        <v>1</v>
      </c>
      <c r="HO35" s="70">
        <v>2</v>
      </c>
      <c r="HP35" s="71">
        <v>0</v>
      </c>
      <c r="HQ35" s="72">
        <v>2</v>
      </c>
      <c r="HR35" s="244"/>
      <c r="HS35" s="71">
        <v>1</v>
      </c>
      <c r="HT35" s="71">
        <v>1</v>
      </c>
      <c r="HU35" s="71">
        <v>0</v>
      </c>
      <c r="HV35" s="71">
        <v>1</v>
      </c>
      <c r="HW35" s="71">
        <v>0</v>
      </c>
      <c r="HX35" s="72">
        <v>3</v>
      </c>
      <c r="HY35" s="73">
        <v>5</v>
      </c>
      <c r="HZ35" s="70">
        <v>1</v>
      </c>
      <c r="IA35" s="71">
        <v>1</v>
      </c>
      <c r="IB35" s="72">
        <v>2</v>
      </c>
      <c r="IC35" s="244"/>
      <c r="ID35" s="71">
        <v>0</v>
      </c>
      <c r="IE35" s="71">
        <v>1</v>
      </c>
      <c r="IF35" s="71">
        <v>0</v>
      </c>
      <c r="IG35" s="71">
        <v>0</v>
      </c>
      <c r="IH35" s="71">
        <v>2</v>
      </c>
      <c r="II35" s="72">
        <v>3</v>
      </c>
      <c r="IJ35" s="73">
        <v>5</v>
      </c>
      <c r="IK35" s="70">
        <v>0</v>
      </c>
      <c r="IL35" s="71">
        <v>1</v>
      </c>
      <c r="IM35" s="72">
        <v>1</v>
      </c>
      <c r="IN35" s="244"/>
      <c r="IO35" s="71">
        <v>5</v>
      </c>
      <c r="IP35" s="71">
        <v>0</v>
      </c>
      <c r="IQ35" s="71">
        <v>0</v>
      </c>
      <c r="IR35" s="71">
        <v>0</v>
      </c>
      <c r="IS35" s="71">
        <v>1</v>
      </c>
      <c r="IT35" s="72">
        <v>6</v>
      </c>
      <c r="IU35" s="73">
        <v>7</v>
      </c>
      <c r="IV35" s="70">
        <v>1</v>
      </c>
      <c r="IW35" s="71">
        <v>0</v>
      </c>
      <c r="IX35" s="72">
        <v>1</v>
      </c>
      <c r="IY35" s="244"/>
      <c r="IZ35" s="71">
        <v>2</v>
      </c>
      <c r="JA35" s="71">
        <v>2</v>
      </c>
      <c r="JB35" s="71">
        <v>4</v>
      </c>
      <c r="JC35" s="71">
        <v>1</v>
      </c>
      <c r="JD35" s="71">
        <v>2</v>
      </c>
      <c r="JE35" s="72">
        <v>11</v>
      </c>
      <c r="JF35" s="73">
        <v>12</v>
      </c>
      <c r="JG35" s="70">
        <v>0</v>
      </c>
      <c r="JH35" s="71">
        <v>0</v>
      </c>
      <c r="JI35" s="72">
        <v>0</v>
      </c>
      <c r="JJ35" s="244"/>
      <c r="JK35" s="71">
        <v>2</v>
      </c>
      <c r="JL35" s="71">
        <v>4</v>
      </c>
      <c r="JM35" s="71">
        <v>2</v>
      </c>
      <c r="JN35" s="71">
        <v>3</v>
      </c>
      <c r="JO35" s="71">
        <v>0</v>
      </c>
      <c r="JP35" s="72">
        <v>11</v>
      </c>
      <c r="JQ35" s="73">
        <v>11</v>
      </c>
      <c r="JR35" s="70">
        <v>0</v>
      </c>
      <c r="JS35" s="71">
        <v>0</v>
      </c>
      <c r="JT35" s="72">
        <v>0</v>
      </c>
      <c r="JU35" s="244"/>
      <c r="JV35" s="71">
        <v>0</v>
      </c>
      <c r="JW35" s="71">
        <v>0</v>
      </c>
      <c r="JX35" s="71">
        <v>0</v>
      </c>
      <c r="JY35" s="71">
        <v>0</v>
      </c>
      <c r="JZ35" s="71">
        <v>0</v>
      </c>
      <c r="KA35" s="72">
        <v>0</v>
      </c>
      <c r="KB35" s="73">
        <v>0</v>
      </c>
      <c r="KC35" s="70">
        <v>4</v>
      </c>
      <c r="KD35" s="71">
        <v>2</v>
      </c>
      <c r="KE35" s="72">
        <v>6</v>
      </c>
      <c r="KF35" s="244"/>
      <c r="KG35" s="71">
        <v>11</v>
      </c>
      <c r="KH35" s="71">
        <v>8</v>
      </c>
      <c r="KI35" s="71">
        <v>6</v>
      </c>
      <c r="KJ35" s="71">
        <v>5</v>
      </c>
      <c r="KK35" s="71">
        <v>5</v>
      </c>
      <c r="KL35" s="72">
        <v>35</v>
      </c>
      <c r="KM35" s="73">
        <v>41</v>
      </c>
    </row>
    <row r="36" spans="2:299" ht="21" customHeight="1" x14ac:dyDescent="0.2">
      <c r="B36" s="126" t="s">
        <v>33</v>
      </c>
      <c r="C36" s="313">
        <v>1</v>
      </c>
      <c r="D36" s="82">
        <v>3</v>
      </c>
      <c r="E36" s="83">
        <v>4</v>
      </c>
      <c r="F36" s="241"/>
      <c r="G36" s="82">
        <v>8</v>
      </c>
      <c r="H36" s="82">
        <v>2</v>
      </c>
      <c r="I36" s="82">
        <v>4</v>
      </c>
      <c r="J36" s="82">
        <v>3</v>
      </c>
      <c r="K36" s="82">
        <v>5</v>
      </c>
      <c r="L36" s="84">
        <v>22</v>
      </c>
      <c r="M36" s="85">
        <v>26</v>
      </c>
      <c r="N36" s="70">
        <v>0</v>
      </c>
      <c r="O36" s="71">
        <v>0</v>
      </c>
      <c r="P36" s="72">
        <v>0</v>
      </c>
      <c r="Q36" s="244"/>
      <c r="R36" s="71">
        <v>1</v>
      </c>
      <c r="S36" s="71">
        <v>0</v>
      </c>
      <c r="T36" s="71">
        <v>0</v>
      </c>
      <c r="U36" s="71">
        <v>0</v>
      </c>
      <c r="V36" s="71">
        <v>1</v>
      </c>
      <c r="W36" s="72">
        <v>2</v>
      </c>
      <c r="X36" s="73">
        <v>2</v>
      </c>
      <c r="Y36" s="70">
        <v>0</v>
      </c>
      <c r="Z36" s="71">
        <v>0</v>
      </c>
      <c r="AA36" s="72">
        <v>0</v>
      </c>
      <c r="AB36" s="244"/>
      <c r="AC36" s="71">
        <v>2</v>
      </c>
      <c r="AD36" s="71">
        <v>0</v>
      </c>
      <c r="AE36" s="71">
        <v>1</v>
      </c>
      <c r="AF36" s="71">
        <v>0</v>
      </c>
      <c r="AG36" s="71">
        <v>1</v>
      </c>
      <c r="AH36" s="72">
        <v>4</v>
      </c>
      <c r="AI36" s="73">
        <v>4</v>
      </c>
      <c r="AJ36" s="70">
        <v>0</v>
      </c>
      <c r="AK36" s="71">
        <v>0</v>
      </c>
      <c r="AL36" s="72">
        <v>0</v>
      </c>
      <c r="AM36" s="244"/>
      <c r="AN36" s="71">
        <v>1</v>
      </c>
      <c r="AO36" s="71">
        <v>1</v>
      </c>
      <c r="AP36" s="71">
        <v>0</v>
      </c>
      <c r="AQ36" s="71">
        <v>0</v>
      </c>
      <c r="AR36" s="71">
        <v>2</v>
      </c>
      <c r="AS36" s="72">
        <v>4</v>
      </c>
      <c r="AT36" s="73">
        <v>4</v>
      </c>
      <c r="AU36" s="70">
        <v>0</v>
      </c>
      <c r="AV36" s="71">
        <v>1</v>
      </c>
      <c r="AW36" s="72">
        <v>1</v>
      </c>
      <c r="AX36" s="244"/>
      <c r="AY36" s="71">
        <v>0</v>
      </c>
      <c r="AZ36" s="71">
        <v>1</v>
      </c>
      <c r="BA36" s="71">
        <v>0</v>
      </c>
      <c r="BB36" s="71">
        <v>1</v>
      </c>
      <c r="BC36" s="71">
        <v>0</v>
      </c>
      <c r="BD36" s="72">
        <v>2</v>
      </c>
      <c r="BE36" s="73">
        <v>3</v>
      </c>
      <c r="BF36" s="70">
        <v>1</v>
      </c>
      <c r="BG36" s="71">
        <v>0</v>
      </c>
      <c r="BH36" s="72">
        <v>1</v>
      </c>
      <c r="BI36" s="244"/>
      <c r="BJ36" s="71">
        <v>1</v>
      </c>
      <c r="BK36" s="71">
        <v>0</v>
      </c>
      <c r="BL36" s="71">
        <v>2</v>
      </c>
      <c r="BM36" s="71">
        <v>0</v>
      </c>
      <c r="BN36" s="71">
        <v>1</v>
      </c>
      <c r="BO36" s="72">
        <v>4</v>
      </c>
      <c r="BP36" s="73">
        <v>5</v>
      </c>
      <c r="BQ36" s="70">
        <v>0</v>
      </c>
      <c r="BR36" s="71">
        <v>2</v>
      </c>
      <c r="BS36" s="72">
        <v>2</v>
      </c>
      <c r="BT36" s="244"/>
      <c r="BU36" s="71">
        <v>3</v>
      </c>
      <c r="BV36" s="71">
        <v>0</v>
      </c>
      <c r="BW36" s="71">
        <v>1</v>
      </c>
      <c r="BX36" s="71">
        <v>2</v>
      </c>
      <c r="BY36" s="71">
        <v>0</v>
      </c>
      <c r="BZ36" s="72">
        <v>6</v>
      </c>
      <c r="CA36" s="73">
        <v>8</v>
      </c>
      <c r="CB36" s="70">
        <v>0</v>
      </c>
      <c r="CC36" s="71">
        <v>0</v>
      </c>
      <c r="CD36" s="72">
        <v>0</v>
      </c>
      <c r="CE36" s="244"/>
      <c r="CF36" s="71">
        <v>0</v>
      </c>
      <c r="CG36" s="71">
        <v>0</v>
      </c>
      <c r="CH36" s="71">
        <v>0</v>
      </c>
      <c r="CI36" s="71">
        <v>0</v>
      </c>
      <c r="CJ36" s="71">
        <v>0</v>
      </c>
      <c r="CK36" s="72">
        <v>0</v>
      </c>
      <c r="CL36" s="73">
        <v>0</v>
      </c>
      <c r="CM36" s="70">
        <v>1</v>
      </c>
      <c r="CN36" s="71">
        <v>3</v>
      </c>
      <c r="CO36" s="72">
        <v>4</v>
      </c>
      <c r="CP36" s="244"/>
      <c r="CQ36" s="71">
        <v>8</v>
      </c>
      <c r="CR36" s="71">
        <v>2</v>
      </c>
      <c r="CS36" s="71">
        <v>4</v>
      </c>
      <c r="CT36" s="71">
        <v>3</v>
      </c>
      <c r="CU36" s="71">
        <v>5</v>
      </c>
      <c r="CV36" s="72">
        <v>22</v>
      </c>
      <c r="CW36" s="73">
        <v>26</v>
      </c>
      <c r="CX36" s="123">
        <v>3</v>
      </c>
      <c r="CY36" s="82">
        <v>4</v>
      </c>
      <c r="CZ36" s="83">
        <v>7</v>
      </c>
      <c r="DA36" s="241"/>
      <c r="DB36" s="82">
        <v>4</v>
      </c>
      <c r="DC36" s="82">
        <v>1</v>
      </c>
      <c r="DD36" s="82">
        <v>4</v>
      </c>
      <c r="DE36" s="82">
        <v>3</v>
      </c>
      <c r="DF36" s="82">
        <v>1</v>
      </c>
      <c r="DG36" s="84">
        <v>13</v>
      </c>
      <c r="DH36" s="85">
        <v>20</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0</v>
      </c>
      <c r="DZ36" s="71">
        <v>0</v>
      </c>
      <c r="EA36" s="71">
        <v>0</v>
      </c>
      <c r="EB36" s="71">
        <v>0</v>
      </c>
      <c r="EC36" s="72">
        <v>0</v>
      </c>
      <c r="ED36" s="73">
        <v>0</v>
      </c>
      <c r="EE36" s="70">
        <v>0</v>
      </c>
      <c r="EF36" s="71">
        <v>1</v>
      </c>
      <c r="EG36" s="72">
        <v>1</v>
      </c>
      <c r="EH36" s="244"/>
      <c r="EI36" s="71">
        <v>0</v>
      </c>
      <c r="EJ36" s="71">
        <v>1</v>
      </c>
      <c r="EK36" s="71">
        <v>1</v>
      </c>
      <c r="EL36" s="71">
        <v>1</v>
      </c>
      <c r="EM36" s="71">
        <v>0</v>
      </c>
      <c r="EN36" s="72">
        <v>3</v>
      </c>
      <c r="EO36" s="73">
        <v>4</v>
      </c>
      <c r="EP36" s="70">
        <v>3</v>
      </c>
      <c r="EQ36" s="71">
        <v>0</v>
      </c>
      <c r="ER36" s="72">
        <v>3</v>
      </c>
      <c r="ES36" s="244"/>
      <c r="ET36" s="71">
        <v>0</v>
      </c>
      <c r="EU36" s="71">
        <v>0</v>
      </c>
      <c r="EV36" s="71">
        <v>1</v>
      </c>
      <c r="EW36" s="71">
        <v>0</v>
      </c>
      <c r="EX36" s="71">
        <v>0</v>
      </c>
      <c r="EY36" s="72">
        <v>1</v>
      </c>
      <c r="EZ36" s="73">
        <v>4</v>
      </c>
      <c r="FA36" s="70">
        <v>0</v>
      </c>
      <c r="FB36" s="71">
        <v>2</v>
      </c>
      <c r="FC36" s="72">
        <v>2</v>
      </c>
      <c r="FD36" s="244"/>
      <c r="FE36" s="71">
        <v>2</v>
      </c>
      <c r="FF36" s="71">
        <v>0</v>
      </c>
      <c r="FG36" s="71">
        <v>0</v>
      </c>
      <c r="FH36" s="71">
        <v>1</v>
      </c>
      <c r="FI36" s="71">
        <v>1</v>
      </c>
      <c r="FJ36" s="72">
        <v>4</v>
      </c>
      <c r="FK36" s="73">
        <v>6</v>
      </c>
      <c r="FL36" s="70">
        <v>0</v>
      </c>
      <c r="FM36" s="71">
        <v>1</v>
      </c>
      <c r="FN36" s="72">
        <v>1</v>
      </c>
      <c r="FO36" s="244"/>
      <c r="FP36" s="71">
        <v>2</v>
      </c>
      <c r="FQ36" s="71">
        <v>0</v>
      </c>
      <c r="FR36" s="71">
        <v>2</v>
      </c>
      <c r="FS36" s="71">
        <v>1</v>
      </c>
      <c r="FT36" s="71">
        <v>0</v>
      </c>
      <c r="FU36" s="72">
        <v>5</v>
      </c>
      <c r="FV36" s="73">
        <v>6</v>
      </c>
      <c r="FW36" s="70">
        <v>0</v>
      </c>
      <c r="FX36" s="71">
        <v>0</v>
      </c>
      <c r="FY36" s="72">
        <v>0</v>
      </c>
      <c r="FZ36" s="244"/>
      <c r="GA36" s="71">
        <v>0</v>
      </c>
      <c r="GB36" s="71">
        <v>0</v>
      </c>
      <c r="GC36" s="71">
        <v>0</v>
      </c>
      <c r="GD36" s="71">
        <v>0</v>
      </c>
      <c r="GE36" s="71">
        <v>0</v>
      </c>
      <c r="GF36" s="72">
        <v>0</v>
      </c>
      <c r="GG36" s="73">
        <v>0</v>
      </c>
      <c r="GH36" s="70">
        <v>3</v>
      </c>
      <c r="GI36" s="71">
        <v>4</v>
      </c>
      <c r="GJ36" s="72">
        <v>7</v>
      </c>
      <c r="GK36" s="244"/>
      <c r="GL36" s="71">
        <v>4</v>
      </c>
      <c r="GM36" s="71">
        <v>1</v>
      </c>
      <c r="GN36" s="71">
        <v>4</v>
      </c>
      <c r="GO36" s="71">
        <v>3</v>
      </c>
      <c r="GP36" s="71">
        <v>1</v>
      </c>
      <c r="GQ36" s="72">
        <v>13</v>
      </c>
      <c r="GR36" s="73">
        <v>20</v>
      </c>
      <c r="GS36" s="123">
        <v>4</v>
      </c>
      <c r="GT36" s="82">
        <v>7</v>
      </c>
      <c r="GU36" s="83">
        <v>11</v>
      </c>
      <c r="GV36" s="241"/>
      <c r="GW36" s="82">
        <v>12</v>
      </c>
      <c r="GX36" s="82">
        <v>3</v>
      </c>
      <c r="GY36" s="82">
        <v>8</v>
      </c>
      <c r="GZ36" s="82">
        <v>6</v>
      </c>
      <c r="HA36" s="82">
        <v>6</v>
      </c>
      <c r="HB36" s="84">
        <v>35</v>
      </c>
      <c r="HC36" s="85">
        <v>46</v>
      </c>
      <c r="HD36" s="70">
        <v>0</v>
      </c>
      <c r="HE36" s="71">
        <v>0</v>
      </c>
      <c r="HF36" s="72">
        <v>0</v>
      </c>
      <c r="HG36" s="244"/>
      <c r="HH36" s="71">
        <v>1</v>
      </c>
      <c r="HI36" s="71">
        <v>0</v>
      </c>
      <c r="HJ36" s="71">
        <v>0</v>
      </c>
      <c r="HK36" s="71">
        <v>0</v>
      </c>
      <c r="HL36" s="71">
        <v>1</v>
      </c>
      <c r="HM36" s="72">
        <v>2</v>
      </c>
      <c r="HN36" s="73">
        <v>2</v>
      </c>
      <c r="HO36" s="70">
        <v>0</v>
      </c>
      <c r="HP36" s="71">
        <v>0</v>
      </c>
      <c r="HQ36" s="72">
        <v>0</v>
      </c>
      <c r="HR36" s="244"/>
      <c r="HS36" s="71">
        <v>2</v>
      </c>
      <c r="HT36" s="71">
        <v>0</v>
      </c>
      <c r="HU36" s="71">
        <v>1</v>
      </c>
      <c r="HV36" s="71">
        <v>0</v>
      </c>
      <c r="HW36" s="71">
        <v>1</v>
      </c>
      <c r="HX36" s="72">
        <v>4</v>
      </c>
      <c r="HY36" s="73">
        <v>4</v>
      </c>
      <c r="HZ36" s="70">
        <v>0</v>
      </c>
      <c r="IA36" s="71">
        <v>1</v>
      </c>
      <c r="IB36" s="72">
        <v>1</v>
      </c>
      <c r="IC36" s="244"/>
      <c r="ID36" s="71">
        <v>1</v>
      </c>
      <c r="IE36" s="71">
        <v>2</v>
      </c>
      <c r="IF36" s="71">
        <v>1</v>
      </c>
      <c r="IG36" s="71">
        <v>1</v>
      </c>
      <c r="IH36" s="71">
        <v>2</v>
      </c>
      <c r="II36" s="72">
        <v>7</v>
      </c>
      <c r="IJ36" s="73">
        <v>8</v>
      </c>
      <c r="IK36" s="70">
        <v>3</v>
      </c>
      <c r="IL36" s="71">
        <v>1</v>
      </c>
      <c r="IM36" s="72">
        <v>4</v>
      </c>
      <c r="IN36" s="244"/>
      <c r="IO36" s="71">
        <v>0</v>
      </c>
      <c r="IP36" s="71">
        <v>1</v>
      </c>
      <c r="IQ36" s="71">
        <v>1</v>
      </c>
      <c r="IR36" s="71">
        <v>1</v>
      </c>
      <c r="IS36" s="71">
        <v>0</v>
      </c>
      <c r="IT36" s="72">
        <v>3</v>
      </c>
      <c r="IU36" s="73">
        <v>7</v>
      </c>
      <c r="IV36" s="70">
        <v>1</v>
      </c>
      <c r="IW36" s="71">
        <v>2</v>
      </c>
      <c r="IX36" s="72">
        <v>3</v>
      </c>
      <c r="IY36" s="244"/>
      <c r="IZ36" s="71">
        <v>3</v>
      </c>
      <c r="JA36" s="71">
        <v>0</v>
      </c>
      <c r="JB36" s="71">
        <v>2</v>
      </c>
      <c r="JC36" s="71">
        <v>1</v>
      </c>
      <c r="JD36" s="71">
        <v>2</v>
      </c>
      <c r="JE36" s="72">
        <v>8</v>
      </c>
      <c r="JF36" s="73">
        <v>11</v>
      </c>
      <c r="JG36" s="70">
        <v>0</v>
      </c>
      <c r="JH36" s="71">
        <v>3</v>
      </c>
      <c r="JI36" s="72">
        <v>3</v>
      </c>
      <c r="JJ36" s="244"/>
      <c r="JK36" s="71">
        <v>5</v>
      </c>
      <c r="JL36" s="71">
        <v>0</v>
      </c>
      <c r="JM36" s="71">
        <v>3</v>
      </c>
      <c r="JN36" s="71">
        <v>3</v>
      </c>
      <c r="JO36" s="71">
        <v>0</v>
      </c>
      <c r="JP36" s="72">
        <v>11</v>
      </c>
      <c r="JQ36" s="73">
        <v>14</v>
      </c>
      <c r="JR36" s="70">
        <v>0</v>
      </c>
      <c r="JS36" s="71">
        <v>0</v>
      </c>
      <c r="JT36" s="72">
        <v>0</v>
      </c>
      <c r="JU36" s="244"/>
      <c r="JV36" s="71">
        <v>0</v>
      </c>
      <c r="JW36" s="71">
        <v>0</v>
      </c>
      <c r="JX36" s="71">
        <v>0</v>
      </c>
      <c r="JY36" s="71">
        <v>0</v>
      </c>
      <c r="JZ36" s="71">
        <v>0</v>
      </c>
      <c r="KA36" s="72">
        <v>0</v>
      </c>
      <c r="KB36" s="73">
        <v>0</v>
      </c>
      <c r="KC36" s="70">
        <v>4</v>
      </c>
      <c r="KD36" s="71">
        <v>7</v>
      </c>
      <c r="KE36" s="72">
        <v>11</v>
      </c>
      <c r="KF36" s="244"/>
      <c r="KG36" s="71">
        <v>12</v>
      </c>
      <c r="KH36" s="71">
        <v>3</v>
      </c>
      <c r="KI36" s="71">
        <v>8</v>
      </c>
      <c r="KJ36" s="71">
        <v>6</v>
      </c>
      <c r="KK36" s="71">
        <v>6</v>
      </c>
      <c r="KL36" s="72">
        <v>35</v>
      </c>
      <c r="KM36" s="73">
        <v>46</v>
      </c>
    </row>
    <row r="37" spans="2:299" ht="21" customHeight="1" x14ac:dyDescent="0.2">
      <c r="B37" s="126" t="s">
        <v>34</v>
      </c>
      <c r="C37" s="313">
        <v>1</v>
      </c>
      <c r="D37" s="82">
        <v>0</v>
      </c>
      <c r="E37" s="83">
        <v>1</v>
      </c>
      <c r="F37" s="241"/>
      <c r="G37" s="82">
        <v>1</v>
      </c>
      <c r="H37" s="82">
        <v>4</v>
      </c>
      <c r="I37" s="82">
        <v>2</v>
      </c>
      <c r="J37" s="82">
        <v>0</v>
      </c>
      <c r="K37" s="82">
        <v>1</v>
      </c>
      <c r="L37" s="84">
        <v>8</v>
      </c>
      <c r="M37" s="85">
        <v>9</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1</v>
      </c>
      <c r="AK37" s="71">
        <v>0</v>
      </c>
      <c r="AL37" s="72">
        <v>1</v>
      </c>
      <c r="AM37" s="244"/>
      <c r="AN37" s="71">
        <v>0</v>
      </c>
      <c r="AO37" s="71">
        <v>0</v>
      </c>
      <c r="AP37" s="71">
        <v>0</v>
      </c>
      <c r="AQ37" s="71">
        <v>0</v>
      </c>
      <c r="AR37" s="71">
        <v>0</v>
      </c>
      <c r="AS37" s="72">
        <v>0</v>
      </c>
      <c r="AT37" s="73">
        <v>1</v>
      </c>
      <c r="AU37" s="70">
        <v>0</v>
      </c>
      <c r="AV37" s="71">
        <v>0</v>
      </c>
      <c r="AW37" s="72">
        <v>0</v>
      </c>
      <c r="AX37" s="244"/>
      <c r="AY37" s="71">
        <v>1</v>
      </c>
      <c r="AZ37" s="71">
        <v>1</v>
      </c>
      <c r="BA37" s="71">
        <v>0</v>
      </c>
      <c r="BB37" s="71">
        <v>0</v>
      </c>
      <c r="BC37" s="71">
        <v>0</v>
      </c>
      <c r="BD37" s="72">
        <v>2</v>
      </c>
      <c r="BE37" s="73">
        <v>2</v>
      </c>
      <c r="BF37" s="70">
        <v>0</v>
      </c>
      <c r="BG37" s="71">
        <v>0</v>
      </c>
      <c r="BH37" s="72">
        <v>0</v>
      </c>
      <c r="BI37" s="244"/>
      <c r="BJ37" s="71">
        <v>0</v>
      </c>
      <c r="BK37" s="71">
        <v>0</v>
      </c>
      <c r="BL37" s="71">
        <v>1</v>
      </c>
      <c r="BM37" s="71">
        <v>0</v>
      </c>
      <c r="BN37" s="71">
        <v>0</v>
      </c>
      <c r="BO37" s="72">
        <v>1</v>
      </c>
      <c r="BP37" s="73">
        <v>1</v>
      </c>
      <c r="BQ37" s="70">
        <v>0</v>
      </c>
      <c r="BR37" s="71">
        <v>0</v>
      </c>
      <c r="BS37" s="72">
        <v>0</v>
      </c>
      <c r="BT37" s="244"/>
      <c r="BU37" s="71">
        <v>0</v>
      </c>
      <c r="BV37" s="71">
        <v>2</v>
      </c>
      <c r="BW37" s="71">
        <v>1</v>
      </c>
      <c r="BX37" s="71">
        <v>0</v>
      </c>
      <c r="BY37" s="71">
        <v>1</v>
      </c>
      <c r="BZ37" s="72">
        <v>4</v>
      </c>
      <c r="CA37" s="73">
        <v>4</v>
      </c>
      <c r="CB37" s="70">
        <v>0</v>
      </c>
      <c r="CC37" s="71">
        <v>0</v>
      </c>
      <c r="CD37" s="72">
        <v>0</v>
      </c>
      <c r="CE37" s="244"/>
      <c r="CF37" s="71">
        <v>0</v>
      </c>
      <c r="CG37" s="71">
        <v>0</v>
      </c>
      <c r="CH37" s="71">
        <v>0</v>
      </c>
      <c r="CI37" s="71">
        <v>0</v>
      </c>
      <c r="CJ37" s="71">
        <v>0</v>
      </c>
      <c r="CK37" s="72">
        <v>0</v>
      </c>
      <c r="CL37" s="73">
        <v>0</v>
      </c>
      <c r="CM37" s="70">
        <v>1</v>
      </c>
      <c r="CN37" s="71">
        <v>0</v>
      </c>
      <c r="CO37" s="72">
        <v>1</v>
      </c>
      <c r="CP37" s="244"/>
      <c r="CQ37" s="71">
        <v>1</v>
      </c>
      <c r="CR37" s="71">
        <v>4</v>
      </c>
      <c r="CS37" s="71">
        <v>2</v>
      </c>
      <c r="CT37" s="71">
        <v>0</v>
      </c>
      <c r="CU37" s="71">
        <v>1</v>
      </c>
      <c r="CV37" s="72">
        <v>8</v>
      </c>
      <c r="CW37" s="73">
        <v>9</v>
      </c>
      <c r="CX37" s="123">
        <v>1</v>
      </c>
      <c r="CY37" s="82">
        <v>0</v>
      </c>
      <c r="CZ37" s="83">
        <v>1</v>
      </c>
      <c r="DA37" s="241"/>
      <c r="DB37" s="82">
        <v>1</v>
      </c>
      <c r="DC37" s="82">
        <v>1</v>
      </c>
      <c r="DD37" s="82">
        <v>1</v>
      </c>
      <c r="DE37" s="82">
        <v>0</v>
      </c>
      <c r="DF37" s="82">
        <v>0</v>
      </c>
      <c r="DG37" s="84">
        <v>3</v>
      </c>
      <c r="DH37" s="85">
        <v>4</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0</v>
      </c>
      <c r="EQ37" s="71">
        <v>0</v>
      </c>
      <c r="ER37" s="72">
        <v>0</v>
      </c>
      <c r="ES37" s="244"/>
      <c r="ET37" s="71">
        <v>0</v>
      </c>
      <c r="EU37" s="71">
        <v>0</v>
      </c>
      <c r="EV37" s="71">
        <v>0</v>
      </c>
      <c r="EW37" s="71">
        <v>0</v>
      </c>
      <c r="EX37" s="71">
        <v>0</v>
      </c>
      <c r="EY37" s="72">
        <v>0</v>
      </c>
      <c r="EZ37" s="73">
        <v>0</v>
      </c>
      <c r="FA37" s="70">
        <v>1</v>
      </c>
      <c r="FB37" s="71">
        <v>0</v>
      </c>
      <c r="FC37" s="72">
        <v>1</v>
      </c>
      <c r="FD37" s="244"/>
      <c r="FE37" s="71">
        <v>1</v>
      </c>
      <c r="FF37" s="71">
        <v>1</v>
      </c>
      <c r="FG37" s="71">
        <v>0</v>
      </c>
      <c r="FH37" s="71">
        <v>0</v>
      </c>
      <c r="FI37" s="71">
        <v>0</v>
      </c>
      <c r="FJ37" s="72">
        <v>2</v>
      </c>
      <c r="FK37" s="73">
        <v>3</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1</v>
      </c>
      <c r="GI37" s="71">
        <v>0</v>
      </c>
      <c r="GJ37" s="72">
        <v>1</v>
      </c>
      <c r="GK37" s="244"/>
      <c r="GL37" s="71">
        <v>1</v>
      </c>
      <c r="GM37" s="71">
        <v>1</v>
      </c>
      <c r="GN37" s="71">
        <v>1</v>
      </c>
      <c r="GO37" s="71">
        <v>0</v>
      </c>
      <c r="GP37" s="71">
        <v>0</v>
      </c>
      <c r="GQ37" s="72">
        <v>3</v>
      </c>
      <c r="GR37" s="73">
        <v>4</v>
      </c>
      <c r="GS37" s="123">
        <v>2</v>
      </c>
      <c r="GT37" s="82">
        <v>0</v>
      </c>
      <c r="GU37" s="83">
        <v>2</v>
      </c>
      <c r="GV37" s="241"/>
      <c r="GW37" s="82">
        <v>2</v>
      </c>
      <c r="GX37" s="82">
        <v>5</v>
      </c>
      <c r="GY37" s="82">
        <v>3</v>
      </c>
      <c r="GZ37" s="82">
        <v>0</v>
      </c>
      <c r="HA37" s="82">
        <v>1</v>
      </c>
      <c r="HB37" s="84">
        <v>11</v>
      </c>
      <c r="HC37" s="85">
        <v>13</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1</v>
      </c>
      <c r="IA37" s="71">
        <v>0</v>
      </c>
      <c r="IB37" s="72">
        <v>1</v>
      </c>
      <c r="IC37" s="244"/>
      <c r="ID37" s="71">
        <v>0</v>
      </c>
      <c r="IE37" s="71">
        <v>0</v>
      </c>
      <c r="IF37" s="71">
        <v>1</v>
      </c>
      <c r="IG37" s="71">
        <v>0</v>
      </c>
      <c r="IH37" s="71">
        <v>0</v>
      </c>
      <c r="II37" s="72">
        <v>1</v>
      </c>
      <c r="IJ37" s="73">
        <v>2</v>
      </c>
      <c r="IK37" s="70">
        <v>0</v>
      </c>
      <c r="IL37" s="71">
        <v>0</v>
      </c>
      <c r="IM37" s="72">
        <v>0</v>
      </c>
      <c r="IN37" s="244"/>
      <c r="IO37" s="71">
        <v>1</v>
      </c>
      <c r="IP37" s="71">
        <v>1</v>
      </c>
      <c r="IQ37" s="71">
        <v>0</v>
      </c>
      <c r="IR37" s="71">
        <v>0</v>
      </c>
      <c r="IS37" s="71">
        <v>0</v>
      </c>
      <c r="IT37" s="72">
        <v>2</v>
      </c>
      <c r="IU37" s="73">
        <v>2</v>
      </c>
      <c r="IV37" s="70">
        <v>1</v>
      </c>
      <c r="IW37" s="71">
        <v>0</v>
      </c>
      <c r="IX37" s="72">
        <v>1</v>
      </c>
      <c r="IY37" s="244"/>
      <c r="IZ37" s="71">
        <v>1</v>
      </c>
      <c r="JA37" s="71">
        <v>1</v>
      </c>
      <c r="JB37" s="71">
        <v>1</v>
      </c>
      <c r="JC37" s="71">
        <v>0</v>
      </c>
      <c r="JD37" s="71">
        <v>0</v>
      </c>
      <c r="JE37" s="72">
        <v>3</v>
      </c>
      <c r="JF37" s="73">
        <v>4</v>
      </c>
      <c r="JG37" s="70">
        <v>0</v>
      </c>
      <c r="JH37" s="71">
        <v>0</v>
      </c>
      <c r="JI37" s="72">
        <v>0</v>
      </c>
      <c r="JJ37" s="244"/>
      <c r="JK37" s="71">
        <v>0</v>
      </c>
      <c r="JL37" s="71">
        <v>2</v>
      </c>
      <c r="JM37" s="71">
        <v>1</v>
      </c>
      <c r="JN37" s="71">
        <v>0</v>
      </c>
      <c r="JO37" s="71">
        <v>1</v>
      </c>
      <c r="JP37" s="72">
        <v>4</v>
      </c>
      <c r="JQ37" s="73">
        <v>4</v>
      </c>
      <c r="JR37" s="70">
        <v>0</v>
      </c>
      <c r="JS37" s="71">
        <v>0</v>
      </c>
      <c r="JT37" s="72">
        <v>0</v>
      </c>
      <c r="JU37" s="244"/>
      <c r="JV37" s="71">
        <v>0</v>
      </c>
      <c r="JW37" s="71">
        <v>0</v>
      </c>
      <c r="JX37" s="71">
        <v>0</v>
      </c>
      <c r="JY37" s="71">
        <v>0</v>
      </c>
      <c r="JZ37" s="71">
        <v>0</v>
      </c>
      <c r="KA37" s="72">
        <v>0</v>
      </c>
      <c r="KB37" s="73">
        <v>0</v>
      </c>
      <c r="KC37" s="70">
        <v>2</v>
      </c>
      <c r="KD37" s="71">
        <v>0</v>
      </c>
      <c r="KE37" s="72">
        <v>2</v>
      </c>
      <c r="KF37" s="244"/>
      <c r="KG37" s="71">
        <v>2</v>
      </c>
      <c r="KH37" s="71">
        <v>5</v>
      </c>
      <c r="KI37" s="71">
        <v>3</v>
      </c>
      <c r="KJ37" s="71">
        <v>0</v>
      </c>
      <c r="KK37" s="71">
        <v>1</v>
      </c>
      <c r="KL37" s="72">
        <v>11</v>
      </c>
      <c r="KM37" s="73">
        <v>13</v>
      </c>
    </row>
    <row r="38" spans="2:299" ht="21" customHeight="1" x14ac:dyDescent="0.2">
      <c r="B38" s="126" t="s">
        <v>35</v>
      </c>
      <c r="C38" s="313">
        <v>5</v>
      </c>
      <c r="D38" s="82">
        <v>10</v>
      </c>
      <c r="E38" s="83">
        <v>15</v>
      </c>
      <c r="F38" s="241"/>
      <c r="G38" s="82">
        <v>19</v>
      </c>
      <c r="H38" s="82">
        <v>7</v>
      </c>
      <c r="I38" s="82">
        <v>6</v>
      </c>
      <c r="J38" s="82">
        <v>5</v>
      </c>
      <c r="K38" s="82">
        <v>0</v>
      </c>
      <c r="L38" s="84">
        <v>37</v>
      </c>
      <c r="M38" s="85">
        <v>52</v>
      </c>
      <c r="N38" s="70">
        <v>0</v>
      </c>
      <c r="O38" s="71">
        <v>0</v>
      </c>
      <c r="P38" s="72">
        <v>0</v>
      </c>
      <c r="Q38" s="244"/>
      <c r="R38" s="71">
        <v>0</v>
      </c>
      <c r="S38" s="71">
        <v>0</v>
      </c>
      <c r="T38" s="71">
        <v>0</v>
      </c>
      <c r="U38" s="71">
        <v>2</v>
      </c>
      <c r="V38" s="71">
        <v>0</v>
      </c>
      <c r="W38" s="72">
        <v>2</v>
      </c>
      <c r="X38" s="73">
        <v>2</v>
      </c>
      <c r="Y38" s="70">
        <v>0</v>
      </c>
      <c r="Z38" s="71">
        <v>0</v>
      </c>
      <c r="AA38" s="72">
        <v>0</v>
      </c>
      <c r="AB38" s="244"/>
      <c r="AC38" s="71">
        <v>1</v>
      </c>
      <c r="AD38" s="71">
        <v>1</v>
      </c>
      <c r="AE38" s="71">
        <v>0</v>
      </c>
      <c r="AF38" s="71">
        <v>0</v>
      </c>
      <c r="AG38" s="71">
        <v>0</v>
      </c>
      <c r="AH38" s="72">
        <v>2</v>
      </c>
      <c r="AI38" s="73">
        <v>2</v>
      </c>
      <c r="AJ38" s="70">
        <v>0</v>
      </c>
      <c r="AK38" s="71">
        <v>2</v>
      </c>
      <c r="AL38" s="72">
        <v>2</v>
      </c>
      <c r="AM38" s="244"/>
      <c r="AN38" s="71">
        <v>4</v>
      </c>
      <c r="AO38" s="71">
        <v>0</v>
      </c>
      <c r="AP38" s="71">
        <v>3</v>
      </c>
      <c r="AQ38" s="71">
        <v>2</v>
      </c>
      <c r="AR38" s="71">
        <v>0</v>
      </c>
      <c r="AS38" s="72">
        <v>9</v>
      </c>
      <c r="AT38" s="73">
        <v>11</v>
      </c>
      <c r="AU38" s="70">
        <v>2</v>
      </c>
      <c r="AV38" s="71">
        <v>0</v>
      </c>
      <c r="AW38" s="72">
        <v>2</v>
      </c>
      <c r="AX38" s="244"/>
      <c r="AY38" s="71">
        <v>4</v>
      </c>
      <c r="AZ38" s="71">
        <v>3</v>
      </c>
      <c r="BA38" s="71">
        <v>1</v>
      </c>
      <c r="BB38" s="71">
        <v>0</v>
      </c>
      <c r="BC38" s="71">
        <v>0</v>
      </c>
      <c r="BD38" s="72">
        <v>8</v>
      </c>
      <c r="BE38" s="73">
        <v>10</v>
      </c>
      <c r="BF38" s="70">
        <v>0</v>
      </c>
      <c r="BG38" s="71">
        <v>5</v>
      </c>
      <c r="BH38" s="72">
        <v>5</v>
      </c>
      <c r="BI38" s="244"/>
      <c r="BJ38" s="71">
        <v>6</v>
      </c>
      <c r="BK38" s="71">
        <v>1</v>
      </c>
      <c r="BL38" s="71">
        <v>1</v>
      </c>
      <c r="BM38" s="71">
        <v>0</v>
      </c>
      <c r="BN38" s="71">
        <v>0</v>
      </c>
      <c r="BO38" s="72">
        <v>8</v>
      </c>
      <c r="BP38" s="73">
        <v>13</v>
      </c>
      <c r="BQ38" s="70">
        <v>3</v>
      </c>
      <c r="BR38" s="71">
        <v>3</v>
      </c>
      <c r="BS38" s="72">
        <v>6</v>
      </c>
      <c r="BT38" s="244"/>
      <c r="BU38" s="71">
        <v>4</v>
      </c>
      <c r="BV38" s="71">
        <v>2</v>
      </c>
      <c r="BW38" s="71">
        <v>1</v>
      </c>
      <c r="BX38" s="71">
        <v>1</v>
      </c>
      <c r="BY38" s="71">
        <v>0</v>
      </c>
      <c r="BZ38" s="72">
        <v>8</v>
      </c>
      <c r="CA38" s="73">
        <v>14</v>
      </c>
      <c r="CB38" s="70">
        <v>0</v>
      </c>
      <c r="CC38" s="71">
        <v>0</v>
      </c>
      <c r="CD38" s="72">
        <v>0</v>
      </c>
      <c r="CE38" s="244"/>
      <c r="CF38" s="71">
        <v>0</v>
      </c>
      <c r="CG38" s="71">
        <v>0</v>
      </c>
      <c r="CH38" s="71">
        <v>0</v>
      </c>
      <c r="CI38" s="71">
        <v>0</v>
      </c>
      <c r="CJ38" s="71">
        <v>0</v>
      </c>
      <c r="CK38" s="72">
        <v>0</v>
      </c>
      <c r="CL38" s="73">
        <v>0</v>
      </c>
      <c r="CM38" s="70">
        <v>5</v>
      </c>
      <c r="CN38" s="71">
        <v>10</v>
      </c>
      <c r="CO38" s="72">
        <v>15</v>
      </c>
      <c r="CP38" s="244"/>
      <c r="CQ38" s="71">
        <v>19</v>
      </c>
      <c r="CR38" s="71">
        <v>7</v>
      </c>
      <c r="CS38" s="71">
        <v>6</v>
      </c>
      <c r="CT38" s="71">
        <v>5</v>
      </c>
      <c r="CU38" s="71">
        <v>0</v>
      </c>
      <c r="CV38" s="72">
        <v>37</v>
      </c>
      <c r="CW38" s="73">
        <v>52</v>
      </c>
      <c r="CX38" s="123">
        <v>4</v>
      </c>
      <c r="CY38" s="82">
        <v>1</v>
      </c>
      <c r="CZ38" s="83">
        <v>5</v>
      </c>
      <c r="DA38" s="241"/>
      <c r="DB38" s="82">
        <v>6</v>
      </c>
      <c r="DC38" s="82">
        <v>5</v>
      </c>
      <c r="DD38" s="82">
        <v>2</v>
      </c>
      <c r="DE38" s="82">
        <v>7</v>
      </c>
      <c r="DF38" s="82">
        <v>1</v>
      </c>
      <c r="DG38" s="84">
        <v>21</v>
      </c>
      <c r="DH38" s="85">
        <v>26</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0</v>
      </c>
      <c r="EJ38" s="71">
        <v>1</v>
      </c>
      <c r="EK38" s="71">
        <v>0</v>
      </c>
      <c r="EL38" s="71">
        <v>0</v>
      </c>
      <c r="EM38" s="71">
        <v>0</v>
      </c>
      <c r="EN38" s="72">
        <v>1</v>
      </c>
      <c r="EO38" s="73">
        <v>1</v>
      </c>
      <c r="EP38" s="70">
        <v>2</v>
      </c>
      <c r="EQ38" s="71">
        <v>0</v>
      </c>
      <c r="ER38" s="72">
        <v>2</v>
      </c>
      <c r="ES38" s="244"/>
      <c r="ET38" s="71">
        <v>3</v>
      </c>
      <c r="EU38" s="71">
        <v>1</v>
      </c>
      <c r="EV38" s="71">
        <v>0</v>
      </c>
      <c r="EW38" s="71">
        <v>2</v>
      </c>
      <c r="EX38" s="71">
        <v>0</v>
      </c>
      <c r="EY38" s="72">
        <v>6</v>
      </c>
      <c r="EZ38" s="73">
        <v>8</v>
      </c>
      <c r="FA38" s="70">
        <v>1</v>
      </c>
      <c r="FB38" s="71">
        <v>1</v>
      </c>
      <c r="FC38" s="72">
        <v>2</v>
      </c>
      <c r="FD38" s="244"/>
      <c r="FE38" s="71">
        <v>3</v>
      </c>
      <c r="FF38" s="71">
        <v>3</v>
      </c>
      <c r="FG38" s="71">
        <v>0</v>
      </c>
      <c r="FH38" s="71">
        <v>0</v>
      </c>
      <c r="FI38" s="71">
        <v>1</v>
      </c>
      <c r="FJ38" s="72">
        <v>7</v>
      </c>
      <c r="FK38" s="73">
        <v>9</v>
      </c>
      <c r="FL38" s="70">
        <v>1</v>
      </c>
      <c r="FM38" s="71">
        <v>0</v>
      </c>
      <c r="FN38" s="72">
        <v>1</v>
      </c>
      <c r="FO38" s="244"/>
      <c r="FP38" s="71">
        <v>0</v>
      </c>
      <c r="FQ38" s="71">
        <v>0</v>
      </c>
      <c r="FR38" s="71">
        <v>1</v>
      </c>
      <c r="FS38" s="71">
        <v>5</v>
      </c>
      <c r="FT38" s="71">
        <v>0</v>
      </c>
      <c r="FU38" s="72">
        <v>6</v>
      </c>
      <c r="FV38" s="73">
        <v>7</v>
      </c>
      <c r="FW38" s="70">
        <v>0</v>
      </c>
      <c r="FX38" s="71">
        <v>0</v>
      </c>
      <c r="FY38" s="72">
        <v>0</v>
      </c>
      <c r="FZ38" s="244"/>
      <c r="GA38" s="71">
        <v>0</v>
      </c>
      <c r="GB38" s="71">
        <v>0</v>
      </c>
      <c r="GC38" s="71">
        <v>0</v>
      </c>
      <c r="GD38" s="71">
        <v>0</v>
      </c>
      <c r="GE38" s="71">
        <v>0</v>
      </c>
      <c r="GF38" s="72">
        <v>0</v>
      </c>
      <c r="GG38" s="73">
        <v>0</v>
      </c>
      <c r="GH38" s="70">
        <v>4</v>
      </c>
      <c r="GI38" s="71">
        <v>1</v>
      </c>
      <c r="GJ38" s="72">
        <v>5</v>
      </c>
      <c r="GK38" s="244"/>
      <c r="GL38" s="71">
        <v>6</v>
      </c>
      <c r="GM38" s="71">
        <v>5</v>
      </c>
      <c r="GN38" s="71">
        <v>2</v>
      </c>
      <c r="GO38" s="71">
        <v>7</v>
      </c>
      <c r="GP38" s="71">
        <v>1</v>
      </c>
      <c r="GQ38" s="72">
        <v>21</v>
      </c>
      <c r="GR38" s="73">
        <v>26</v>
      </c>
      <c r="GS38" s="123">
        <v>9</v>
      </c>
      <c r="GT38" s="82">
        <v>11</v>
      </c>
      <c r="GU38" s="83">
        <v>20</v>
      </c>
      <c r="GV38" s="241"/>
      <c r="GW38" s="82">
        <v>25</v>
      </c>
      <c r="GX38" s="82">
        <v>12</v>
      </c>
      <c r="GY38" s="82">
        <v>8</v>
      </c>
      <c r="GZ38" s="82">
        <v>12</v>
      </c>
      <c r="HA38" s="82">
        <v>1</v>
      </c>
      <c r="HB38" s="84">
        <v>58</v>
      </c>
      <c r="HC38" s="85">
        <v>78</v>
      </c>
      <c r="HD38" s="70">
        <v>0</v>
      </c>
      <c r="HE38" s="71">
        <v>0</v>
      </c>
      <c r="HF38" s="72">
        <v>0</v>
      </c>
      <c r="HG38" s="244"/>
      <c r="HH38" s="71">
        <v>0</v>
      </c>
      <c r="HI38" s="71">
        <v>0</v>
      </c>
      <c r="HJ38" s="71">
        <v>0</v>
      </c>
      <c r="HK38" s="71">
        <v>2</v>
      </c>
      <c r="HL38" s="71">
        <v>0</v>
      </c>
      <c r="HM38" s="72">
        <v>2</v>
      </c>
      <c r="HN38" s="73">
        <v>2</v>
      </c>
      <c r="HO38" s="70">
        <v>0</v>
      </c>
      <c r="HP38" s="71">
        <v>0</v>
      </c>
      <c r="HQ38" s="72">
        <v>0</v>
      </c>
      <c r="HR38" s="244"/>
      <c r="HS38" s="71">
        <v>1</v>
      </c>
      <c r="HT38" s="71">
        <v>1</v>
      </c>
      <c r="HU38" s="71">
        <v>1</v>
      </c>
      <c r="HV38" s="71">
        <v>0</v>
      </c>
      <c r="HW38" s="71">
        <v>0</v>
      </c>
      <c r="HX38" s="72">
        <v>3</v>
      </c>
      <c r="HY38" s="73">
        <v>3</v>
      </c>
      <c r="HZ38" s="70">
        <v>0</v>
      </c>
      <c r="IA38" s="71">
        <v>2</v>
      </c>
      <c r="IB38" s="72">
        <v>2</v>
      </c>
      <c r="IC38" s="244"/>
      <c r="ID38" s="71">
        <v>4</v>
      </c>
      <c r="IE38" s="71">
        <v>1</v>
      </c>
      <c r="IF38" s="71">
        <v>3</v>
      </c>
      <c r="IG38" s="71">
        <v>2</v>
      </c>
      <c r="IH38" s="71">
        <v>0</v>
      </c>
      <c r="II38" s="72">
        <v>10</v>
      </c>
      <c r="IJ38" s="73">
        <v>12</v>
      </c>
      <c r="IK38" s="70">
        <v>4</v>
      </c>
      <c r="IL38" s="71">
        <v>0</v>
      </c>
      <c r="IM38" s="72">
        <v>4</v>
      </c>
      <c r="IN38" s="244"/>
      <c r="IO38" s="71">
        <v>7</v>
      </c>
      <c r="IP38" s="71">
        <v>4</v>
      </c>
      <c r="IQ38" s="71">
        <v>1</v>
      </c>
      <c r="IR38" s="71">
        <v>2</v>
      </c>
      <c r="IS38" s="71">
        <v>0</v>
      </c>
      <c r="IT38" s="72">
        <v>14</v>
      </c>
      <c r="IU38" s="73">
        <v>18</v>
      </c>
      <c r="IV38" s="70">
        <v>1</v>
      </c>
      <c r="IW38" s="71">
        <v>6</v>
      </c>
      <c r="IX38" s="72">
        <v>7</v>
      </c>
      <c r="IY38" s="244"/>
      <c r="IZ38" s="71">
        <v>9</v>
      </c>
      <c r="JA38" s="71">
        <v>4</v>
      </c>
      <c r="JB38" s="71">
        <v>1</v>
      </c>
      <c r="JC38" s="71">
        <v>0</v>
      </c>
      <c r="JD38" s="71">
        <v>1</v>
      </c>
      <c r="JE38" s="72">
        <v>15</v>
      </c>
      <c r="JF38" s="73">
        <v>22</v>
      </c>
      <c r="JG38" s="70">
        <v>4</v>
      </c>
      <c r="JH38" s="71">
        <v>3</v>
      </c>
      <c r="JI38" s="72">
        <v>7</v>
      </c>
      <c r="JJ38" s="244"/>
      <c r="JK38" s="71">
        <v>4</v>
      </c>
      <c r="JL38" s="71">
        <v>2</v>
      </c>
      <c r="JM38" s="71">
        <v>2</v>
      </c>
      <c r="JN38" s="71">
        <v>6</v>
      </c>
      <c r="JO38" s="71">
        <v>0</v>
      </c>
      <c r="JP38" s="72">
        <v>14</v>
      </c>
      <c r="JQ38" s="73">
        <v>21</v>
      </c>
      <c r="JR38" s="70">
        <v>0</v>
      </c>
      <c r="JS38" s="71">
        <v>0</v>
      </c>
      <c r="JT38" s="72">
        <v>0</v>
      </c>
      <c r="JU38" s="244"/>
      <c r="JV38" s="71">
        <v>0</v>
      </c>
      <c r="JW38" s="71">
        <v>0</v>
      </c>
      <c r="JX38" s="71">
        <v>0</v>
      </c>
      <c r="JY38" s="71">
        <v>0</v>
      </c>
      <c r="JZ38" s="71">
        <v>0</v>
      </c>
      <c r="KA38" s="72">
        <v>0</v>
      </c>
      <c r="KB38" s="73">
        <v>0</v>
      </c>
      <c r="KC38" s="70">
        <v>9</v>
      </c>
      <c r="KD38" s="71">
        <v>11</v>
      </c>
      <c r="KE38" s="72">
        <v>20</v>
      </c>
      <c r="KF38" s="244"/>
      <c r="KG38" s="71">
        <v>25</v>
      </c>
      <c r="KH38" s="71">
        <v>12</v>
      </c>
      <c r="KI38" s="71">
        <v>8</v>
      </c>
      <c r="KJ38" s="71">
        <v>12</v>
      </c>
      <c r="KK38" s="71">
        <v>1</v>
      </c>
      <c r="KL38" s="72">
        <v>58</v>
      </c>
      <c r="KM38" s="73">
        <v>78</v>
      </c>
    </row>
    <row r="39" spans="2:299" ht="21" customHeight="1" x14ac:dyDescent="0.2">
      <c r="B39" s="126" t="s">
        <v>36</v>
      </c>
      <c r="C39" s="313">
        <v>4</v>
      </c>
      <c r="D39" s="82">
        <v>7</v>
      </c>
      <c r="E39" s="83">
        <v>11</v>
      </c>
      <c r="F39" s="241"/>
      <c r="G39" s="82">
        <v>7</v>
      </c>
      <c r="H39" s="82">
        <v>5</v>
      </c>
      <c r="I39" s="82">
        <v>2</v>
      </c>
      <c r="J39" s="82">
        <v>8</v>
      </c>
      <c r="K39" s="82">
        <v>5</v>
      </c>
      <c r="L39" s="84">
        <v>27</v>
      </c>
      <c r="M39" s="85">
        <v>38</v>
      </c>
      <c r="N39" s="70">
        <v>0</v>
      </c>
      <c r="O39" s="71">
        <v>0</v>
      </c>
      <c r="P39" s="72">
        <v>0</v>
      </c>
      <c r="Q39" s="244"/>
      <c r="R39" s="71">
        <v>0</v>
      </c>
      <c r="S39" s="71">
        <v>0</v>
      </c>
      <c r="T39" s="71">
        <v>0</v>
      </c>
      <c r="U39" s="71">
        <v>0</v>
      </c>
      <c r="V39" s="71">
        <v>0</v>
      </c>
      <c r="W39" s="72">
        <v>0</v>
      </c>
      <c r="X39" s="73">
        <v>0</v>
      </c>
      <c r="Y39" s="70">
        <v>0</v>
      </c>
      <c r="Z39" s="71">
        <v>0</v>
      </c>
      <c r="AA39" s="72">
        <v>0</v>
      </c>
      <c r="AB39" s="244"/>
      <c r="AC39" s="71">
        <v>0</v>
      </c>
      <c r="AD39" s="71">
        <v>2</v>
      </c>
      <c r="AE39" s="71">
        <v>0</v>
      </c>
      <c r="AF39" s="71">
        <v>2</v>
      </c>
      <c r="AG39" s="71">
        <v>0</v>
      </c>
      <c r="AH39" s="72">
        <v>4</v>
      </c>
      <c r="AI39" s="73">
        <v>4</v>
      </c>
      <c r="AJ39" s="70">
        <v>2</v>
      </c>
      <c r="AK39" s="71">
        <v>0</v>
      </c>
      <c r="AL39" s="72">
        <v>2</v>
      </c>
      <c r="AM39" s="244"/>
      <c r="AN39" s="71">
        <v>2</v>
      </c>
      <c r="AO39" s="71">
        <v>1</v>
      </c>
      <c r="AP39" s="71">
        <v>0</v>
      </c>
      <c r="AQ39" s="71">
        <v>1</v>
      </c>
      <c r="AR39" s="71">
        <v>2</v>
      </c>
      <c r="AS39" s="72">
        <v>6</v>
      </c>
      <c r="AT39" s="73">
        <v>8</v>
      </c>
      <c r="AU39" s="70">
        <v>1</v>
      </c>
      <c r="AV39" s="71">
        <v>3</v>
      </c>
      <c r="AW39" s="72">
        <v>4</v>
      </c>
      <c r="AX39" s="244"/>
      <c r="AY39" s="71">
        <v>3</v>
      </c>
      <c r="AZ39" s="71">
        <v>1</v>
      </c>
      <c r="BA39" s="71">
        <v>1</v>
      </c>
      <c r="BB39" s="71">
        <v>0</v>
      </c>
      <c r="BC39" s="71">
        <v>2</v>
      </c>
      <c r="BD39" s="72">
        <v>7</v>
      </c>
      <c r="BE39" s="73">
        <v>11</v>
      </c>
      <c r="BF39" s="70">
        <v>1</v>
      </c>
      <c r="BG39" s="71">
        <v>3</v>
      </c>
      <c r="BH39" s="72">
        <v>4</v>
      </c>
      <c r="BI39" s="244"/>
      <c r="BJ39" s="71">
        <v>1</v>
      </c>
      <c r="BK39" s="71">
        <v>0</v>
      </c>
      <c r="BL39" s="71">
        <v>0</v>
      </c>
      <c r="BM39" s="71">
        <v>2</v>
      </c>
      <c r="BN39" s="71">
        <v>0</v>
      </c>
      <c r="BO39" s="72">
        <v>3</v>
      </c>
      <c r="BP39" s="73">
        <v>7</v>
      </c>
      <c r="BQ39" s="70">
        <v>0</v>
      </c>
      <c r="BR39" s="71">
        <v>1</v>
      </c>
      <c r="BS39" s="72">
        <v>1</v>
      </c>
      <c r="BT39" s="244"/>
      <c r="BU39" s="71">
        <v>1</v>
      </c>
      <c r="BV39" s="71">
        <v>1</v>
      </c>
      <c r="BW39" s="71">
        <v>1</v>
      </c>
      <c r="BX39" s="71">
        <v>3</v>
      </c>
      <c r="BY39" s="71">
        <v>1</v>
      </c>
      <c r="BZ39" s="72">
        <v>7</v>
      </c>
      <c r="CA39" s="73">
        <v>8</v>
      </c>
      <c r="CB39" s="70">
        <v>0</v>
      </c>
      <c r="CC39" s="71">
        <v>0</v>
      </c>
      <c r="CD39" s="72">
        <v>0</v>
      </c>
      <c r="CE39" s="244"/>
      <c r="CF39" s="71">
        <v>0</v>
      </c>
      <c r="CG39" s="71">
        <v>0</v>
      </c>
      <c r="CH39" s="71">
        <v>0</v>
      </c>
      <c r="CI39" s="71">
        <v>0</v>
      </c>
      <c r="CJ39" s="71">
        <v>0</v>
      </c>
      <c r="CK39" s="72">
        <v>0</v>
      </c>
      <c r="CL39" s="73">
        <v>0</v>
      </c>
      <c r="CM39" s="70">
        <v>4</v>
      </c>
      <c r="CN39" s="71">
        <v>7</v>
      </c>
      <c r="CO39" s="72">
        <v>11</v>
      </c>
      <c r="CP39" s="244"/>
      <c r="CQ39" s="71">
        <v>7</v>
      </c>
      <c r="CR39" s="71">
        <v>5</v>
      </c>
      <c r="CS39" s="71">
        <v>2</v>
      </c>
      <c r="CT39" s="71">
        <v>8</v>
      </c>
      <c r="CU39" s="71">
        <v>5</v>
      </c>
      <c r="CV39" s="72">
        <v>27</v>
      </c>
      <c r="CW39" s="73">
        <v>38</v>
      </c>
      <c r="CX39" s="123">
        <v>1</v>
      </c>
      <c r="CY39" s="82">
        <v>5</v>
      </c>
      <c r="CZ39" s="83">
        <v>6</v>
      </c>
      <c r="DA39" s="241"/>
      <c r="DB39" s="82">
        <v>7</v>
      </c>
      <c r="DC39" s="82">
        <v>3</v>
      </c>
      <c r="DD39" s="82">
        <v>3</v>
      </c>
      <c r="DE39" s="82">
        <v>5</v>
      </c>
      <c r="DF39" s="82">
        <v>3</v>
      </c>
      <c r="DG39" s="84">
        <v>21</v>
      </c>
      <c r="DH39" s="85">
        <v>27</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2</v>
      </c>
      <c r="EG39" s="72">
        <v>2</v>
      </c>
      <c r="EH39" s="244"/>
      <c r="EI39" s="71">
        <v>1</v>
      </c>
      <c r="EJ39" s="71">
        <v>0</v>
      </c>
      <c r="EK39" s="71">
        <v>0</v>
      </c>
      <c r="EL39" s="71">
        <v>0</v>
      </c>
      <c r="EM39" s="71">
        <v>0</v>
      </c>
      <c r="EN39" s="72">
        <v>1</v>
      </c>
      <c r="EO39" s="73">
        <v>3</v>
      </c>
      <c r="EP39" s="70">
        <v>0</v>
      </c>
      <c r="EQ39" s="71">
        <v>1</v>
      </c>
      <c r="ER39" s="72">
        <v>1</v>
      </c>
      <c r="ES39" s="244"/>
      <c r="ET39" s="71">
        <v>1</v>
      </c>
      <c r="EU39" s="71">
        <v>0</v>
      </c>
      <c r="EV39" s="71">
        <v>0</v>
      </c>
      <c r="EW39" s="71">
        <v>1</v>
      </c>
      <c r="EX39" s="71">
        <v>0</v>
      </c>
      <c r="EY39" s="72">
        <v>2</v>
      </c>
      <c r="EZ39" s="73">
        <v>3</v>
      </c>
      <c r="FA39" s="70">
        <v>0</v>
      </c>
      <c r="FB39" s="71">
        <v>2</v>
      </c>
      <c r="FC39" s="72">
        <v>2</v>
      </c>
      <c r="FD39" s="244"/>
      <c r="FE39" s="71">
        <v>2</v>
      </c>
      <c r="FF39" s="71">
        <v>2</v>
      </c>
      <c r="FG39" s="71">
        <v>1</v>
      </c>
      <c r="FH39" s="71">
        <v>4</v>
      </c>
      <c r="FI39" s="71">
        <v>0</v>
      </c>
      <c r="FJ39" s="72">
        <v>9</v>
      </c>
      <c r="FK39" s="73">
        <v>11</v>
      </c>
      <c r="FL39" s="70">
        <v>1</v>
      </c>
      <c r="FM39" s="71">
        <v>0</v>
      </c>
      <c r="FN39" s="72">
        <v>1</v>
      </c>
      <c r="FO39" s="244"/>
      <c r="FP39" s="71">
        <v>3</v>
      </c>
      <c r="FQ39" s="71">
        <v>1</v>
      </c>
      <c r="FR39" s="71">
        <v>2</v>
      </c>
      <c r="FS39" s="71">
        <v>0</v>
      </c>
      <c r="FT39" s="71">
        <v>3</v>
      </c>
      <c r="FU39" s="72">
        <v>9</v>
      </c>
      <c r="FV39" s="73">
        <v>10</v>
      </c>
      <c r="FW39" s="70">
        <v>0</v>
      </c>
      <c r="FX39" s="71">
        <v>0</v>
      </c>
      <c r="FY39" s="72">
        <v>0</v>
      </c>
      <c r="FZ39" s="244"/>
      <c r="GA39" s="71">
        <v>0</v>
      </c>
      <c r="GB39" s="71">
        <v>0</v>
      </c>
      <c r="GC39" s="71">
        <v>0</v>
      </c>
      <c r="GD39" s="71">
        <v>0</v>
      </c>
      <c r="GE39" s="71">
        <v>0</v>
      </c>
      <c r="GF39" s="72">
        <v>0</v>
      </c>
      <c r="GG39" s="73">
        <v>0</v>
      </c>
      <c r="GH39" s="70">
        <v>1</v>
      </c>
      <c r="GI39" s="71">
        <v>5</v>
      </c>
      <c r="GJ39" s="72">
        <v>6</v>
      </c>
      <c r="GK39" s="244"/>
      <c r="GL39" s="71">
        <v>7</v>
      </c>
      <c r="GM39" s="71">
        <v>3</v>
      </c>
      <c r="GN39" s="71">
        <v>3</v>
      </c>
      <c r="GO39" s="71">
        <v>5</v>
      </c>
      <c r="GP39" s="71">
        <v>3</v>
      </c>
      <c r="GQ39" s="72">
        <v>21</v>
      </c>
      <c r="GR39" s="73">
        <v>27</v>
      </c>
      <c r="GS39" s="123">
        <v>5</v>
      </c>
      <c r="GT39" s="82">
        <v>12</v>
      </c>
      <c r="GU39" s="83">
        <v>17</v>
      </c>
      <c r="GV39" s="241"/>
      <c r="GW39" s="82">
        <v>14</v>
      </c>
      <c r="GX39" s="82">
        <v>8</v>
      </c>
      <c r="GY39" s="82">
        <v>5</v>
      </c>
      <c r="GZ39" s="82">
        <v>13</v>
      </c>
      <c r="HA39" s="82">
        <v>8</v>
      </c>
      <c r="HB39" s="84">
        <v>48</v>
      </c>
      <c r="HC39" s="85">
        <v>65</v>
      </c>
      <c r="HD39" s="70">
        <v>0</v>
      </c>
      <c r="HE39" s="71">
        <v>0</v>
      </c>
      <c r="HF39" s="72">
        <v>0</v>
      </c>
      <c r="HG39" s="244"/>
      <c r="HH39" s="71">
        <v>0</v>
      </c>
      <c r="HI39" s="71">
        <v>0</v>
      </c>
      <c r="HJ39" s="71">
        <v>0</v>
      </c>
      <c r="HK39" s="71">
        <v>0</v>
      </c>
      <c r="HL39" s="71">
        <v>0</v>
      </c>
      <c r="HM39" s="72">
        <v>0</v>
      </c>
      <c r="HN39" s="73">
        <v>0</v>
      </c>
      <c r="HO39" s="70">
        <v>0</v>
      </c>
      <c r="HP39" s="71">
        <v>0</v>
      </c>
      <c r="HQ39" s="72">
        <v>0</v>
      </c>
      <c r="HR39" s="244"/>
      <c r="HS39" s="71">
        <v>0</v>
      </c>
      <c r="HT39" s="71">
        <v>2</v>
      </c>
      <c r="HU39" s="71">
        <v>0</v>
      </c>
      <c r="HV39" s="71">
        <v>2</v>
      </c>
      <c r="HW39" s="71">
        <v>0</v>
      </c>
      <c r="HX39" s="72">
        <v>4</v>
      </c>
      <c r="HY39" s="73">
        <v>4</v>
      </c>
      <c r="HZ39" s="70">
        <v>2</v>
      </c>
      <c r="IA39" s="71">
        <v>2</v>
      </c>
      <c r="IB39" s="72">
        <v>4</v>
      </c>
      <c r="IC39" s="244"/>
      <c r="ID39" s="71">
        <v>3</v>
      </c>
      <c r="IE39" s="71">
        <v>1</v>
      </c>
      <c r="IF39" s="71">
        <v>0</v>
      </c>
      <c r="IG39" s="71">
        <v>1</v>
      </c>
      <c r="IH39" s="71">
        <v>2</v>
      </c>
      <c r="II39" s="72">
        <v>7</v>
      </c>
      <c r="IJ39" s="73">
        <v>11</v>
      </c>
      <c r="IK39" s="70">
        <v>1</v>
      </c>
      <c r="IL39" s="71">
        <v>4</v>
      </c>
      <c r="IM39" s="72">
        <v>5</v>
      </c>
      <c r="IN39" s="244"/>
      <c r="IO39" s="71">
        <v>4</v>
      </c>
      <c r="IP39" s="71">
        <v>1</v>
      </c>
      <c r="IQ39" s="71">
        <v>1</v>
      </c>
      <c r="IR39" s="71">
        <v>1</v>
      </c>
      <c r="IS39" s="71">
        <v>2</v>
      </c>
      <c r="IT39" s="72">
        <v>9</v>
      </c>
      <c r="IU39" s="73">
        <v>14</v>
      </c>
      <c r="IV39" s="70">
        <v>1</v>
      </c>
      <c r="IW39" s="71">
        <v>5</v>
      </c>
      <c r="IX39" s="72">
        <v>6</v>
      </c>
      <c r="IY39" s="244"/>
      <c r="IZ39" s="71">
        <v>3</v>
      </c>
      <c r="JA39" s="71">
        <v>2</v>
      </c>
      <c r="JB39" s="71">
        <v>1</v>
      </c>
      <c r="JC39" s="71">
        <v>6</v>
      </c>
      <c r="JD39" s="71">
        <v>0</v>
      </c>
      <c r="JE39" s="72">
        <v>12</v>
      </c>
      <c r="JF39" s="73">
        <v>18</v>
      </c>
      <c r="JG39" s="70">
        <v>1</v>
      </c>
      <c r="JH39" s="71">
        <v>1</v>
      </c>
      <c r="JI39" s="72">
        <v>2</v>
      </c>
      <c r="JJ39" s="244"/>
      <c r="JK39" s="71">
        <v>4</v>
      </c>
      <c r="JL39" s="71">
        <v>2</v>
      </c>
      <c r="JM39" s="71">
        <v>3</v>
      </c>
      <c r="JN39" s="71">
        <v>3</v>
      </c>
      <c r="JO39" s="71">
        <v>4</v>
      </c>
      <c r="JP39" s="72">
        <v>16</v>
      </c>
      <c r="JQ39" s="73">
        <v>18</v>
      </c>
      <c r="JR39" s="70">
        <v>0</v>
      </c>
      <c r="JS39" s="71">
        <v>0</v>
      </c>
      <c r="JT39" s="72">
        <v>0</v>
      </c>
      <c r="JU39" s="244"/>
      <c r="JV39" s="71">
        <v>0</v>
      </c>
      <c r="JW39" s="71">
        <v>0</v>
      </c>
      <c r="JX39" s="71">
        <v>0</v>
      </c>
      <c r="JY39" s="71">
        <v>0</v>
      </c>
      <c r="JZ39" s="71">
        <v>0</v>
      </c>
      <c r="KA39" s="72">
        <v>0</v>
      </c>
      <c r="KB39" s="73">
        <v>0</v>
      </c>
      <c r="KC39" s="70">
        <v>5</v>
      </c>
      <c r="KD39" s="71">
        <v>12</v>
      </c>
      <c r="KE39" s="72">
        <v>17</v>
      </c>
      <c r="KF39" s="244"/>
      <c r="KG39" s="71">
        <v>14</v>
      </c>
      <c r="KH39" s="71">
        <v>8</v>
      </c>
      <c r="KI39" s="71">
        <v>5</v>
      </c>
      <c r="KJ39" s="71">
        <v>13</v>
      </c>
      <c r="KK39" s="71">
        <v>8</v>
      </c>
      <c r="KL39" s="72">
        <v>48</v>
      </c>
      <c r="KM39" s="73">
        <v>65</v>
      </c>
    </row>
    <row r="40" spans="2:299" ht="21" customHeight="1" thickBot="1" x14ac:dyDescent="0.25">
      <c r="B40" s="127" t="s">
        <v>37</v>
      </c>
      <c r="C40" s="314">
        <v>1</v>
      </c>
      <c r="D40" s="87">
        <v>0</v>
      </c>
      <c r="E40" s="88">
        <v>1</v>
      </c>
      <c r="F40" s="242"/>
      <c r="G40" s="87">
        <v>0</v>
      </c>
      <c r="H40" s="87">
        <v>0</v>
      </c>
      <c r="I40" s="87">
        <v>0</v>
      </c>
      <c r="J40" s="87">
        <v>1</v>
      </c>
      <c r="K40" s="87">
        <v>0</v>
      </c>
      <c r="L40" s="89">
        <v>1</v>
      </c>
      <c r="M40" s="90">
        <v>2</v>
      </c>
      <c r="N40" s="74">
        <v>0</v>
      </c>
      <c r="O40" s="75">
        <v>0</v>
      </c>
      <c r="P40" s="76">
        <v>0</v>
      </c>
      <c r="Q40" s="245"/>
      <c r="R40" s="75">
        <v>0</v>
      </c>
      <c r="S40" s="75">
        <v>0</v>
      </c>
      <c r="T40" s="75">
        <v>0</v>
      </c>
      <c r="U40" s="75">
        <v>0</v>
      </c>
      <c r="V40" s="75">
        <v>0</v>
      </c>
      <c r="W40" s="76">
        <v>0</v>
      </c>
      <c r="X40" s="77">
        <v>0</v>
      </c>
      <c r="Y40" s="74">
        <v>1</v>
      </c>
      <c r="Z40" s="75">
        <v>0</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0</v>
      </c>
      <c r="BD40" s="76">
        <v>1</v>
      </c>
      <c r="BE40" s="77">
        <v>1</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1</v>
      </c>
      <c r="CN40" s="75">
        <v>0</v>
      </c>
      <c r="CO40" s="76">
        <v>1</v>
      </c>
      <c r="CP40" s="245"/>
      <c r="CQ40" s="75">
        <v>0</v>
      </c>
      <c r="CR40" s="75">
        <v>0</v>
      </c>
      <c r="CS40" s="75">
        <v>0</v>
      </c>
      <c r="CT40" s="75">
        <v>1</v>
      </c>
      <c r="CU40" s="75">
        <v>0</v>
      </c>
      <c r="CV40" s="76">
        <v>1</v>
      </c>
      <c r="CW40" s="77">
        <v>2</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1</v>
      </c>
      <c r="GT40" s="87">
        <v>0</v>
      </c>
      <c r="GU40" s="88">
        <v>1</v>
      </c>
      <c r="GV40" s="242"/>
      <c r="GW40" s="87">
        <v>0</v>
      </c>
      <c r="GX40" s="87">
        <v>0</v>
      </c>
      <c r="GY40" s="87">
        <v>0</v>
      </c>
      <c r="GZ40" s="87">
        <v>1</v>
      </c>
      <c r="HA40" s="87">
        <v>1</v>
      </c>
      <c r="HB40" s="89">
        <v>2</v>
      </c>
      <c r="HC40" s="90">
        <v>3</v>
      </c>
      <c r="HD40" s="74">
        <v>0</v>
      </c>
      <c r="HE40" s="75">
        <v>0</v>
      </c>
      <c r="HF40" s="76">
        <v>0</v>
      </c>
      <c r="HG40" s="245"/>
      <c r="HH40" s="75">
        <v>0</v>
      </c>
      <c r="HI40" s="75">
        <v>0</v>
      </c>
      <c r="HJ40" s="75">
        <v>0</v>
      </c>
      <c r="HK40" s="75">
        <v>0</v>
      </c>
      <c r="HL40" s="75">
        <v>0</v>
      </c>
      <c r="HM40" s="76">
        <v>0</v>
      </c>
      <c r="HN40" s="77">
        <v>0</v>
      </c>
      <c r="HO40" s="74">
        <v>1</v>
      </c>
      <c r="HP40" s="75">
        <v>0</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0</v>
      </c>
      <c r="IT40" s="76">
        <v>1</v>
      </c>
      <c r="IU40" s="77">
        <v>1</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1</v>
      </c>
      <c r="KD40" s="75">
        <v>0</v>
      </c>
      <c r="KE40" s="76">
        <v>1</v>
      </c>
      <c r="KF40" s="245"/>
      <c r="KG40" s="75">
        <v>0</v>
      </c>
      <c r="KH40" s="75">
        <v>0</v>
      </c>
      <c r="KI40" s="75">
        <v>0</v>
      </c>
      <c r="KJ40" s="75">
        <v>1</v>
      </c>
      <c r="KK40" s="75">
        <v>1</v>
      </c>
      <c r="KL40" s="76">
        <v>2</v>
      </c>
      <c r="KM40" s="77">
        <v>3</v>
      </c>
    </row>
    <row r="41" spans="2:299" ht="32.25" customHeight="1" x14ac:dyDescent="0.2">
      <c r="C41" s="308"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2.33203125" style="23" customWidth="1"/>
    <col min="2" max="2" width="10.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3</v>
      </c>
      <c r="F1" s="22"/>
      <c r="G1" s="522">
        <f>第１表!F2</f>
        <v>5</v>
      </c>
      <c r="H1" s="522"/>
      <c r="I1" s="248">
        <f>第１表!G2</f>
        <v>6</v>
      </c>
      <c r="J1" s="527">
        <f>IF(I1&lt;3,I1+12-2,I1-2)</f>
        <v>4</v>
      </c>
      <c r="K1" s="527"/>
    </row>
    <row r="2" spans="2:35" ht="24" customHeight="1" thickBot="1" x14ac:dyDescent="0.25">
      <c r="B2" s="291"/>
      <c r="J2" s="24"/>
      <c r="K2" s="24"/>
      <c r="L2" s="24"/>
      <c r="M2" s="24"/>
      <c r="N2" s="24"/>
      <c r="O2" s="24"/>
      <c r="P2" s="25"/>
      <c r="Q2" s="25"/>
      <c r="R2" s="25"/>
    </row>
    <row r="3" spans="2:35" s="44" customFormat="1" ht="21" customHeight="1" thickBot="1" x14ac:dyDescent="0.25">
      <c r="B3" s="54"/>
      <c r="C3" s="524" t="s">
        <v>53</v>
      </c>
      <c r="D3" s="525"/>
      <c r="E3" s="525"/>
      <c r="F3" s="525"/>
      <c r="G3" s="525"/>
      <c r="H3" s="525"/>
      <c r="I3" s="525"/>
      <c r="J3" s="525"/>
      <c r="K3" s="525"/>
      <c r="L3" s="525"/>
      <c r="M3" s="526"/>
      <c r="N3" s="524" t="s">
        <v>54</v>
      </c>
      <c r="O3" s="525"/>
      <c r="P3" s="525"/>
      <c r="Q3" s="525"/>
      <c r="R3" s="525"/>
      <c r="S3" s="525"/>
      <c r="T3" s="525"/>
      <c r="U3" s="525"/>
      <c r="V3" s="525"/>
      <c r="W3" s="525"/>
      <c r="X3" s="526"/>
      <c r="Y3" s="524" t="s">
        <v>55</v>
      </c>
      <c r="Z3" s="525"/>
      <c r="AA3" s="525"/>
      <c r="AB3" s="525"/>
      <c r="AC3" s="525"/>
      <c r="AD3" s="525"/>
      <c r="AE3" s="525"/>
      <c r="AF3" s="525"/>
      <c r="AG3" s="525"/>
      <c r="AH3" s="525"/>
      <c r="AI3" s="526"/>
    </row>
    <row r="4" spans="2:35" s="44" customFormat="1" ht="30"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21" customHeight="1" x14ac:dyDescent="0.2">
      <c r="B5" s="46" t="s">
        <v>4</v>
      </c>
      <c r="C5" s="215">
        <v>16476</v>
      </c>
      <c r="D5" s="216">
        <v>29179</v>
      </c>
      <c r="E5" s="217">
        <v>45655</v>
      </c>
      <c r="F5" s="212">
        <v>0</v>
      </c>
      <c r="G5" s="216">
        <v>59953</v>
      </c>
      <c r="H5" s="216">
        <v>60757</v>
      </c>
      <c r="I5" s="216">
        <v>35814</v>
      </c>
      <c r="J5" s="216">
        <v>27844</v>
      </c>
      <c r="K5" s="216">
        <v>16642</v>
      </c>
      <c r="L5" s="217">
        <v>201010</v>
      </c>
      <c r="M5" s="218">
        <v>246665</v>
      </c>
      <c r="N5" s="219">
        <v>310</v>
      </c>
      <c r="O5" s="216">
        <v>807</v>
      </c>
      <c r="P5" s="217">
        <v>1117</v>
      </c>
      <c r="Q5" s="212">
        <v>0</v>
      </c>
      <c r="R5" s="216">
        <v>1056</v>
      </c>
      <c r="S5" s="216">
        <v>1888</v>
      </c>
      <c r="T5" s="216">
        <v>998</v>
      </c>
      <c r="U5" s="216">
        <v>817</v>
      </c>
      <c r="V5" s="216">
        <v>804</v>
      </c>
      <c r="W5" s="217">
        <v>5563</v>
      </c>
      <c r="X5" s="218">
        <v>6680</v>
      </c>
      <c r="Y5" s="215">
        <v>16786</v>
      </c>
      <c r="Z5" s="216">
        <v>29986</v>
      </c>
      <c r="AA5" s="217">
        <v>46772</v>
      </c>
      <c r="AB5" s="212">
        <v>0</v>
      </c>
      <c r="AC5" s="216">
        <v>61009</v>
      </c>
      <c r="AD5" s="216">
        <v>62645</v>
      </c>
      <c r="AE5" s="216">
        <v>36812</v>
      </c>
      <c r="AF5" s="216">
        <v>28661</v>
      </c>
      <c r="AG5" s="216">
        <v>17446</v>
      </c>
      <c r="AH5" s="217">
        <v>206573</v>
      </c>
      <c r="AI5" s="218">
        <v>253345</v>
      </c>
    </row>
    <row r="6" spans="2:35" ht="21" customHeight="1" x14ac:dyDescent="0.2">
      <c r="B6" s="49" t="s">
        <v>5</v>
      </c>
      <c r="C6" s="220">
        <v>6228</v>
      </c>
      <c r="D6" s="221">
        <v>12910</v>
      </c>
      <c r="E6" s="222">
        <v>19138</v>
      </c>
      <c r="F6" s="213">
        <v>0</v>
      </c>
      <c r="G6" s="221">
        <v>16076</v>
      </c>
      <c r="H6" s="221">
        <v>22585</v>
      </c>
      <c r="I6" s="221">
        <v>11703</v>
      </c>
      <c r="J6" s="221">
        <v>9418</v>
      </c>
      <c r="K6" s="221">
        <v>5579</v>
      </c>
      <c r="L6" s="222">
        <v>65361</v>
      </c>
      <c r="M6" s="223">
        <v>84499</v>
      </c>
      <c r="N6" s="224">
        <v>109</v>
      </c>
      <c r="O6" s="221">
        <v>341</v>
      </c>
      <c r="P6" s="222">
        <v>450</v>
      </c>
      <c r="Q6" s="213">
        <v>0</v>
      </c>
      <c r="R6" s="221">
        <v>229</v>
      </c>
      <c r="S6" s="221">
        <v>767</v>
      </c>
      <c r="T6" s="221">
        <v>377</v>
      </c>
      <c r="U6" s="221">
        <v>293</v>
      </c>
      <c r="V6" s="221">
        <v>298</v>
      </c>
      <c r="W6" s="222">
        <v>1964</v>
      </c>
      <c r="X6" s="223">
        <v>2414</v>
      </c>
      <c r="Y6" s="220">
        <v>6337</v>
      </c>
      <c r="Z6" s="221">
        <v>13251</v>
      </c>
      <c r="AA6" s="222">
        <v>19588</v>
      </c>
      <c r="AB6" s="213">
        <v>0</v>
      </c>
      <c r="AC6" s="221">
        <v>16305</v>
      </c>
      <c r="AD6" s="221">
        <v>23352</v>
      </c>
      <c r="AE6" s="221">
        <v>12080</v>
      </c>
      <c r="AF6" s="221">
        <v>9711</v>
      </c>
      <c r="AG6" s="221">
        <v>5877</v>
      </c>
      <c r="AH6" s="222">
        <v>67325</v>
      </c>
      <c r="AI6" s="223">
        <v>86913</v>
      </c>
    </row>
    <row r="7" spans="2:35" ht="21" customHeight="1" x14ac:dyDescent="0.2">
      <c r="B7" s="49" t="s">
        <v>6</v>
      </c>
      <c r="C7" s="220">
        <v>2222</v>
      </c>
      <c r="D7" s="221">
        <v>3518</v>
      </c>
      <c r="E7" s="222">
        <v>5740</v>
      </c>
      <c r="F7" s="213">
        <v>0</v>
      </c>
      <c r="G7" s="221">
        <v>10691</v>
      </c>
      <c r="H7" s="221">
        <v>8778</v>
      </c>
      <c r="I7" s="221">
        <v>5800</v>
      </c>
      <c r="J7" s="221">
        <v>4640</v>
      </c>
      <c r="K7" s="221">
        <v>2935</v>
      </c>
      <c r="L7" s="222">
        <v>32844</v>
      </c>
      <c r="M7" s="223">
        <v>38584</v>
      </c>
      <c r="N7" s="224">
        <v>58</v>
      </c>
      <c r="O7" s="221">
        <v>101</v>
      </c>
      <c r="P7" s="222">
        <v>159</v>
      </c>
      <c r="Q7" s="213">
        <v>0</v>
      </c>
      <c r="R7" s="221">
        <v>221</v>
      </c>
      <c r="S7" s="221">
        <v>276</v>
      </c>
      <c r="T7" s="221">
        <v>164</v>
      </c>
      <c r="U7" s="221">
        <v>155</v>
      </c>
      <c r="V7" s="221">
        <v>154</v>
      </c>
      <c r="W7" s="222">
        <v>970</v>
      </c>
      <c r="X7" s="223">
        <v>1129</v>
      </c>
      <c r="Y7" s="220">
        <v>2280</v>
      </c>
      <c r="Z7" s="221">
        <v>3619</v>
      </c>
      <c r="AA7" s="222">
        <v>5899</v>
      </c>
      <c r="AB7" s="213">
        <v>0</v>
      </c>
      <c r="AC7" s="221">
        <v>10912</v>
      </c>
      <c r="AD7" s="221">
        <v>9054</v>
      </c>
      <c r="AE7" s="221">
        <v>5964</v>
      </c>
      <c r="AF7" s="221">
        <v>4795</v>
      </c>
      <c r="AG7" s="221">
        <v>3089</v>
      </c>
      <c r="AH7" s="222">
        <v>33814</v>
      </c>
      <c r="AI7" s="223">
        <v>39713</v>
      </c>
    </row>
    <row r="8" spans="2:35" ht="21" customHeight="1" x14ac:dyDescent="0.2">
      <c r="B8" s="49" t="s">
        <v>14</v>
      </c>
      <c r="C8" s="220">
        <v>1117</v>
      </c>
      <c r="D8" s="221">
        <v>2697</v>
      </c>
      <c r="E8" s="222">
        <v>3814</v>
      </c>
      <c r="F8" s="213">
        <v>0</v>
      </c>
      <c r="G8" s="221">
        <v>4428</v>
      </c>
      <c r="H8" s="221">
        <v>5568</v>
      </c>
      <c r="I8" s="221">
        <v>3541</v>
      </c>
      <c r="J8" s="221">
        <v>2309</v>
      </c>
      <c r="K8" s="221">
        <v>1320</v>
      </c>
      <c r="L8" s="222">
        <v>17166</v>
      </c>
      <c r="M8" s="223">
        <v>20980</v>
      </c>
      <c r="N8" s="224">
        <v>19</v>
      </c>
      <c r="O8" s="221">
        <v>96</v>
      </c>
      <c r="P8" s="222">
        <v>115</v>
      </c>
      <c r="Q8" s="213">
        <v>0</v>
      </c>
      <c r="R8" s="221">
        <v>59</v>
      </c>
      <c r="S8" s="221">
        <v>176</v>
      </c>
      <c r="T8" s="221">
        <v>83</v>
      </c>
      <c r="U8" s="221">
        <v>74</v>
      </c>
      <c r="V8" s="221">
        <v>70</v>
      </c>
      <c r="W8" s="222">
        <v>462</v>
      </c>
      <c r="X8" s="223">
        <v>577</v>
      </c>
      <c r="Y8" s="220">
        <v>1136</v>
      </c>
      <c r="Z8" s="221">
        <v>2793</v>
      </c>
      <c r="AA8" s="222">
        <v>3929</v>
      </c>
      <c r="AB8" s="213">
        <v>0</v>
      </c>
      <c r="AC8" s="221">
        <v>4487</v>
      </c>
      <c r="AD8" s="221">
        <v>5744</v>
      </c>
      <c r="AE8" s="221">
        <v>3624</v>
      </c>
      <c r="AF8" s="221">
        <v>2383</v>
      </c>
      <c r="AG8" s="221">
        <v>1390</v>
      </c>
      <c r="AH8" s="222">
        <v>17628</v>
      </c>
      <c r="AI8" s="223">
        <v>21557</v>
      </c>
    </row>
    <row r="9" spans="2:35" ht="21" customHeight="1" x14ac:dyDescent="0.2">
      <c r="B9" s="49" t="s">
        <v>7</v>
      </c>
      <c r="C9" s="220">
        <v>532</v>
      </c>
      <c r="D9" s="221">
        <v>828</v>
      </c>
      <c r="E9" s="222">
        <v>1360</v>
      </c>
      <c r="F9" s="213">
        <v>0</v>
      </c>
      <c r="G9" s="221">
        <v>5060</v>
      </c>
      <c r="H9" s="221">
        <v>3495</v>
      </c>
      <c r="I9" s="221">
        <v>1990</v>
      </c>
      <c r="J9" s="221">
        <v>1581</v>
      </c>
      <c r="K9" s="221">
        <v>859</v>
      </c>
      <c r="L9" s="222">
        <v>12985</v>
      </c>
      <c r="M9" s="223">
        <v>14345</v>
      </c>
      <c r="N9" s="224">
        <v>9</v>
      </c>
      <c r="O9" s="221">
        <v>12</v>
      </c>
      <c r="P9" s="222">
        <v>21</v>
      </c>
      <c r="Q9" s="213">
        <v>0</v>
      </c>
      <c r="R9" s="221">
        <v>100</v>
      </c>
      <c r="S9" s="221">
        <v>98</v>
      </c>
      <c r="T9" s="221">
        <v>48</v>
      </c>
      <c r="U9" s="221">
        <v>34</v>
      </c>
      <c r="V9" s="221">
        <v>33</v>
      </c>
      <c r="W9" s="222">
        <v>313</v>
      </c>
      <c r="X9" s="223">
        <v>334</v>
      </c>
      <c r="Y9" s="220">
        <v>541</v>
      </c>
      <c r="Z9" s="221">
        <v>840</v>
      </c>
      <c r="AA9" s="222">
        <v>1381</v>
      </c>
      <c r="AB9" s="213">
        <v>0</v>
      </c>
      <c r="AC9" s="221">
        <v>5160</v>
      </c>
      <c r="AD9" s="221">
        <v>3593</v>
      </c>
      <c r="AE9" s="221">
        <v>2038</v>
      </c>
      <c r="AF9" s="221">
        <v>1615</v>
      </c>
      <c r="AG9" s="221">
        <v>892</v>
      </c>
      <c r="AH9" s="222">
        <v>13298</v>
      </c>
      <c r="AI9" s="223">
        <v>14679</v>
      </c>
    </row>
    <row r="10" spans="2:35" ht="21" customHeight="1" x14ac:dyDescent="0.2">
      <c r="B10" s="49" t="s">
        <v>8</v>
      </c>
      <c r="C10" s="220">
        <v>589</v>
      </c>
      <c r="D10" s="221">
        <v>659</v>
      </c>
      <c r="E10" s="222">
        <v>1248</v>
      </c>
      <c r="F10" s="213">
        <v>0</v>
      </c>
      <c r="G10" s="221">
        <v>2063</v>
      </c>
      <c r="H10" s="221">
        <v>2123</v>
      </c>
      <c r="I10" s="221">
        <v>1289</v>
      </c>
      <c r="J10" s="221">
        <v>872</v>
      </c>
      <c r="K10" s="221">
        <v>522</v>
      </c>
      <c r="L10" s="222">
        <v>6869</v>
      </c>
      <c r="M10" s="223">
        <v>8117</v>
      </c>
      <c r="N10" s="224">
        <v>8</v>
      </c>
      <c r="O10" s="221">
        <v>22</v>
      </c>
      <c r="P10" s="222">
        <v>30</v>
      </c>
      <c r="Q10" s="213">
        <v>0</v>
      </c>
      <c r="R10" s="221">
        <v>31</v>
      </c>
      <c r="S10" s="221">
        <v>74</v>
      </c>
      <c r="T10" s="221">
        <v>29</v>
      </c>
      <c r="U10" s="221">
        <v>26</v>
      </c>
      <c r="V10" s="221">
        <v>17</v>
      </c>
      <c r="W10" s="222">
        <v>177</v>
      </c>
      <c r="X10" s="223">
        <v>207</v>
      </c>
      <c r="Y10" s="220">
        <v>597</v>
      </c>
      <c r="Z10" s="221">
        <v>681</v>
      </c>
      <c r="AA10" s="222">
        <v>1278</v>
      </c>
      <c r="AB10" s="213">
        <v>0</v>
      </c>
      <c r="AC10" s="221">
        <v>2094</v>
      </c>
      <c r="AD10" s="221">
        <v>2197</v>
      </c>
      <c r="AE10" s="221">
        <v>1318</v>
      </c>
      <c r="AF10" s="221">
        <v>898</v>
      </c>
      <c r="AG10" s="221">
        <v>539</v>
      </c>
      <c r="AH10" s="222">
        <v>7046</v>
      </c>
      <c r="AI10" s="223">
        <v>8324</v>
      </c>
    </row>
    <row r="11" spans="2:35" ht="21" customHeight="1" x14ac:dyDescent="0.2">
      <c r="B11" s="49" t="s">
        <v>9</v>
      </c>
      <c r="C11" s="220">
        <v>495</v>
      </c>
      <c r="D11" s="221">
        <v>603</v>
      </c>
      <c r="E11" s="222">
        <v>1098</v>
      </c>
      <c r="F11" s="213">
        <v>0</v>
      </c>
      <c r="G11" s="221">
        <v>2095</v>
      </c>
      <c r="H11" s="221">
        <v>1636</v>
      </c>
      <c r="I11" s="221">
        <v>1089</v>
      </c>
      <c r="J11" s="221">
        <v>961</v>
      </c>
      <c r="K11" s="221">
        <v>595</v>
      </c>
      <c r="L11" s="222">
        <v>6376</v>
      </c>
      <c r="M11" s="223">
        <v>7474</v>
      </c>
      <c r="N11" s="224">
        <v>1</v>
      </c>
      <c r="O11" s="221">
        <v>12</v>
      </c>
      <c r="P11" s="222">
        <v>13</v>
      </c>
      <c r="Q11" s="213">
        <v>0</v>
      </c>
      <c r="R11" s="221">
        <v>33</v>
      </c>
      <c r="S11" s="221">
        <v>31</v>
      </c>
      <c r="T11" s="221">
        <v>20</v>
      </c>
      <c r="U11" s="221">
        <v>21</v>
      </c>
      <c r="V11" s="221">
        <v>20</v>
      </c>
      <c r="W11" s="222">
        <v>125</v>
      </c>
      <c r="X11" s="223">
        <v>138</v>
      </c>
      <c r="Y11" s="220">
        <v>496</v>
      </c>
      <c r="Z11" s="221">
        <v>615</v>
      </c>
      <c r="AA11" s="222">
        <v>1111</v>
      </c>
      <c r="AB11" s="213">
        <v>0</v>
      </c>
      <c r="AC11" s="221">
        <v>2128</v>
      </c>
      <c r="AD11" s="221">
        <v>1667</v>
      </c>
      <c r="AE11" s="221">
        <v>1109</v>
      </c>
      <c r="AF11" s="221">
        <v>982</v>
      </c>
      <c r="AG11" s="221">
        <v>615</v>
      </c>
      <c r="AH11" s="222">
        <v>6501</v>
      </c>
      <c r="AI11" s="223">
        <v>7612</v>
      </c>
    </row>
    <row r="12" spans="2:35" ht="21" customHeight="1" x14ac:dyDescent="0.2">
      <c r="B12" s="49" t="s">
        <v>10</v>
      </c>
      <c r="C12" s="220">
        <v>1296</v>
      </c>
      <c r="D12" s="221">
        <v>1610</v>
      </c>
      <c r="E12" s="222">
        <v>2906</v>
      </c>
      <c r="F12" s="213">
        <v>0</v>
      </c>
      <c r="G12" s="221">
        <v>3962</v>
      </c>
      <c r="H12" s="221">
        <v>2400</v>
      </c>
      <c r="I12" s="221">
        <v>1575</v>
      </c>
      <c r="J12" s="221">
        <v>1296</v>
      </c>
      <c r="K12" s="221">
        <v>896</v>
      </c>
      <c r="L12" s="222">
        <v>10129</v>
      </c>
      <c r="M12" s="223">
        <v>13035</v>
      </c>
      <c r="N12" s="224">
        <v>27</v>
      </c>
      <c r="O12" s="221">
        <v>39</v>
      </c>
      <c r="P12" s="222">
        <v>66</v>
      </c>
      <c r="Q12" s="213">
        <v>0</v>
      </c>
      <c r="R12" s="221">
        <v>93</v>
      </c>
      <c r="S12" s="221">
        <v>65</v>
      </c>
      <c r="T12" s="221">
        <v>40</v>
      </c>
      <c r="U12" s="221">
        <v>37</v>
      </c>
      <c r="V12" s="221">
        <v>48</v>
      </c>
      <c r="W12" s="222">
        <v>283</v>
      </c>
      <c r="X12" s="223">
        <v>349</v>
      </c>
      <c r="Y12" s="220">
        <v>1323</v>
      </c>
      <c r="Z12" s="221">
        <v>1649</v>
      </c>
      <c r="AA12" s="222">
        <v>2972</v>
      </c>
      <c r="AB12" s="213">
        <v>0</v>
      </c>
      <c r="AC12" s="221">
        <v>4055</v>
      </c>
      <c r="AD12" s="221">
        <v>2465</v>
      </c>
      <c r="AE12" s="221">
        <v>1615</v>
      </c>
      <c r="AF12" s="221">
        <v>1333</v>
      </c>
      <c r="AG12" s="221">
        <v>944</v>
      </c>
      <c r="AH12" s="222">
        <v>10412</v>
      </c>
      <c r="AI12" s="223">
        <v>13384</v>
      </c>
    </row>
    <row r="13" spans="2:35" ht="21" customHeight="1" x14ac:dyDescent="0.2">
      <c r="B13" s="49" t="s">
        <v>11</v>
      </c>
      <c r="C13" s="220">
        <v>535</v>
      </c>
      <c r="D13" s="221">
        <v>588</v>
      </c>
      <c r="E13" s="222">
        <v>1123</v>
      </c>
      <c r="F13" s="213">
        <v>0</v>
      </c>
      <c r="G13" s="221">
        <v>2120</v>
      </c>
      <c r="H13" s="221">
        <v>1335</v>
      </c>
      <c r="I13" s="221">
        <v>943</v>
      </c>
      <c r="J13" s="221">
        <v>739</v>
      </c>
      <c r="K13" s="221">
        <v>381</v>
      </c>
      <c r="L13" s="222">
        <v>5518</v>
      </c>
      <c r="M13" s="223">
        <v>6641</v>
      </c>
      <c r="N13" s="224">
        <v>11</v>
      </c>
      <c r="O13" s="221">
        <v>10</v>
      </c>
      <c r="P13" s="222">
        <v>21</v>
      </c>
      <c r="Q13" s="213">
        <v>0</v>
      </c>
      <c r="R13" s="221">
        <v>41</v>
      </c>
      <c r="S13" s="221">
        <v>33</v>
      </c>
      <c r="T13" s="221">
        <v>25</v>
      </c>
      <c r="U13" s="221">
        <v>16</v>
      </c>
      <c r="V13" s="221">
        <v>18</v>
      </c>
      <c r="W13" s="222">
        <v>133</v>
      </c>
      <c r="X13" s="223">
        <v>154</v>
      </c>
      <c r="Y13" s="220">
        <v>546</v>
      </c>
      <c r="Z13" s="221">
        <v>598</v>
      </c>
      <c r="AA13" s="222">
        <v>1144</v>
      </c>
      <c r="AB13" s="213">
        <v>0</v>
      </c>
      <c r="AC13" s="221">
        <v>2161</v>
      </c>
      <c r="AD13" s="221">
        <v>1368</v>
      </c>
      <c r="AE13" s="221">
        <v>968</v>
      </c>
      <c r="AF13" s="221">
        <v>755</v>
      </c>
      <c r="AG13" s="221">
        <v>399</v>
      </c>
      <c r="AH13" s="222">
        <v>5651</v>
      </c>
      <c r="AI13" s="223">
        <v>6795</v>
      </c>
    </row>
    <row r="14" spans="2:35" ht="21" customHeight="1" x14ac:dyDescent="0.2">
      <c r="B14" s="49" t="s">
        <v>12</v>
      </c>
      <c r="C14" s="220">
        <v>734</v>
      </c>
      <c r="D14" s="221">
        <v>1062</v>
      </c>
      <c r="E14" s="222">
        <v>1796</v>
      </c>
      <c r="F14" s="213">
        <v>0</v>
      </c>
      <c r="G14" s="221">
        <v>1664</v>
      </c>
      <c r="H14" s="221">
        <v>1457</v>
      </c>
      <c r="I14" s="221">
        <v>982</v>
      </c>
      <c r="J14" s="221">
        <v>883</v>
      </c>
      <c r="K14" s="221">
        <v>503</v>
      </c>
      <c r="L14" s="222">
        <v>5489</v>
      </c>
      <c r="M14" s="223">
        <v>7285</v>
      </c>
      <c r="N14" s="224">
        <v>16</v>
      </c>
      <c r="O14" s="221">
        <v>29</v>
      </c>
      <c r="P14" s="222">
        <v>45</v>
      </c>
      <c r="Q14" s="213">
        <v>0</v>
      </c>
      <c r="R14" s="221">
        <v>25</v>
      </c>
      <c r="S14" s="221">
        <v>27</v>
      </c>
      <c r="T14" s="221">
        <v>18</v>
      </c>
      <c r="U14" s="221">
        <v>20</v>
      </c>
      <c r="V14" s="221">
        <v>15</v>
      </c>
      <c r="W14" s="222">
        <v>105</v>
      </c>
      <c r="X14" s="223">
        <v>150</v>
      </c>
      <c r="Y14" s="220">
        <v>750</v>
      </c>
      <c r="Z14" s="221">
        <v>1091</v>
      </c>
      <c r="AA14" s="222">
        <v>1841</v>
      </c>
      <c r="AB14" s="213">
        <v>0</v>
      </c>
      <c r="AC14" s="221">
        <v>1689</v>
      </c>
      <c r="AD14" s="221">
        <v>1484</v>
      </c>
      <c r="AE14" s="221">
        <v>1000</v>
      </c>
      <c r="AF14" s="221">
        <v>903</v>
      </c>
      <c r="AG14" s="221">
        <v>518</v>
      </c>
      <c r="AH14" s="222">
        <v>5594</v>
      </c>
      <c r="AI14" s="223">
        <v>7435</v>
      </c>
    </row>
    <row r="15" spans="2:35" ht="21" customHeight="1" x14ac:dyDescent="0.2">
      <c r="B15" s="49" t="s">
        <v>13</v>
      </c>
      <c r="C15" s="220">
        <v>124</v>
      </c>
      <c r="D15" s="221">
        <v>208</v>
      </c>
      <c r="E15" s="222">
        <v>332</v>
      </c>
      <c r="F15" s="213">
        <v>0</v>
      </c>
      <c r="G15" s="221">
        <v>667</v>
      </c>
      <c r="H15" s="221">
        <v>589</v>
      </c>
      <c r="I15" s="221">
        <v>380</v>
      </c>
      <c r="J15" s="221">
        <v>335</v>
      </c>
      <c r="K15" s="221">
        <v>215</v>
      </c>
      <c r="L15" s="222">
        <v>2186</v>
      </c>
      <c r="M15" s="223">
        <v>2518</v>
      </c>
      <c r="N15" s="224">
        <v>0</v>
      </c>
      <c r="O15" s="221">
        <v>4</v>
      </c>
      <c r="P15" s="222">
        <v>4</v>
      </c>
      <c r="Q15" s="213">
        <v>0</v>
      </c>
      <c r="R15" s="221">
        <v>11</v>
      </c>
      <c r="S15" s="221">
        <v>10</v>
      </c>
      <c r="T15" s="221">
        <v>11</v>
      </c>
      <c r="U15" s="221">
        <v>5</v>
      </c>
      <c r="V15" s="221">
        <v>9</v>
      </c>
      <c r="W15" s="222">
        <v>46</v>
      </c>
      <c r="X15" s="223">
        <v>50</v>
      </c>
      <c r="Y15" s="220">
        <v>124</v>
      </c>
      <c r="Z15" s="221">
        <v>212</v>
      </c>
      <c r="AA15" s="222">
        <v>336</v>
      </c>
      <c r="AB15" s="213">
        <v>0</v>
      </c>
      <c r="AC15" s="221">
        <v>678</v>
      </c>
      <c r="AD15" s="221">
        <v>599</v>
      </c>
      <c r="AE15" s="221">
        <v>391</v>
      </c>
      <c r="AF15" s="221">
        <v>340</v>
      </c>
      <c r="AG15" s="221">
        <v>224</v>
      </c>
      <c r="AH15" s="222">
        <v>2232</v>
      </c>
      <c r="AI15" s="223">
        <v>2568</v>
      </c>
    </row>
    <row r="16" spans="2:35" ht="21" customHeight="1" x14ac:dyDescent="0.2">
      <c r="B16" s="49" t="s">
        <v>15</v>
      </c>
      <c r="C16" s="220">
        <v>91</v>
      </c>
      <c r="D16" s="221">
        <v>180</v>
      </c>
      <c r="E16" s="222">
        <v>271</v>
      </c>
      <c r="F16" s="213">
        <v>0</v>
      </c>
      <c r="G16" s="221">
        <v>520</v>
      </c>
      <c r="H16" s="221">
        <v>570</v>
      </c>
      <c r="I16" s="221">
        <v>322</v>
      </c>
      <c r="J16" s="221">
        <v>224</v>
      </c>
      <c r="K16" s="221">
        <v>127</v>
      </c>
      <c r="L16" s="222">
        <v>1763</v>
      </c>
      <c r="M16" s="223">
        <v>2034</v>
      </c>
      <c r="N16" s="224">
        <v>0</v>
      </c>
      <c r="O16" s="221">
        <v>5</v>
      </c>
      <c r="P16" s="222">
        <v>5</v>
      </c>
      <c r="Q16" s="213">
        <v>0</v>
      </c>
      <c r="R16" s="221">
        <v>7</v>
      </c>
      <c r="S16" s="221">
        <v>12</v>
      </c>
      <c r="T16" s="221">
        <v>1</v>
      </c>
      <c r="U16" s="221">
        <v>1</v>
      </c>
      <c r="V16" s="221">
        <v>6</v>
      </c>
      <c r="W16" s="222">
        <v>27</v>
      </c>
      <c r="X16" s="223">
        <v>32</v>
      </c>
      <c r="Y16" s="220">
        <v>91</v>
      </c>
      <c r="Z16" s="221">
        <v>185</v>
      </c>
      <c r="AA16" s="222">
        <v>276</v>
      </c>
      <c r="AB16" s="213">
        <v>0</v>
      </c>
      <c r="AC16" s="221">
        <v>527</v>
      </c>
      <c r="AD16" s="221">
        <v>582</v>
      </c>
      <c r="AE16" s="221">
        <v>323</v>
      </c>
      <c r="AF16" s="221">
        <v>225</v>
      </c>
      <c r="AG16" s="221">
        <v>133</v>
      </c>
      <c r="AH16" s="222">
        <v>1790</v>
      </c>
      <c r="AI16" s="223">
        <v>2066</v>
      </c>
    </row>
    <row r="17" spans="2:35" ht="21" customHeight="1" x14ac:dyDescent="0.2">
      <c r="B17" s="49" t="s">
        <v>16</v>
      </c>
      <c r="C17" s="220">
        <v>248</v>
      </c>
      <c r="D17" s="221">
        <v>424</v>
      </c>
      <c r="E17" s="222">
        <v>672</v>
      </c>
      <c r="F17" s="213">
        <v>0</v>
      </c>
      <c r="G17" s="221">
        <v>1026</v>
      </c>
      <c r="H17" s="221">
        <v>1327</v>
      </c>
      <c r="I17" s="221">
        <v>706</v>
      </c>
      <c r="J17" s="221">
        <v>558</v>
      </c>
      <c r="K17" s="221">
        <v>334</v>
      </c>
      <c r="L17" s="222">
        <v>3951</v>
      </c>
      <c r="M17" s="223">
        <v>4623</v>
      </c>
      <c r="N17" s="224">
        <v>8</v>
      </c>
      <c r="O17" s="221">
        <v>13</v>
      </c>
      <c r="P17" s="222">
        <v>21</v>
      </c>
      <c r="Q17" s="213">
        <v>0</v>
      </c>
      <c r="R17" s="221">
        <v>13</v>
      </c>
      <c r="S17" s="221">
        <v>40</v>
      </c>
      <c r="T17" s="221">
        <v>27</v>
      </c>
      <c r="U17" s="221">
        <v>13</v>
      </c>
      <c r="V17" s="221">
        <v>17</v>
      </c>
      <c r="W17" s="222">
        <v>110</v>
      </c>
      <c r="X17" s="223">
        <v>131</v>
      </c>
      <c r="Y17" s="220">
        <v>256</v>
      </c>
      <c r="Z17" s="221">
        <v>437</v>
      </c>
      <c r="AA17" s="222">
        <v>693</v>
      </c>
      <c r="AB17" s="213">
        <v>0</v>
      </c>
      <c r="AC17" s="221">
        <v>1039</v>
      </c>
      <c r="AD17" s="221">
        <v>1367</v>
      </c>
      <c r="AE17" s="221">
        <v>733</v>
      </c>
      <c r="AF17" s="221">
        <v>571</v>
      </c>
      <c r="AG17" s="221">
        <v>351</v>
      </c>
      <c r="AH17" s="222">
        <v>4061</v>
      </c>
      <c r="AI17" s="223">
        <v>4754</v>
      </c>
    </row>
    <row r="18" spans="2:35" ht="21" customHeight="1" x14ac:dyDescent="0.2">
      <c r="B18" s="49" t="s">
        <v>17</v>
      </c>
      <c r="C18" s="220">
        <v>287</v>
      </c>
      <c r="D18" s="221">
        <v>596</v>
      </c>
      <c r="E18" s="222">
        <v>883</v>
      </c>
      <c r="F18" s="213">
        <v>0</v>
      </c>
      <c r="G18" s="221">
        <v>1100</v>
      </c>
      <c r="H18" s="221">
        <v>1666</v>
      </c>
      <c r="I18" s="221">
        <v>1005</v>
      </c>
      <c r="J18" s="221">
        <v>747</v>
      </c>
      <c r="K18" s="221">
        <v>474</v>
      </c>
      <c r="L18" s="222">
        <v>4992</v>
      </c>
      <c r="M18" s="223">
        <v>5875</v>
      </c>
      <c r="N18" s="224">
        <v>2</v>
      </c>
      <c r="O18" s="221">
        <v>27</v>
      </c>
      <c r="P18" s="222">
        <v>29</v>
      </c>
      <c r="Q18" s="213">
        <v>0</v>
      </c>
      <c r="R18" s="221">
        <v>13</v>
      </c>
      <c r="S18" s="221">
        <v>61</v>
      </c>
      <c r="T18" s="221">
        <v>36</v>
      </c>
      <c r="U18" s="221">
        <v>25</v>
      </c>
      <c r="V18" s="221">
        <v>16</v>
      </c>
      <c r="W18" s="222">
        <v>151</v>
      </c>
      <c r="X18" s="223">
        <v>180</v>
      </c>
      <c r="Y18" s="220">
        <v>289</v>
      </c>
      <c r="Z18" s="221">
        <v>623</v>
      </c>
      <c r="AA18" s="222">
        <v>912</v>
      </c>
      <c r="AB18" s="213">
        <v>0</v>
      </c>
      <c r="AC18" s="221">
        <v>1113</v>
      </c>
      <c r="AD18" s="221">
        <v>1727</v>
      </c>
      <c r="AE18" s="221">
        <v>1041</v>
      </c>
      <c r="AF18" s="221">
        <v>772</v>
      </c>
      <c r="AG18" s="221">
        <v>490</v>
      </c>
      <c r="AH18" s="222">
        <v>5143</v>
      </c>
      <c r="AI18" s="223">
        <v>6055</v>
      </c>
    </row>
    <row r="19" spans="2:35" ht="21" customHeight="1" x14ac:dyDescent="0.2">
      <c r="B19" s="49" t="s">
        <v>18</v>
      </c>
      <c r="C19" s="220">
        <v>335</v>
      </c>
      <c r="D19" s="221">
        <v>644</v>
      </c>
      <c r="E19" s="222">
        <v>979</v>
      </c>
      <c r="F19" s="213">
        <v>0</v>
      </c>
      <c r="G19" s="221">
        <v>1824</v>
      </c>
      <c r="H19" s="221">
        <v>1705</v>
      </c>
      <c r="I19" s="221">
        <v>1087</v>
      </c>
      <c r="J19" s="221">
        <v>746</v>
      </c>
      <c r="K19" s="221">
        <v>464</v>
      </c>
      <c r="L19" s="222">
        <v>5826</v>
      </c>
      <c r="M19" s="223">
        <v>6805</v>
      </c>
      <c r="N19" s="224">
        <v>13</v>
      </c>
      <c r="O19" s="221">
        <v>20</v>
      </c>
      <c r="P19" s="222">
        <v>33</v>
      </c>
      <c r="Q19" s="213">
        <v>0</v>
      </c>
      <c r="R19" s="221">
        <v>51</v>
      </c>
      <c r="S19" s="221">
        <v>52</v>
      </c>
      <c r="T19" s="221">
        <v>31</v>
      </c>
      <c r="U19" s="221">
        <v>30</v>
      </c>
      <c r="V19" s="221">
        <v>29</v>
      </c>
      <c r="W19" s="222">
        <v>193</v>
      </c>
      <c r="X19" s="223">
        <v>226</v>
      </c>
      <c r="Y19" s="220">
        <v>348</v>
      </c>
      <c r="Z19" s="221">
        <v>664</v>
      </c>
      <c r="AA19" s="222">
        <v>1012</v>
      </c>
      <c r="AB19" s="213">
        <v>0</v>
      </c>
      <c r="AC19" s="221">
        <v>1875</v>
      </c>
      <c r="AD19" s="221">
        <v>1757</v>
      </c>
      <c r="AE19" s="221">
        <v>1118</v>
      </c>
      <c r="AF19" s="221">
        <v>776</v>
      </c>
      <c r="AG19" s="221">
        <v>493</v>
      </c>
      <c r="AH19" s="222">
        <v>6019</v>
      </c>
      <c r="AI19" s="223">
        <v>7031</v>
      </c>
    </row>
    <row r="20" spans="2:35" ht="21" customHeight="1" x14ac:dyDescent="0.2">
      <c r="B20" s="49" t="s">
        <v>19</v>
      </c>
      <c r="C20" s="220">
        <v>201</v>
      </c>
      <c r="D20" s="221">
        <v>305</v>
      </c>
      <c r="E20" s="222">
        <v>506</v>
      </c>
      <c r="F20" s="213">
        <v>0</v>
      </c>
      <c r="G20" s="221">
        <v>807</v>
      </c>
      <c r="H20" s="221">
        <v>704</v>
      </c>
      <c r="I20" s="221">
        <v>392</v>
      </c>
      <c r="J20" s="221">
        <v>255</v>
      </c>
      <c r="K20" s="221">
        <v>207</v>
      </c>
      <c r="L20" s="222">
        <v>2365</v>
      </c>
      <c r="M20" s="223">
        <v>2871</v>
      </c>
      <c r="N20" s="224">
        <v>5</v>
      </c>
      <c r="O20" s="221">
        <v>6</v>
      </c>
      <c r="P20" s="222">
        <v>11</v>
      </c>
      <c r="Q20" s="213">
        <v>0</v>
      </c>
      <c r="R20" s="221">
        <v>19</v>
      </c>
      <c r="S20" s="221">
        <v>20</v>
      </c>
      <c r="T20" s="221">
        <v>12</v>
      </c>
      <c r="U20" s="221">
        <v>8</v>
      </c>
      <c r="V20" s="221">
        <v>8</v>
      </c>
      <c r="W20" s="222">
        <v>67</v>
      </c>
      <c r="X20" s="223">
        <v>78</v>
      </c>
      <c r="Y20" s="220">
        <v>206</v>
      </c>
      <c r="Z20" s="221">
        <v>311</v>
      </c>
      <c r="AA20" s="222">
        <v>517</v>
      </c>
      <c r="AB20" s="213">
        <v>0</v>
      </c>
      <c r="AC20" s="221">
        <v>826</v>
      </c>
      <c r="AD20" s="221">
        <v>724</v>
      </c>
      <c r="AE20" s="221">
        <v>404</v>
      </c>
      <c r="AF20" s="221">
        <v>263</v>
      </c>
      <c r="AG20" s="221">
        <v>215</v>
      </c>
      <c r="AH20" s="222">
        <v>2432</v>
      </c>
      <c r="AI20" s="223">
        <v>2949</v>
      </c>
    </row>
    <row r="21" spans="2:35" ht="21" customHeight="1" x14ac:dyDescent="0.2">
      <c r="B21" s="49" t="s">
        <v>20</v>
      </c>
      <c r="C21" s="220">
        <v>221</v>
      </c>
      <c r="D21" s="221">
        <v>416</v>
      </c>
      <c r="E21" s="222">
        <v>637</v>
      </c>
      <c r="F21" s="213">
        <v>0</v>
      </c>
      <c r="G21" s="221">
        <v>1087</v>
      </c>
      <c r="H21" s="221">
        <v>710</v>
      </c>
      <c r="I21" s="221">
        <v>525</v>
      </c>
      <c r="J21" s="221">
        <v>351</v>
      </c>
      <c r="K21" s="221">
        <v>175</v>
      </c>
      <c r="L21" s="222">
        <v>2848</v>
      </c>
      <c r="M21" s="223">
        <v>3485</v>
      </c>
      <c r="N21" s="224">
        <v>3</v>
      </c>
      <c r="O21" s="221">
        <v>22</v>
      </c>
      <c r="P21" s="222">
        <v>25</v>
      </c>
      <c r="Q21" s="213">
        <v>0</v>
      </c>
      <c r="R21" s="221">
        <v>28</v>
      </c>
      <c r="S21" s="221">
        <v>21</v>
      </c>
      <c r="T21" s="221">
        <v>13</v>
      </c>
      <c r="U21" s="221">
        <v>14</v>
      </c>
      <c r="V21" s="221">
        <v>6</v>
      </c>
      <c r="W21" s="222">
        <v>82</v>
      </c>
      <c r="X21" s="223">
        <v>107</v>
      </c>
      <c r="Y21" s="220">
        <v>224</v>
      </c>
      <c r="Z21" s="221">
        <v>438</v>
      </c>
      <c r="AA21" s="222">
        <v>662</v>
      </c>
      <c r="AB21" s="213">
        <v>0</v>
      </c>
      <c r="AC21" s="221">
        <v>1115</v>
      </c>
      <c r="AD21" s="221">
        <v>731</v>
      </c>
      <c r="AE21" s="221">
        <v>538</v>
      </c>
      <c r="AF21" s="221">
        <v>365</v>
      </c>
      <c r="AG21" s="221">
        <v>181</v>
      </c>
      <c r="AH21" s="222">
        <v>2930</v>
      </c>
      <c r="AI21" s="223">
        <v>3592</v>
      </c>
    </row>
    <row r="22" spans="2:35" ht="21" customHeight="1" x14ac:dyDescent="0.2">
      <c r="B22" s="49" t="s">
        <v>21</v>
      </c>
      <c r="C22" s="220">
        <v>277</v>
      </c>
      <c r="D22" s="221">
        <v>429</v>
      </c>
      <c r="E22" s="222">
        <v>706</v>
      </c>
      <c r="F22" s="213">
        <v>0</v>
      </c>
      <c r="G22" s="221">
        <v>1007</v>
      </c>
      <c r="H22" s="221">
        <v>1064</v>
      </c>
      <c r="I22" s="221">
        <v>605</v>
      </c>
      <c r="J22" s="221">
        <v>438</v>
      </c>
      <c r="K22" s="221">
        <v>241</v>
      </c>
      <c r="L22" s="222">
        <v>3355</v>
      </c>
      <c r="M22" s="223">
        <v>4061</v>
      </c>
      <c r="N22" s="224">
        <v>8</v>
      </c>
      <c r="O22" s="221">
        <v>17</v>
      </c>
      <c r="P22" s="222">
        <v>25</v>
      </c>
      <c r="Q22" s="213">
        <v>0</v>
      </c>
      <c r="R22" s="221">
        <v>7</v>
      </c>
      <c r="S22" s="221">
        <v>40</v>
      </c>
      <c r="T22" s="221">
        <v>17</v>
      </c>
      <c r="U22" s="221">
        <v>15</v>
      </c>
      <c r="V22" s="221">
        <v>11</v>
      </c>
      <c r="W22" s="222">
        <v>90</v>
      </c>
      <c r="X22" s="223">
        <v>115</v>
      </c>
      <c r="Y22" s="220">
        <v>285</v>
      </c>
      <c r="Z22" s="221">
        <v>446</v>
      </c>
      <c r="AA22" s="222">
        <v>731</v>
      </c>
      <c r="AB22" s="213">
        <v>0</v>
      </c>
      <c r="AC22" s="221">
        <v>1014</v>
      </c>
      <c r="AD22" s="221">
        <v>1104</v>
      </c>
      <c r="AE22" s="221">
        <v>622</v>
      </c>
      <c r="AF22" s="221">
        <v>453</v>
      </c>
      <c r="AG22" s="221">
        <v>252</v>
      </c>
      <c r="AH22" s="222">
        <v>3445</v>
      </c>
      <c r="AI22" s="223">
        <v>4176</v>
      </c>
    </row>
    <row r="23" spans="2:35" ht="21" customHeight="1" x14ac:dyDescent="0.2">
      <c r="B23" s="49" t="s">
        <v>22</v>
      </c>
      <c r="C23" s="220">
        <v>58</v>
      </c>
      <c r="D23" s="221">
        <v>154</v>
      </c>
      <c r="E23" s="222">
        <v>212</v>
      </c>
      <c r="F23" s="213">
        <v>0</v>
      </c>
      <c r="G23" s="221">
        <v>389</v>
      </c>
      <c r="H23" s="221">
        <v>375</v>
      </c>
      <c r="I23" s="221">
        <v>208</v>
      </c>
      <c r="J23" s="221">
        <v>137</v>
      </c>
      <c r="K23" s="221">
        <v>86</v>
      </c>
      <c r="L23" s="222">
        <v>1195</v>
      </c>
      <c r="M23" s="223">
        <v>1407</v>
      </c>
      <c r="N23" s="224">
        <v>1</v>
      </c>
      <c r="O23" s="221">
        <v>4</v>
      </c>
      <c r="P23" s="222">
        <v>5</v>
      </c>
      <c r="Q23" s="213">
        <v>0</v>
      </c>
      <c r="R23" s="221">
        <v>12</v>
      </c>
      <c r="S23" s="221">
        <v>8</v>
      </c>
      <c r="T23" s="221">
        <v>5</v>
      </c>
      <c r="U23" s="221">
        <v>4</v>
      </c>
      <c r="V23" s="221">
        <v>3</v>
      </c>
      <c r="W23" s="222">
        <v>32</v>
      </c>
      <c r="X23" s="223">
        <v>37</v>
      </c>
      <c r="Y23" s="220">
        <v>59</v>
      </c>
      <c r="Z23" s="221">
        <v>158</v>
      </c>
      <c r="AA23" s="222">
        <v>217</v>
      </c>
      <c r="AB23" s="213">
        <v>0</v>
      </c>
      <c r="AC23" s="221">
        <v>401</v>
      </c>
      <c r="AD23" s="221">
        <v>383</v>
      </c>
      <c r="AE23" s="221">
        <v>213</v>
      </c>
      <c r="AF23" s="221">
        <v>141</v>
      </c>
      <c r="AG23" s="221">
        <v>89</v>
      </c>
      <c r="AH23" s="222">
        <v>1227</v>
      </c>
      <c r="AI23" s="223">
        <v>1444</v>
      </c>
    </row>
    <row r="24" spans="2:35" ht="21" customHeight="1" x14ac:dyDescent="0.2">
      <c r="B24" s="49" t="s">
        <v>23</v>
      </c>
      <c r="C24" s="220">
        <v>136</v>
      </c>
      <c r="D24" s="221">
        <v>267</v>
      </c>
      <c r="E24" s="222">
        <v>403</v>
      </c>
      <c r="F24" s="213">
        <v>0</v>
      </c>
      <c r="G24" s="221">
        <v>629</v>
      </c>
      <c r="H24" s="221">
        <v>540</v>
      </c>
      <c r="I24" s="221">
        <v>296</v>
      </c>
      <c r="J24" s="221">
        <v>299</v>
      </c>
      <c r="K24" s="221">
        <v>147</v>
      </c>
      <c r="L24" s="222">
        <v>1911</v>
      </c>
      <c r="M24" s="223">
        <v>2314</v>
      </c>
      <c r="N24" s="224">
        <v>3</v>
      </c>
      <c r="O24" s="221">
        <v>6</v>
      </c>
      <c r="P24" s="222">
        <v>9</v>
      </c>
      <c r="Q24" s="213">
        <v>0</v>
      </c>
      <c r="R24" s="221">
        <v>7</v>
      </c>
      <c r="S24" s="221">
        <v>18</v>
      </c>
      <c r="T24" s="221">
        <v>10</v>
      </c>
      <c r="U24" s="221">
        <v>5</v>
      </c>
      <c r="V24" s="221">
        <v>3</v>
      </c>
      <c r="W24" s="222">
        <v>43</v>
      </c>
      <c r="X24" s="223">
        <v>52</v>
      </c>
      <c r="Y24" s="220">
        <v>139</v>
      </c>
      <c r="Z24" s="221">
        <v>273</v>
      </c>
      <c r="AA24" s="222">
        <v>412</v>
      </c>
      <c r="AB24" s="213">
        <v>0</v>
      </c>
      <c r="AC24" s="221">
        <v>636</v>
      </c>
      <c r="AD24" s="221">
        <v>558</v>
      </c>
      <c r="AE24" s="221">
        <v>306</v>
      </c>
      <c r="AF24" s="221">
        <v>304</v>
      </c>
      <c r="AG24" s="221">
        <v>150</v>
      </c>
      <c r="AH24" s="222">
        <v>1954</v>
      </c>
      <c r="AI24" s="223">
        <v>2366</v>
      </c>
    </row>
    <row r="25" spans="2:35" ht="21" customHeight="1" x14ac:dyDescent="0.2">
      <c r="B25" s="49" t="s">
        <v>24</v>
      </c>
      <c r="C25" s="220">
        <v>122</v>
      </c>
      <c r="D25" s="221">
        <v>112</v>
      </c>
      <c r="E25" s="222">
        <v>234</v>
      </c>
      <c r="F25" s="213">
        <v>0</v>
      </c>
      <c r="G25" s="221">
        <v>326</v>
      </c>
      <c r="H25" s="221">
        <v>243</v>
      </c>
      <c r="I25" s="221">
        <v>166</v>
      </c>
      <c r="J25" s="221">
        <v>124</v>
      </c>
      <c r="K25" s="221">
        <v>85</v>
      </c>
      <c r="L25" s="222">
        <v>944</v>
      </c>
      <c r="M25" s="223">
        <v>1178</v>
      </c>
      <c r="N25" s="224">
        <v>2</v>
      </c>
      <c r="O25" s="221">
        <v>0</v>
      </c>
      <c r="P25" s="222">
        <v>2</v>
      </c>
      <c r="Q25" s="213">
        <v>0</v>
      </c>
      <c r="R25" s="221">
        <v>4</v>
      </c>
      <c r="S25" s="221">
        <v>7</v>
      </c>
      <c r="T25" s="221">
        <v>4</v>
      </c>
      <c r="U25" s="221">
        <v>2</v>
      </c>
      <c r="V25" s="221">
        <v>4</v>
      </c>
      <c r="W25" s="222">
        <v>21</v>
      </c>
      <c r="X25" s="223">
        <v>23</v>
      </c>
      <c r="Y25" s="220">
        <v>124</v>
      </c>
      <c r="Z25" s="221">
        <v>112</v>
      </c>
      <c r="AA25" s="222">
        <v>236</v>
      </c>
      <c r="AB25" s="213">
        <v>0</v>
      </c>
      <c r="AC25" s="221">
        <v>330</v>
      </c>
      <c r="AD25" s="221">
        <v>250</v>
      </c>
      <c r="AE25" s="221">
        <v>170</v>
      </c>
      <c r="AF25" s="221">
        <v>126</v>
      </c>
      <c r="AG25" s="221">
        <v>89</v>
      </c>
      <c r="AH25" s="222">
        <v>965</v>
      </c>
      <c r="AI25" s="223">
        <v>1201</v>
      </c>
    </row>
    <row r="26" spans="2:35" ht="21" customHeight="1" x14ac:dyDescent="0.2">
      <c r="B26" s="49" t="s">
        <v>25</v>
      </c>
      <c r="C26" s="220">
        <v>108</v>
      </c>
      <c r="D26" s="221">
        <v>165</v>
      </c>
      <c r="E26" s="222">
        <v>273</v>
      </c>
      <c r="F26" s="213">
        <v>0</v>
      </c>
      <c r="G26" s="221">
        <v>366</v>
      </c>
      <c r="H26" s="221">
        <v>289</v>
      </c>
      <c r="I26" s="221">
        <v>173</v>
      </c>
      <c r="J26" s="221">
        <v>150</v>
      </c>
      <c r="K26" s="221">
        <v>70</v>
      </c>
      <c r="L26" s="222">
        <v>1048</v>
      </c>
      <c r="M26" s="223">
        <v>1321</v>
      </c>
      <c r="N26" s="224">
        <v>1</v>
      </c>
      <c r="O26" s="221">
        <v>5</v>
      </c>
      <c r="P26" s="222">
        <v>6</v>
      </c>
      <c r="Q26" s="213">
        <v>0</v>
      </c>
      <c r="R26" s="221">
        <v>6</v>
      </c>
      <c r="S26" s="221">
        <v>12</v>
      </c>
      <c r="T26" s="221">
        <v>2</v>
      </c>
      <c r="U26" s="221">
        <v>3</v>
      </c>
      <c r="V26" s="221">
        <v>3</v>
      </c>
      <c r="W26" s="222">
        <v>26</v>
      </c>
      <c r="X26" s="223">
        <v>32</v>
      </c>
      <c r="Y26" s="220">
        <v>109</v>
      </c>
      <c r="Z26" s="221">
        <v>170</v>
      </c>
      <c r="AA26" s="222">
        <v>279</v>
      </c>
      <c r="AB26" s="213">
        <v>0</v>
      </c>
      <c r="AC26" s="221">
        <v>372</v>
      </c>
      <c r="AD26" s="221">
        <v>301</v>
      </c>
      <c r="AE26" s="221">
        <v>175</v>
      </c>
      <c r="AF26" s="221">
        <v>153</v>
      </c>
      <c r="AG26" s="221">
        <v>73</v>
      </c>
      <c r="AH26" s="222">
        <v>1074</v>
      </c>
      <c r="AI26" s="223">
        <v>1353</v>
      </c>
    </row>
    <row r="27" spans="2:35" ht="21" customHeight="1" x14ac:dyDescent="0.2">
      <c r="B27" s="49" t="s">
        <v>26</v>
      </c>
      <c r="C27" s="220">
        <v>79</v>
      </c>
      <c r="D27" s="221">
        <v>106</v>
      </c>
      <c r="E27" s="222">
        <v>185</v>
      </c>
      <c r="F27" s="213">
        <v>0</v>
      </c>
      <c r="G27" s="221">
        <v>315</v>
      </c>
      <c r="H27" s="221">
        <v>258</v>
      </c>
      <c r="I27" s="221">
        <v>178</v>
      </c>
      <c r="J27" s="221">
        <v>108</v>
      </c>
      <c r="K27" s="221">
        <v>73</v>
      </c>
      <c r="L27" s="222">
        <v>932</v>
      </c>
      <c r="M27" s="223">
        <v>1117</v>
      </c>
      <c r="N27" s="224">
        <v>2</v>
      </c>
      <c r="O27" s="221">
        <v>1</v>
      </c>
      <c r="P27" s="222">
        <v>3</v>
      </c>
      <c r="Q27" s="213">
        <v>0</v>
      </c>
      <c r="R27" s="221">
        <v>8</v>
      </c>
      <c r="S27" s="221">
        <v>6</v>
      </c>
      <c r="T27" s="221">
        <v>4</v>
      </c>
      <c r="U27" s="221">
        <v>3</v>
      </c>
      <c r="V27" s="221">
        <v>2</v>
      </c>
      <c r="W27" s="222">
        <v>23</v>
      </c>
      <c r="X27" s="223">
        <v>26</v>
      </c>
      <c r="Y27" s="220">
        <v>81</v>
      </c>
      <c r="Z27" s="221">
        <v>107</v>
      </c>
      <c r="AA27" s="222">
        <v>188</v>
      </c>
      <c r="AB27" s="213">
        <v>0</v>
      </c>
      <c r="AC27" s="221">
        <v>323</v>
      </c>
      <c r="AD27" s="221">
        <v>264</v>
      </c>
      <c r="AE27" s="221">
        <v>182</v>
      </c>
      <c r="AF27" s="221">
        <v>111</v>
      </c>
      <c r="AG27" s="221">
        <v>75</v>
      </c>
      <c r="AH27" s="222">
        <v>955</v>
      </c>
      <c r="AI27" s="223">
        <v>1143</v>
      </c>
    </row>
    <row r="28" spans="2:35" ht="21" customHeight="1" x14ac:dyDescent="0.2">
      <c r="B28" s="49" t="s">
        <v>27</v>
      </c>
      <c r="C28" s="220">
        <v>118</v>
      </c>
      <c r="D28" s="221">
        <v>183</v>
      </c>
      <c r="E28" s="222">
        <v>301</v>
      </c>
      <c r="F28" s="213">
        <v>0</v>
      </c>
      <c r="G28" s="221">
        <v>260</v>
      </c>
      <c r="H28" s="221">
        <v>185</v>
      </c>
      <c r="I28" s="221">
        <v>156</v>
      </c>
      <c r="J28" s="221">
        <v>110</v>
      </c>
      <c r="K28" s="221">
        <v>64</v>
      </c>
      <c r="L28" s="222">
        <v>775</v>
      </c>
      <c r="M28" s="223">
        <v>1076</v>
      </c>
      <c r="N28" s="224">
        <v>2</v>
      </c>
      <c r="O28" s="221">
        <v>3</v>
      </c>
      <c r="P28" s="222">
        <v>5</v>
      </c>
      <c r="Q28" s="213">
        <v>0</v>
      </c>
      <c r="R28" s="221">
        <v>6</v>
      </c>
      <c r="S28" s="221">
        <v>5</v>
      </c>
      <c r="T28" s="221">
        <v>3</v>
      </c>
      <c r="U28" s="221">
        <v>1</v>
      </c>
      <c r="V28" s="221">
        <v>3</v>
      </c>
      <c r="W28" s="222">
        <v>18</v>
      </c>
      <c r="X28" s="223">
        <v>23</v>
      </c>
      <c r="Y28" s="220">
        <v>120</v>
      </c>
      <c r="Z28" s="221">
        <v>186</v>
      </c>
      <c r="AA28" s="222">
        <v>306</v>
      </c>
      <c r="AB28" s="213">
        <v>0</v>
      </c>
      <c r="AC28" s="221">
        <v>266</v>
      </c>
      <c r="AD28" s="221">
        <v>190</v>
      </c>
      <c r="AE28" s="221">
        <v>159</v>
      </c>
      <c r="AF28" s="221">
        <v>111</v>
      </c>
      <c r="AG28" s="221">
        <v>67</v>
      </c>
      <c r="AH28" s="222">
        <v>793</v>
      </c>
      <c r="AI28" s="223">
        <v>1099</v>
      </c>
    </row>
    <row r="29" spans="2:35" ht="21" customHeight="1" x14ac:dyDescent="0.2">
      <c r="B29" s="49" t="s">
        <v>28</v>
      </c>
      <c r="C29" s="220">
        <v>9</v>
      </c>
      <c r="D29" s="221">
        <v>20</v>
      </c>
      <c r="E29" s="222">
        <v>29</v>
      </c>
      <c r="F29" s="213">
        <v>0</v>
      </c>
      <c r="G29" s="221">
        <v>73</v>
      </c>
      <c r="H29" s="221">
        <v>91</v>
      </c>
      <c r="I29" s="221">
        <v>52</v>
      </c>
      <c r="J29" s="221">
        <v>46</v>
      </c>
      <c r="K29" s="221">
        <v>16</v>
      </c>
      <c r="L29" s="222">
        <v>278</v>
      </c>
      <c r="M29" s="223">
        <v>307</v>
      </c>
      <c r="N29" s="224">
        <v>0</v>
      </c>
      <c r="O29" s="221">
        <v>0</v>
      </c>
      <c r="P29" s="222">
        <v>0</v>
      </c>
      <c r="Q29" s="213">
        <v>0</v>
      </c>
      <c r="R29" s="221">
        <v>0</v>
      </c>
      <c r="S29" s="221">
        <v>4</v>
      </c>
      <c r="T29" s="221">
        <v>0</v>
      </c>
      <c r="U29" s="221">
        <v>0</v>
      </c>
      <c r="V29" s="221">
        <v>0</v>
      </c>
      <c r="W29" s="222">
        <v>4</v>
      </c>
      <c r="X29" s="223">
        <v>4</v>
      </c>
      <c r="Y29" s="220">
        <v>9</v>
      </c>
      <c r="Z29" s="221">
        <v>20</v>
      </c>
      <c r="AA29" s="222">
        <v>29</v>
      </c>
      <c r="AB29" s="213">
        <v>0</v>
      </c>
      <c r="AC29" s="221">
        <v>73</v>
      </c>
      <c r="AD29" s="221">
        <v>95</v>
      </c>
      <c r="AE29" s="221">
        <v>52</v>
      </c>
      <c r="AF29" s="221">
        <v>46</v>
      </c>
      <c r="AG29" s="221">
        <v>16</v>
      </c>
      <c r="AH29" s="222">
        <v>282</v>
      </c>
      <c r="AI29" s="223">
        <v>311</v>
      </c>
    </row>
    <row r="30" spans="2:35" ht="21" customHeight="1" x14ac:dyDescent="0.2">
      <c r="B30" s="49" t="s">
        <v>29</v>
      </c>
      <c r="C30" s="220">
        <v>27</v>
      </c>
      <c r="D30" s="221">
        <v>37</v>
      </c>
      <c r="E30" s="222">
        <v>64</v>
      </c>
      <c r="F30" s="213">
        <v>0</v>
      </c>
      <c r="G30" s="221">
        <v>104</v>
      </c>
      <c r="H30" s="221">
        <v>100</v>
      </c>
      <c r="I30" s="221">
        <v>74</v>
      </c>
      <c r="J30" s="221">
        <v>48</v>
      </c>
      <c r="K30" s="221">
        <v>27</v>
      </c>
      <c r="L30" s="222">
        <v>353</v>
      </c>
      <c r="M30" s="223">
        <v>417</v>
      </c>
      <c r="N30" s="224">
        <v>1</v>
      </c>
      <c r="O30" s="221">
        <v>2</v>
      </c>
      <c r="P30" s="222">
        <v>3</v>
      </c>
      <c r="Q30" s="213">
        <v>0</v>
      </c>
      <c r="R30" s="221">
        <v>2</v>
      </c>
      <c r="S30" s="221">
        <v>4</v>
      </c>
      <c r="T30" s="221">
        <v>3</v>
      </c>
      <c r="U30" s="221">
        <v>1</v>
      </c>
      <c r="V30" s="221">
        <v>0</v>
      </c>
      <c r="W30" s="222">
        <v>10</v>
      </c>
      <c r="X30" s="223">
        <v>13</v>
      </c>
      <c r="Y30" s="220">
        <v>28</v>
      </c>
      <c r="Z30" s="221">
        <v>39</v>
      </c>
      <c r="AA30" s="222">
        <v>67</v>
      </c>
      <c r="AB30" s="213">
        <v>0</v>
      </c>
      <c r="AC30" s="221">
        <v>106</v>
      </c>
      <c r="AD30" s="221">
        <v>104</v>
      </c>
      <c r="AE30" s="221">
        <v>77</v>
      </c>
      <c r="AF30" s="221">
        <v>49</v>
      </c>
      <c r="AG30" s="221">
        <v>27</v>
      </c>
      <c r="AH30" s="222">
        <v>363</v>
      </c>
      <c r="AI30" s="223">
        <v>430</v>
      </c>
    </row>
    <row r="31" spans="2:35" ht="21" customHeight="1" x14ac:dyDescent="0.2">
      <c r="B31" s="49" t="s">
        <v>30</v>
      </c>
      <c r="C31" s="220">
        <v>39</v>
      </c>
      <c r="D31" s="221">
        <v>30</v>
      </c>
      <c r="E31" s="222">
        <v>69</v>
      </c>
      <c r="F31" s="213">
        <v>0</v>
      </c>
      <c r="G31" s="221">
        <v>97</v>
      </c>
      <c r="H31" s="221">
        <v>76</v>
      </c>
      <c r="I31" s="221">
        <v>59</v>
      </c>
      <c r="J31" s="221">
        <v>48</v>
      </c>
      <c r="K31" s="221">
        <v>15</v>
      </c>
      <c r="L31" s="222">
        <v>295</v>
      </c>
      <c r="M31" s="223">
        <v>364</v>
      </c>
      <c r="N31" s="224">
        <v>0</v>
      </c>
      <c r="O31" s="221">
        <v>0</v>
      </c>
      <c r="P31" s="222">
        <v>0</v>
      </c>
      <c r="Q31" s="213">
        <v>0</v>
      </c>
      <c r="R31" s="221">
        <v>3</v>
      </c>
      <c r="S31" s="221">
        <v>0</v>
      </c>
      <c r="T31" s="221">
        <v>3</v>
      </c>
      <c r="U31" s="221">
        <v>1</v>
      </c>
      <c r="V31" s="221">
        <v>0</v>
      </c>
      <c r="W31" s="222">
        <v>7</v>
      </c>
      <c r="X31" s="223">
        <v>7</v>
      </c>
      <c r="Y31" s="220">
        <v>39</v>
      </c>
      <c r="Z31" s="221">
        <v>30</v>
      </c>
      <c r="AA31" s="222">
        <v>69</v>
      </c>
      <c r="AB31" s="213">
        <v>0</v>
      </c>
      <c r="AC31" s="221">
        <v>100</v>
      </c>
      <c r="AD31" s="221">
        <v>76</v>
      </c>
      <c r="AE31" s="221">
        <v>62</v>
      </c>
      <c r="AF31" s="221">
        <v>49</v>
      </c>
      <c r="AG31" s="221">
        <v>15</v>
      </c>
      <c r="AH31" s="222">
        <v>302</v>
      </c>
      <c r="AI31" s="223">
        <v>371</v>
      </c>
    </row>
    <row r="32" spans="2:35" ht="21" customHeight="1" x14ac:dyDescent="0.2">
      <c r="B32" s="49" t="s">
        <v>31</v>
      </c>
      <c r="C32" s="220">
        <v>26</v>
      </c>
      <c r="D32" s="221">
        <v>58</v>
      </c>
      <c r="E32" s="222">
        <v>84</v>
      </c>
      <c r="F32" s="213">
        <v>0</v>
      </c>
      <c r="G32" s="221">
        <v>114</v>
      </c>
      <c r="H32" s="221">
        <v>90</v>
      </c>
      <c r="I32" s="221">
        <v>52</v>
      </c>
      <c r="J32" s="221">
        <v>40</v>
      </c>
      <c r="K32" s="221">
        <v>19</v>
      </c>
      <c r="L32" s="222">
        <v>315</v>
      </c>
      <c r="M32" s="223">
        <v>399</v>
      </c>
      <c r="N32" s="224">
        <v>0</v>
      </c>
      <c r="O32" s="221">
        <v>3</v>
      </c>
      <c r="P32" s="222">
        <v>3</v>
      </c>
      <c r="Q32" s="213">
        <v>0</v>
      </c>
      <c r="R32" s="221">
        <v>3</v>
      </c>
      <c r="S32" s="221">
        <v>0</v>
      </c>
      <c r="T32" s="221">
        <v>0</v>
      </c>
      <c r="U32" s="221">
        <v>2</v>
      </c>
      <c r="V32" s="221">
        <v>1</v>
      </c>
      <c r="W32" s="222">
        <v>6</v>
      </c>
      <c r="X32" s="223">
        <v>9</v>
      </c>
      <c r="Y32" s="220">
        <v>26</v>
      </c>
      <c r="Z32" s="221">
        <v>61</v>
      </c>
      <c r="AA32" s="222">
        <v>87</v>
      </c>
      <c r="AB32" s="213">
        <v>0</v>
      </c>
      <c r="AC32" s="221">
        <v>117</v>
      </c>
      <c r="AD32" s="221">
        <v>90</v>
      </c>
      <c r="AE32" s="221">
        <v>52</v>
      </c>
      <c r="AF32" s="221">
        <v>42</v>
      </c>
      <c r="AG32" s="221">
        <v>20</v>
      </c>
      <c r="AH32" s="222">
        <v>321</v>
      </c>
      <c r="AI32" s="223">
        <v>408</v>
      </c>
    </row>
    <row r="33" spans="2:35" ht="21" customHeight="1" x14ac:dyDescent="0.2">
      <c r="B33" s="49" t="s">
        <v>32</v>
      </c>
      <c r="C33" s="220">
        <v>25</v>
      </c>
      <c r="D33" s="221">
        <v>52</v>
      </c>
      <c r="E33" s="222">
        <v>77</v>
      </c>
      <c r="F33" s="213">
        <v>0</v>
      </c>
      <c r="G33" s="221">
        <v>137</v>
      </c>
      <c r="H33" s="221">
        <v>122</v>
      </c>
      <c r="I33" s="221">
        <v>75</v>
      </c>
      <c r="J33" s="221">
        <v>52</v>
      </c>
      <c r="K33" s="221">
        <v>34</v>
      </c>
      <c r="L33" s="222">
        <v>420</v>
      </c>
      <c r="M33" s="223">
        <v>497</v>
      </c>
      <c r="N33" s="224">
        <v>0</v>
      </c>
      <c r="O33" s="221">
        <v>1</v>
      </c>
      <c r="P33" s="222">
        <v>1</v>
      </c>
      <c r="Q33" s="213">
        <v>0</v>
      </c>
      <c r="R33" s="221">
        <v>6</v>
      </c>
      <c r="S33" s="221">
        <v>6</v>
      </c>
      <c r="T33" s="221">
        <v>2</v>
      </c>
      <c r="U33" s="221">
        <v>2</v>
      </c>
      <c r="V33" s="221">
        <v>4</v>
      </c>
      <c r="W33" s="222">
        <v>20</v>
      </c>
      <c r="X33" s="223">
        <v>21</v>
      </c>
      <c r="Y33" s="220">
        <v>25</v>
      </c>
      <c r="Z33" s="221">
        <v>53</v>
      </c>
      <c r="AA33" s="222">
        <v>78</v>
      </c>
      <c r="AB33" s="213">
        <v>0</v>
      </c>
      <c r="AC33" s="221">
        <v>143</v>
      </c>
      <c r="AD33" s="221">
        <v>128</v>
      </c>
      <c r="AE33" s="221">
        <v>77</v>
      </c>
      <c r="AF33" s="221">
        <v>54</v>
      </c>
      <c r="AG33" s="221">
        <v>38</v>
      </c>
      <c r="AH33" s="222">
        <v>440</v>
      </c>
      <c r="AI33" s="223">
        <v>518</v>
      </c>
    </row>
    <row r="34" spans="2:35" ht="21" customHeight="1" x14ac:dyDescent="0.2">
      <c r="B34" s="49" t="s">
        <v>33</v>
      </c>
      <c r="C34" s="220">
        <v>40</v>
      </c>
      <c r="D34" s="221">
        <v>58</v>
      </c>
      <c r="E34" s="222">
        <v>98</v>
      </c>
      <c r="F34" s="213">
        <v>0</v>
      </c>
      <c r="G34" s="221">
        <v>131</v>
      </c>
      <c r="H34" s="221">
        <v>98</v>
      </c>
      <c r="I34" s="221">
        <v>60</v>
      </c>
      <c r="J34" s="221">
        <v>24</v>
      </c>
      <c r="K34" s="221">
        <v>26</v>
      </c>
      <c r="L34" s="222">
        <v>339</v>
      </c>
      <c r="M34" s="223">
        <v>437</v>
      </c>
      <c r="N34" s="224">
        <v>0</v>
      </c>
      <c r="O34" s="221">
        <v>0</v>
      </c>
      <c r="P34" s="222">
        <v>0</v>
      </c>
      <c r="Q34" s="213">
        <v>0</v>
      </c>
      <c r="R34" s="221">
        <v>2</v>
      </c>
      <c r="S34" s="221">
        <v>1</v>
      </c>
      <c r="T34" s="221">
        <v>0</v>
      </c>
      <c r="U34" s="221">
        <v>0</v>
      </c>
      <c r="V34" s="221">
        <v>1</v>
      </c>
      <c r="W34" s="222">
        <v>4</v>
      </c>
      <c r="X34" s="223">
        <v>4</v>
      </c>
      <c r="Y34" s="220">
        <v>40</v>
      </c>
      <c r="Z34" s="221">
        <v>58</v>
      </c>
      <c r="AA34" s="222">
        <v>98</v>
      </c>
      <c r="AB34" s="213">
        <v>0</v>
      </c>
      <c r="AC34" s="221">
        <v>133</v>
      </c>
      <c r="AD34" s="221">
        <v>99</v>
      </c>
      <c r="AE34" s="221">
        <v>60</v>
      </c>
      <c r="AF34" s="221">
        <v>24</v>
      </c>
      <c r="AG34" s="221">
        <v>27</v>
      </c>
      <c r="AH34" s="222">
        <v>343</v>
      </c>
      <c r="AI34" s="223">
        <v>441</v>
      </c>
    </row>
    <row r="35" spans="2:35" ht="21" customHeight="1" x14ac:dyDescent="0.2">
      <c r="B35" s="49" t="s">
        <v>34</v>
      </c>
      <c r="C35" s="220">
        <v>19</v>
      </c>
      <c r="D35" s="221">
        <v>24</v>
      </c>
      <c r="E35" s="222">
        <v>43</v>
      </c>
      <c r="F35" s="213">
        <v>0</v>
      </c>
      <c r="G35" s="221">
        <v>97</v>
      </c>
      <c r="H35" s="221">
        <v>69</v>
      </c>
      <c r="I35" s="221">
        <v>36</v>
      </c>
      <c r="J35" s="221">
        <v>36</v>
      </c>
      <c r="K35" s="221">
        <v>17</v>
      </c>
      <c r="L35" s="222">
        <v>255</v>
      </c>
      <c r="M35" s="223">
        <v>298</v>
      </c>
      <c r="N35" s="224">
        <v>0</v>
      </c>
      <c r="O35" s="221">
        <v>0</v>
      </c>
      <c r="P35" s="222">
        <v>0</v>
      </c>
      <c r="Q35" s="213">
        <v>0</v>
      </c>
      <c r="R35" s="221">
        <v>4</v>
      </c>
      <c r="S35" s="221">
        <v>3</v>
      </c>
      <c r="T35" s="221">
        <v>1</v>
      </c>
      <c r="U35" s="221">
        <v>1</v>
      </c>
      <c r="V35" s="221">
        <v>1</v>
      </c>
      <c r="W35" s="222">
        <v>10</v>
      </c>
      <c r="X35" s="223">
        <v>10</v>
      </c>
      <c r="Y35" s="220">
        <v>19</v>
      </c>
      <c r="Z35" s="221">
        <v>24</v>
      </c>
      <c r="AA35" s="222">
        <v>43</v>
      </c>
      <c r="AB35" s="213">
        <v>0</v>
      </c>
      <c r="AC35" s="221">
        <v>101</v>
      </c>
      <c r="AD35" s="221">
        <v>72</v>
      </c>
      <c r="AE35" s="221">
        <v>37</v>
      </c>
      <c r="AF35" s="221">
        <v>37</v>
      </c>
      <c r="AG35" s="221">
        <v>18</v>
      </c>
      <c r="AH35" s="222">
        <v>265</v>
      </c>
      <c r="AI35" s="223">
        <v>308</v>
      </c>
    </row>
    <row r="36" spans="2:35" ht="21" customHeight="1" x14ac:dyDescent="0.2">
      <c r="B36" s="49" t="s">
        <v>35</v>
      </c>
      <c r="C36" s="220">
        <v>76</v>
      </c>
      <c r="D36" s="221">
        <v>119</v>
      </c>
      <c r="E36" s="222">
        <v>195</v>
      </c>
      <c r="F36" s="213">
        <v>0</v>
      </c>
      <c r="G36" s="221">
        <v>397</v>
      </c>
      <c r="H36" s="221">
        <v>226</v>
      </c>
      <c r="I36" s="221">
        <v>134</v>
      </c>
      <c r="J36" s="221">
        <v>132</v>
      </c>
      <c r="K36" s="221">
        <v>51</v>
      </c>
      <c r="L36" s="222">
        <v>940</v>
      </c>
      <c r="M36" s="223">
        <v>1135</v>
      </c>
      <c r="N36" s="224">
        <v>0</v>
      </c>
      <c r="O36" s="221">
        <v>1</v>
      </c>
      <c r="P36" s="222">
        <v>1</v>
      </c>
      <c r="Q36" s="213">
        <v>0</v>
      </c>
      <c r="R36" s="221">
        <v>2</v>
      </c>
      <c r="S36" s="221">
        <v>6</v>
      </c>
      <c r="T36" s="221">
        <v>2</v>
      </c>
      <c r="U36" s="221">
        <v>2</v>
      </c>
      <c r="V36" s="221">
        <v>2</v>
      </c>
      <c r="W36" s="222">
        <v>14</v>
      </c>
      <c r="X36" s="223">
        <v>15</v>
      </c>
      <c r="Y36" s="220">
        <v>76</v>
      </c>
      <c r="Z36" s="221">
        <v>120</v>
      </c>
      <c r="AA36" s="222">
        <v>196</v>
      </c>
      <c r="AB36" s="213">
        <v>0</v>
      </c>
      <c r="AC36" s="221">
        <v>399</v>
      </c>
      <c r="AD36" s="221">
        <v>232</v>
      </c>
      <c r="AE36" s="221">
        <v>136</v>
      </c>
      <c r="AF36" s="221">
        <v>134</v>
      </c>
      <c r="AG36" s="221">
        <v>53</v>
      </c>
      <c r="AH36" s="222">
        <v>954</v>
      </c>
      <c r="AI36" s="223">
        <v>1150</v>
      </c>
    </row>
    <row r="37" spans="2:35" ht="21" customHeight="1" x14ac:dyDescent="0.2">
      <c r="B37" s="49" t="s">
        <v>36</v>
      </c>
      <c r="C37" s="220">
        <v>48</v>
      </c>
      <c r="D37" s="221">
        <v>111</v>
      </c>
      <c r="E37" s="222">
        <v>159</v>
      </c>
      <c r="F37" s="213">
        <v>0</v>
      </c>
      <c r="G37" s="221">
        <v>294</v>
      </c>
      <c r="H37" s="221">
        <v>266</v>
      </c>
      <c r="I37" s="221">
        <v>135</v>
      </c>
      <c r="J37" s="221">
        <v>125</v>
      </c>
      <c r="K37" s="221">
        <v>80</v>
      </c>
      <c r="L37" s="222">
        <v>900</v>
      </c>
      <c r="M37" s="223">
        <v>1059</v>
      </c>
      <c r="N37" s="224">
        <v>1</v>
      </c>
      <c r="O37" s="221">
        <v>5</v>
      </c>
      <c r="P37" s="222">
        <v>6</v>
      </c>
      <c r="Q37" s="213">
        <v>0</v>
      </c>
      <c r="R37" s="221">
        <v>9</v>
      </c>
      <c r="S37" s="221">
        <v>4</v>
      </c>
      <c r="T37" s="221">
        <v>6</v>
      </c>
      <c r="U37" s="221">
        <v>1</v>
      </c>
      <c r="V37" s="221">
        <v>2</v>
      </c>
      <c r="W37" s="222">
        <v>22</v>
      </c>
      <c r="X37" s="223">
        <v>28</v>
      </c>
      <c r="Y37" s="220">
        <v>49</v>
      </c>
      <c r="Z37" s="221">
        <v>116</v>
      </c>
      <c r="AA37" s="222">
        <v>165</v>
      </c>
      <c r="AB37" s="213">
        <v>0</v>
      </c>
      <c r="AC37" s="221">
        <v>303</v>
      </c>
      <c r="AD37" s="221">
        <v>270</v>
      </c>
      <c r="AE37" s="221">
        <v>141</v>
      </c>
      <c r="AF37" s="221">
        <v>126</v>
      </c>
      <c r="AG37" s="221">
        <v>82</v>
      </c>
      <c r="AH37" s="222">
        <v>922</v>
      </c>
      <c r="AI37" s="223">
        <v>1087</v>
      </c>
    </row>
    <row r="38" spans="2:35" ht="21" customHeight="1" thickBot="1" x14ac:dyDescent="0.25">
      <c r="B38" s="50" t="s">
        <v>37</v>
      </c>
      <c r="C38" s="225">
        <v>14</v>
      </c>
      <c r="D38" s="226">
        <v>6</v>
      </c>
      <c r="E38" s="227">
        <v>20</v>
      </c>
      <c r="F38" s="214">
        <v>0</v>
      </c>
      <c r="G38" s="226">
        <v>27</v>
      </c>
      <c r="H38" s="226">
        <v>17</v>
      </c>
      <c r="I38" s="226">
        <v>26</v>
      </c>
      <c r="J38" s="226">
        <v>12</v>
      </c>
      <c r="K38" s="226">
        <v>5</v>
      </c>
      <c r="L38" s="227">
        <v>87</v>
      </c>
      <c r="M38" s="228">
        <v>107</v>
      </c>
      <c r="N38" s="229">
        <v>0</v>
      </c>
      <c r="O38" s="226">
        <v>0</v>
      </c>
      <c r="P38" s="227">
        <v>0</v>
      </c>
      <c r="Q38" s="214">
        <v>0</v>
      </c>
      <c r="R38" s="226">
        <v>1</v>
      </c>
      <c r="S38" s="226">
        <v>1</v>
      </c>
      <c r="T38" s="226">
        <v>1</v>
      </c>
      <c r="U38" s="226">
        <v>2</v>
      </c>
      <c r="V38" s="226">
        <v>0</v>
      </c>
      <c r="W38" s="227">
        <v>5</v>
      </c>
      <c r="X38" s="228">
        <v>5</v>
      </c>
      <c r="Y38" s="225">
        <v>14</v>
      </c>
      <c r="Z38" s="226">
        <v>6</v>
      </c>
      <c r="AA38" s="227">
        <v>20</v>
      </c>
      <c r="AB38" s="214">
        <v>0</v>
      </c>
      <c r="AC38" s="226">
        <v>28</v>
      </c>
      <c r="AD38" s="226">
        <v>18</v>
      </c>
      <c r="AE38" s="226">
        <v>27</v>
      </c>
      <c r="AF38" s="226">
        <v>14</v>
      </c>
      <c r="AG38" s="226">
        <v>5</v>
      </c>
      <c r="AH38" s="227">
        <v>92</v>
      </c>
      <c r="AI38" s="228">
        <v>112</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21875" style="255" customWidth="1"/>
    <col min="2" max="2" width="10.77734375" style="255" customWidth="1"/>
    <col min="3"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2">
        <f>第１表!F2</f>
        <v>5</v>
      </c>
      <c r="J1" s="522"/>
      <c r="K1" s="248">
        <f>第１表!G2</f>
        <v>6</v>
      </c>
      <c r="L1" s="527">
        <f>IF(K1&lt;3,K1+12-2,K1-2)</f>
        <v>4</v>
      </c>
      <c r="M1" s="527"/>
    </row>
    <row r="2" spans="2:156" ht="24" customHeight="1" thickBot="1" x14ac:dyDescent="0.25">
      <c r="B2" s="290" t="s">
        <v>137</v>
      </c>
      <c r="G2" s="247"/>
      <c r="H2" s="248"/>
      <c r="J2" s="254"/>
      <c r="K2" s="254"/>
    </row>
    <row r="3" spans="2:156" ht="21" customHeight="1" thickBot="1" x14ac:dyDescent="0.25">
      <c r="B3" s="535"/>
      <c r="C3" s="538" t="s">
        <v>70</v>
      </c>
      <c r="D3" s="539"/>
      <c r="E3" s="539"/>
      <c r="F3" s="539"/>
      <c r="G3" s="539"/>
      <c r="H3" s="539"/>
      <c r="I3" s="539"/>
      <c r="J3" s="539"/>
      <c r="K3" s="539"/>
      <c r="L3" s="539"/>
      <c r="M3" s="540"/>
      <c r="N3" s="538" t="s">
        <v>71</v>
      </c>
      <c r="O3" s="539"/>
      <c r="P3" s="539"/>
      <c r="Q3" s="539"/>
      <c r="R3" s="539"/>
      <c r="S3" s="539"/>
      <c r="T3" s="539"/>
      <c r="U3" s="539"/>
      <c r="V3" s="539"/>
      <c r="W3" s="539"/>
      <c r="X3" s="540"/>
      <c r="Y3" s="538" t="s">
        <v>72</v>
      </c>
      <c r="Z3" s="539"/>
      <c r="AA3" s="539"/>
      <c r="AB3" s="539"/>
      <c r="AC3" s="539"/>
      <c r="AD3" s="539"/>
      <c r="AE3" s="539"/>
      <c r="AF3" s="539"/>
      <c r="AG3" s="539"/>
      <c r="AH3" s="539"/>
      <c r="AI3" s="540"/>
      <c r="AJ3" s="538" t="s">
        <v>73</v>
      </c>
      <c r="AK3" s="539"/>
      <c r="AL3" s="539"/>
      <c r="AM3" s="539"/>
      <c r="AN3" s="539"/>
      <c r="AO3" s="539"/>
      <c r="AP3" s="539"/>
      <c r="AQ3" s="539"/>
      <c r="AR3" s="539"/>
      <c r="AS3" s="539"/>
      <c r="AT3" s="540"/>
      <c r="AU3" s="538" t="s">
        <v>74</v>
      </c>
      <c r="AV3" s="539"/>
      <c r="AW3" s="539"/>
      <c r="AX3" s="539"/>
      <c r="AY3" s="539"/>
      <c r="AZ3" s="539"/>
      <c r="BA3" s="539"/>
      <c r="BB3" s="539"/>
      <c r="BC3" s="539"/>
      <c r="BD3" s="539"/>
      <c r="BE3" s="540"/>
      <c r="BF3" s="538" t="s">
        <v>75</v>
      </c>
      <c r="BG3" s="539"/>
      <c r="BH3" s="539"/>
      <c r="BI3" s="539"/>
      <c r="BJ3" s="539"/>
      <c r="BK3" s="539"/>
      <c r="BL3" s="539"/>
      <c r="BM3" s="539"/>
      <c r="BN3" s="539"/>
      <c r="BO3" s="539"/>
      <c r="BP3" s="540"/>
      <c r="BQ3" s="538" t="s">
        <v>76</v>
      </c>
      <c r="BR3" s="539"/>
      <c r="BS3" s="539"/>
      <c r="BT3" s="539"/>
      <c r="BU3" s="539"/>
      <c r="BV3" s="539"/>
      <c r="BW3" s="539"/>
      <c r="BX3" s="539"/>
      <c r="BY3" s="539"/>
      <c r="BZ3" s="539"/>
      <c r="CA3" s="540"/>
      <c r="CB3" s="538" t="s">
        <v>77</v>
      </c>
      <c r="CC3" s="539"/>
      <c r="CD3" s="539"/>
      <c r="CE3" s="539"/>
      <c r="CF3" s="539"/>
      <c r="CG3" s="539"/>
      <c r="CH3" s="539"/>
      <c r="CI3" s="539"/>
      <c r="CJ3" s="539"/>
      <c r="CK3" s="539"/>
      <c r="CL3" s="540"/>
      <c r="CM3" s="538" t="s">
        <v>78</v>
      </c>
      <c r="CN3" s="539"/>
      <c r="CO3" s="539"/>
      <c r="CP3" s="539"/>
      <c r="CQ3" s="539"/>
      <c r="CR3" s="539"/>
      <c r="CS3" s="539"/>
      <c r="CT3" s="539"/>
      <c r="CU3" s="539"/>
      <c r="CV3" s="539"/>
      <c r="CW3" s="540"/>
      <c r="CX3" s="538" t="s">
        <v>79</v>
      </c>
      <c r="CY3" s="539"/>
      <c r="CZ3" s="539"/>
      <c r="DA3" s="539"/>
      <c r="DB3" s="539"/>
      <c r="DC3" s="539"/>
      <c r="DD3" s="539"/>
      <c r="DE3" s="539"/>
      <c r="DF3" s="539"/>
      <c r="DG3" s="539"/>
      <c r="DH3" s="540"/>
      <c r="DI3" s="538" t="s">
        <v>151</v>
      </c>
      <c r="DJ3" s="539"/>
      <c r="DK3" s="539"/>
      <c r="DL3" s="539"/>
      <c r="DM3" s="539"/>
      <c r="DN3" s="539"/>
      <c r="DO3" s="539"/>
      <c r="DP3" s="539"/>
      <c r="DQ3" s="539"/>
      <c r="DR3" s="539"/>
      <c r="DS3" s="540"/>
      <c r="DT3" s="538" t="s">
        <v>80</v>
      </c>
      <c r="DU3" s="539"/>
      <c r="DV3" s="539"/>
      <c r="DW3" s="539"/>
      <c r="DX3" s="539"/>
      <c r="DY3" s="539"/>
      <c r="DZ3" s="539"/>
      <c r="EA3" s="539"/>
      <c r="EB3" s="539"/>
      <c r="EC3" s="539"/>
      <c r="ED3" s="540"/>
      <c r="EE3" s="538" t="s">
        <v>68</v>
      </c>
      <c r="EF3" s="539"/>
      <c r="EG3" s="539"/>
      <c r="EH3" s="539"/>
      <c r="EI3" s="539"/>
      <c r="EJ3" s="539"/>
      <c r="EK3" s="539"/>
      <c r="EL3" s="539"/>
      <c r="EM3" s="539"/>
      <c r="EN3" s="539"/>
      <c r="EO3" s="540"/>
      <c r="EP3" s="541" t="s">
        <v>69</v>
      </c>
      <c r="EQ3" s="542"/>
      <c r="ER3" s="542"/>
      <c r="ES3" s="542"/>
      <c r="ET3" s="542"/>
      <c r="EU3" s="542"/>
      <c r="EV3" s="542"/>
      <c r="EW3" s="542"/>
      <c r="EX3" s="542"/>
      <c r="EY3" s="542"/>
      <c r="EZ3" s="543"/>
    </row>
    <row r="4" spans="2:156" ht="21" customHeight="1" x14ac:dyDescent="0.2">
      <c r="B4" s="536"/>
      <c r="C4" s="530" t="s">
        <v>61</v>
      </c>
      <c r="D4" s="531"/>
      <c r="E4" s="532"/>
      <c r="F4" s="533" t="s">
        <v>62</v>
      </c>
      <c r="G4" s="531"/>
      <c r="H4" s="531"/>
      <c r="I4" s="531"/>
      <c r="J4" s="531"/>
      <c r="K4" s="531"/>
      <c r="L4" s="534"/>
      <c r="M4" s="528" t="s">
        <v>52</v>
      </c>
      <c r="N4" s="530" t="s">
        <v>61</v>
      </c>
      <c r="O4" s="531"/>
      <c r="P4" s="532"/>
      <c r="Q4" s="533" t="s">
        <v>62</v>
      </c>
      <c r="R4" s="531"/>
      <c r="S4" s="531"/>
      <c r="T4" s="531"/>
      <c r="U4" s="531"/>
      <c r="V4" s="531"/>
      <c r="W4" s="532"/>
      <c r="X4" s="528" t="s">
        <v>52</v>
      </c>
      <c r="Y4" s="530" t="s">
        <v>61</v>
      </c>
      <c r="Z4" s="531"/>
      <c r="AA4" s="532"/>
      <c r="AB4" s="533" t="s">
        <v>62</v>
      </c>
      <c r="AC4" s="531"/>
      <c r="AD4" s="531"/>
      <c r="AE4" s="531"/>
      <c r="AF4" s="531"/>
      <c r="AG4" s="531"/>
      <c r="AH4" s="532"/>
      <c r="AI4" s="528" t="s">
        <v>52</v>
      </c>
      <c r="AJ4" s="530" t="s">
        <v>61</v>
      </c>
      <c r="AK4" s="531"/>
      <c r="AL4" s="532"/>
      <c r="AM4" s="533" t="s">
        <v>62</v>
      </c>
      <c r="AN4" s="531"/>
      <c r="AO4" s="531"/>
      <c r="AP4" s="531"/>
      <c r="AQ4" s="531"/>
      <c r="AR4" s="531"/>
      <c r="AS4" s="532"/>
      <c r="AT4" s="528" t="s">
        <v>52</v>
      </c>
      <c r="AU4" s="530" t="s">
        <v>61</v>
      </c>
      <c r="AV4" s="531"/>
      <c r="AW4" s="532"/>
      <c r="AX4" s="533" t="s">
        <v>62</v>
      </c>
      <c r="AY4" s="531"/>
      <c r="AZ4" s="531"/>
      <c r="BA4" s="531"/>
      <c r="BB4" s="531"/>
      <c r="BC4" s="531"/>
      <c r="BD4" s="534"/>
      <c r="BE4" s="528" t="s">
        <v>52</v>
      </c>
      <c r="BF4" s="530" t="s">
        <v>61</v>
      </c>
      <c r="BG4" s="531"/>
      <c r="BH4" s="532"/>
      <c r="BI4" s="533" t="s">
        <v>62</v>
      </c>
      <c r="BJ4" s="531"/>
      <c r="BK4" s="531"/>
      <c r="BL4" s="531"/>
      <c r="BM4" s="531"/>
      <c r="BN4" s="531"/>
      <c r="BO4" s="532"/>
      <c r="BP4" s="528" t="s">
        <v>52</v>
      </c>
      <c r="BQ4" s="530" t="s">
        <v>61</v>
      </c>
      <c r="BR4" s="531"/>
      <c r="BS4" s="532"/>
      <c r="BT4" s="533" t="s">
        <v>62</v>
      </c>
      <c r="BU4" s="531"/>
      <c r="BV4" s="531"/>
      <c r="BW4" s="531"/>
      <c r="BX4" s="531"/>
      <c r="BY4" s="531"/>
      <c r="BZ4" s="532"/>
      <c r="CA4" s="528" t="s">
        <v>52</v>
      </c>
      <c r="CB4" s="530" t="s">
        <v>61</v>
      </c>
      <c r="CC4" s="531"/>
      <c r="CD4" s="532"/>
      <c r="CE4" s="533" t="s">
        <v>62</v>
      </c>
      <c r="CF4" s="531"/>
      <c r="CG4" s="531"/>
      <c r="CH4" s="531"/>
      <c r="CI4" s="531"/>
      <c r="CJ4" s="531"/>
      <c r="CK4" s="532"/>
      <c r="CL4" s="528" t="s">
        <v>52</v>
      </c>
      <c r="CM4" s="530" t="s">
        <v>61</v>
      </c>
      <c r="CN4" s="531"/>
      <c r="CO4" s="532"/>
      <c r="CP4" s="533" t="s">
        <v>62</v>
      </c>
      <c r="CQ4" s="531"/>
      <c r="CR4" s="531"/>
      <c r="CS4" s="531"/>
      <c r="CT4" s="531"/>
      <c r="CU4" s="531"/>
      <c r="CV4" s="532"/>
      <c r="CW4" s="528" t="s">
        <v>52</v>
      </c>
      <c r="CX4" s="530" t="s">
        <v>61</v>
      </c>
      <c r="CY4" s="531"/>
      <c r="CZ4" s="532"/>
      <c r="DA4" s="533" t="s">
        <v>62</v>
      </c>
      <c r="DB4" s="531"/>
      <c r="DC4" s="531"/>
      <c r="DD4" s="531"/>
      <c r="DE4" s="531"/>
      <c r="DF4" s="531"/>
      <c r="DG4" s="532"/>
      <c r="DH4" s="528" t="s">
        <v>52</v>
      </c>
      <c r="DI4" s="530" t="s">
        <v>61</v>
      </c>
      <c r="DJ4" s="531"/>
      <c r="DK4" s="532"/>
      <c r="DL4" s="533" t="s">
        <v>62</v>
      </c>
      <c r="DM4" s="531"/>
      <c r="DN4" s="531"/>
      <c r="DO4" s="531"/>
      <c r="DP4" s="531"/>
      <c r="DQ4" s="531"/>
      <c r="DR4" s="532"/>
      <c r="DS4" s="528" t="s">
        <v>52</v>
      </c>
      <c r="DT4" s="530" t="s">
        <v>61</v>
      </c>
      <c r="DU4" s="531"/>
      <c r="DV4" s="532"/>
      <c r="DW4" s="533" t="s">
        <v>62</v>
      </c>
      <c r="DX4" s="531"/>
      <c r="DY4" s="531"/>
      <c r="DZ4" s="531"/>
      <c r="EA4" s="531"/>
      <c r="EB4" s="531"/>
      <c r="EC4" s="532"/>
      <c r="ED4" s="528" t="s">
        <v>52</v>
      </c>
      <c r="EE4" s="530" t="s">
        <v>61</v>
      </c>
      <c r="EF4" s="531"/>
      <c r="EG4" s="532"/>
      <c r="EH4" s="533" t="s">
        <v>62</v>
      </c>
      <c r="EI4" s="531"/>
      <c r="EJ4" s="531"/>
      <c r="EK4" s="531"/>
      <c r="EL4" s="531"/>
      <c r="EM4" s="531"/>
      <c r="EN4" s="532"/>
      <c r="EO4" s="528" t="s">
        <v>52</v>
      </c>
      <c r="EP4" s="530" t="s">
        <v>61</v>
      </c>
      <c r="EQ4" s="531"/>
      <c r="ER4" s="532"/>
      <c r="ES4" s="533" t="s">
        <v>62</v>
      </c>
      <c r="ET4" s="531"/>
      <c r="EU4" s="531"/>
      <c r="EV4" s="531"/>
      <c r="EW4" s="531"/>
      <c r="EX4" s="531"/>
      <c r="EY4" s="532"/>
      <c r="EZ4" s="528" t="s">
        <v>52</v>
      </c>
    </row>
    <row r="5" spans="2:156" ht="30" customHeight="1" thickBot="1" x14ac:dyDescent="0.25">
      <c r="B5" s="537"/>
      <c r="C5" s="263" t="s">
        <v>43</v>
      </c>
      <c r="D5" s="259" t="s">
        <v>44</v>
      </c>
      <c r="E5" s="374" t="s">
        <v>45</v>
      </c>
      <c r="F5" s="267" t="s">
        <v>83</v>
      </c>
      <c r="G5" s="259" t="s">
        <v>47</v>
      </c>
      <c r="H5" s="259" t="s">
        <v>48</v>
      </c>
      <c r="I5" s="259" t="s">
        <v>49</v>
      </c>
      <c r="J5" s="259" t="s">
        <v>50</v>
      </c>
      <c r="K5" s="259" t="s">
        <v>51</v>
      </c>
      <c r="L5" s="268" t="s">
        <v>45</v>
      </c>
      <c r="M5" s="529"/>
      <c r="N5" s="263" t="s">
        <v>43</v>
      </c>
      <c r="O5" s="259" t="s">
        <v>44</v>
      </c>
      <c r="P5" s="265" t="s">
        <v>45</v>
      </c>
      <c r="Q5" s="267" t="s">
        <v>83</v>
      </c>
      <c r="R5" s="259" t="s">
        <v>47</v>
      </c>
      <c r="S5" s="259" t="s">
        <v>48</v>
      </c>
      <c r="T5" s="259" t="s">
        <v>49</v>
      </c>
      <c r="U5" s="259" t="s">
        <v>50</v>
      </c>
      <c r="V5" s="259" t="s">
        <v>51</v>
      </c>
      <c r="W5" s="265" t="s">
        <v>45</v>
      </c>
      <c r="X5" s="529"/>
      <c r="Y5" s="263" t="s">
        <v>43</v>
      </c>
      <c r="Z5" s="259" t="s">
        <v>44</v>
      </c>
      <c r="AA5" s="265" t="s">
        <v>45</v>
      </c>
      <c r="AB5" s="267" t="s">
        <v>83</v>
      </c>
      <c r="AC5" s="259" t="s">
        <v>47</v>
      </c>
      <c r="AD5" s="259" t="s">
        <v>48</v>
      </c>
      <c r="AE5" s="259" t="s">
        <v>49</v>
      </c>
      <c r="AF5" s="259" t="s">
        <v>50</v>
      </c>
      <c r="AG5" s="259" t="s">
        <v>51</v>
      </c>
      <c r="AH5" s="265" t="s">
        <v>45</v>
      </c>
      <c r="AI5" s="529"/>
      <c r="AJ5" s="263" t="s">
        <v>43</v>
      </c>
      <c r="AK5" s="259" t="s">
        <v>44</v>
      </c>
      <c r="AL5" s="265" t="s">
        <v>45</v>
      </c>
      <c r="AM5" s="267" t="s">
        <v>83</v>
      </c>
      <c r="AN5" s="259" t="s">
        <v>47</v>
      </c>
      <c r="AO5" s="259" t="s">
        <v>48</v>
      </c>
      <c r="AP5" s="259" t="s">
        <v>49</v>
      </c>
      <c r="AQ5" s="259" t="s">
        <v>50</v>
      </c>
      <c r="AR5" s="259" t="s">
        <v>51</v>
      </c>
      <c r="AS5" s="265" t="s">
        <v>45</v>
      </c>
      <c r="AT5" s="529"/>
      <c r="AU5" s="263" t="s">
        <v>43</v>
      </c>
      <c r="AV5" s="259" t="s">
        <v>44</v>
      </c>
      <c r="AW5" s="265" t="s">
        <v>45</v>
      </c>
      <c r="AX5" s="267" t="s">
        <v>83</v>
      </c>
      <c r="AY5" s="259" t="s">
        <v>47</v>
      </c>
      <c r="AZ5" s="259" t="s">
        <v>48</v>
      </c>
      <c r="BA5" s="259" t="s">
        <v>49</v>
      </c>
      <c r="BB5" s="259" t="s">
        <v>50</v>
      </c>
      <c r="BC5" s="259" t="s">
        <v>51</v>
      </c>
      <c r="BD5" s="268" t="s">
        <v>45</v>
      </c>
      <c r="BE5" s="529"/>
      <c r="BF5" s="263" t="s">
        <v>43</v>
      </c>
      <c r="BG5" s="259" t="s">
        <v>44</v>
      </c>
      <c r="BH5" s="265" t="s">
        <v>45</v>
      </c>
      <c r="BI5" s="267" t="s">
        <v>83</v>
      </c>
      <c r="BJ5" s="259" t="s">
        <v>47</v>
      </c>
      <c r="BK5" s="259" t="s">
        <v>48</v>
      </c>
      <c r="BL5" s="259" t="s">
        <v>49</v>
      </c>
      <c r="BM5" s="259" t="s">
        <v>50</v>
      </c>
      <c r="BN5" s="259" t="s">
        <v>51</v>
      </c>
      <c r="BO5" s="265" t="s">
        <v>45</v>
      </c>
      <c r="BP5" s="529"/>
      <c r="BQ5" s="263" t="s">
        <v>43</v>
      </c>
      <c r="BR5" s="259" t="s">
        <v>44</v>
      </c>
      <c r="BS5" s="265" t="s">
        <v>45</v>
      </c>
      <c r="BT5" s="267" t="s">
        <v>83</v>
      </c>
      <c r="BU5" s="259" t="s">
        <v>47</v>
      </c>
      <c r="BV5" s="259" t="s">
        <v>48</v>
      </c>
      <c r="BW5" s="259" t="s">
        <v>49</v>
      </c>
      <c r="BX5" s="259" t="s">
        <v>50</v>
      </c>
      <c r="BY5" s="259" t="s">
        <v>51</v>
      </c>
      <c r="BZ5" s="265" t="s">
        <v>45</v>
      </c>
      <c r="CA5" s="529"/>
      <c r="CB5" s="263" t="s">
        <v>43</v>
      </c>
      <c r="CC5" s="259" t="s">
        <v>44</v>
      </c>
      <c r="CD5" s="265" t="s">
        <v>45</v>
      </c>
      <c r="CE5" s="267" t="s">
        <v>83</v>
      </c>
      <c r="CF5" s="259" t="s">
        <v>47</v>
      </c>
      <c r="CG5" s="259" t="s">
        <v>48</v>
      </c>
      <c r="CH5" s="259" t="s">
        <v>49</v>
      </c>
      <c r="CI5" s="259" t="s">
        <v>50</v>
      </c>
      <c r="CJ5" s="259" t="s">
        <v>51</v>
      </c>
      <c r="CK5" s="265" t="s">
        <v>45</v>
      </c>
      <c r="CL5" s="529"/>
      <c r="CM5" s="263" t="s">
        <v>43</v>
      </c>
      <c r="CN5" s="259" t="s">
        <v>44</v>
      </c>
      <c r="CO5" s="265" t="s">
        <v>45</v>
      </c>
      <c r="CP5" s="267" t="s">
        <v>83</v>
      </c>
      <c r="CQ5" s="259" t="s">
        <v>47</v>
      </c>
      <c r="CR5" s="259" t="s">
        <v>48</v>
      </c>
      <c r="CS5" s="259" t="s">
        <v>49</v>
      </c>
      <c r="CT5" s="259" t="s">
        <v>50</v>
      </c>
      <c r="CU5" s="259" t="s">
        <v>51</v>
      </c>
      <c r="CV5" s="265" t="s">
        <v>45</v>
      </c>
      <c r="CW5" s="529"/>
      <c r="CX5" s="263" t="s">
        <v>43</v>
      </c>
      <c r="CY5" s="259" t="s">
        <v>44</v>
      </c>
      <c r="CZ5" s="265" t="s">
        <v>45</v>
      </c>
      <c r="DA5" s="267" t="s">
        <v>83</v>
      </c>
      <c r="DB5" s="259" t="s">
        <v>47</v>
      </c>
      <c r="DC5" s="259" t="s">
        <v>48</v>
      </c>
      <c r="DD5" s="259" t="s">
        <v>49</v>
      </c>
      <c r="DE5" s="259" t="s">
        <v>50</v>
      </c>
      <c r="DF5" s="259" t="s">
        <v>51</v>
      </c>
      <c r="DG5" s="265" t="s">
        <v>45</v>
      </c>
      <c r="DH5" s="529"/>
      <c r="DI5" s="342" t="s">
        <v>43</v>
      </c>
      <c r="DJ5" s="259" t="s">
        <v>44</v>
      </c>
      <c r="DK5" s="265" t="s">
        <v>45</v>
      </c>
      <c r="DL5" s="267" t="s">
        <v>83</v>
      </c>
      <c r="DM5" s="259" t="s">
        <v>47</v>
      </c>
      <c r="DN5" s="259" t="s">
        <v>48</v>
      </c>
      <c r="DO5" s="259" t="s">
        <v>49</v>
      </c>
      <c r="DP5" s="259" t="s">
        <v>50</v>
      </c>
      <c r="DQ5" s="259" t="s">
        <v>51</v>
      </c>
      <c r="DR5" s="265" t="s">
        <v>45</v>
      </c>
      <c r="DS5" s="529"/>
      <c r="DT5" s="263" t="s">
        <v>43</v>
      </c>
      <c r="DU5" s="259" t="s">
        <v>44</v>
      </c>
      <c r="DV5" s="265" t="s">
        <v>45</v>
      </c>
      <c r="DW5" s="267" t="s">
        <v>83</v>
      </c>
      <c r="DX5" s="259" t="s">
        <v>47</v>
      </c>
      <c r="DY5" s="259" t="s">
        <v>48</v>
      </c>
      <c r="DZ5" s="259" t="s">
        <v>49</v>
      </c>
      <c r="EA5" s="259" t="s">
        <v>50</v>
      </c>
      <c r="EB5" s="259" t="s">
        <v>51</v>
      </c>
      <c r="EC5" s="265" t="s">
        <v>45</v>
      </c>
      <c r="ED5" s="529"/>
      <c r="EE5" s="263" t="s">
        <v>43</v>
      </c>
      <c r="EF5" s="259" t="s">
        <v>44</v>
      </c>
      <c r="EG5" s="265" t="s">
        <v>45</v>
      </c>
      <c r="EH5" s="267" t="s">
        <v>83</v>
      </c>
      <c r="EI5" s="259" t="s">
        <v>47</v>
      </c>
      <c r="EJ5" s="259" t="s">
        <v>48</v>
      </c>
      <c r="EK5" s="259" t="s">
        <v>49</v>
      </c>
      <c r="EL5" s="259" t="s">
        <v>50</v>
      </c>
      <c r="EM5" s="259" t="s">
        <v>51</v>
      </c>
      <c r="EN5" s="265" t="s">
        <v>45</v>
      </c>
      <c r="EO5" s="529"/>
      <c r="EP5" s="263" t="s">
        <v>43</v>
      </c>
      <c r="EQ5" s="259" t="s">
        <v>44</v>
      </c>
      <c r="ER5" s="265" t="s">
        <v>45</v>
      </c>
      <c r="ES5" s="267" t="s">
        <v>83</v>
      </c>
      <c r="ET5" s="259" t="s">
        <v>47</v>
      </c>
      <c r="EU5" s="259" t="s">
        <v>48</v>
      </c>
      <c r="EV5" s="259" t="s">
        <v>49</v>
      </c>
      <c r="EW5" s="259" t="s">
        <v>50</v>
      </c>
      <c r="EX5" s="259" t="s">
        <v>51</v>
      </c>
      <c r="EY5" s="265" t="s">
        <v>45</v>
      </c>
      <c r="EZ5" s="529"/>
    </row>
    <row r="6" spans="2:156" ht="21" customHeight="1" x14ac:dyDescent="0.2">
      <c r="B6" s="260" t="s">
        <v>4</v>
      </c>
      <c r="C6" s="269">
        <v>0</v>
      </c>
      <c r="D6" s="273">
        <v>0</v>
      </c>
      <c r="E6" s="375">
        <v>0</v>
      </c>
      <c r="F6" s="272">
        <v>0</v>
      </c>
      <c r="G6" s="273">
        <v>18960</v>
      </c>
      <c r="H6" s="273">
        <v>22280</v>
      </c>
      <c r="I6" s="273">
        <v>12495</v>
      </c>
      <c r="J6" s="273">
        <v>10062</v>
      </c>
      <c r="K6" s="273">
        <v>7544</v>
      </c>
      <c r="L6" s="274">
        <v>71341</v>
      </c>
      <c r="M6" s="275">
        <v>71341</v>
      </c>
      <c r="N6" s="269">
        <v>3</v>
      </c>
      <c r="O6" s="273">
        <v>20</v>
      </c>
      <c r="P6" s="270">
        <v>23</v>
      </c>
      <c r="Q6" s="272">
        <v>0</v>
      </c>
      <c r="R6" s="273">
        <v>135</v>
      </c>
      <c r="S6" s="273">
        <v>450</v>
      </c>
      <c r="T6" s="273">
        <v>826</v>
      </c>
      <c r="U6" s="273">
        <v>1985</v>
      </c>
      <c r="V6" s="273">
        <v>3435</v>
      </c>
      <c r="W6" s="270">
        <v>6831</v>
      </c>
      <c r="X6" s="275">
        <v>6854</v>
      </c>
      <c r="Y6" s="269">
        <v>2269</v>
      </c>
      <c r="Z6" s="273">
        <v>5440</v>
      </c>
      <c r="AA6" s="270">
        <v>7709</v>
      </c>
      <c r="AB6" s="272">
        <v>0</v>
      </c>
      <c r="AC6" s="273">
        <v>11629</v>
      </c>
      <c r="AD6" s="273">
        <v>16267</v>
      </c>
      <c r="AE6" s="273">
        <v>10059</v>
      </c>
      <c r="AF6" s="273">
        <v>8720</v>
      </c>
      <c r="AG6" s="273">
        <v>6566</v>
      </c>
      <c r="AH6" s="270">
        <v>53241</v>
      </c>
      <c r="AI6" s="275">
        <v>60950</v>
      </c>
      <c r="AJ6" s="269">
        <v>240</v>
      </c>
      <c r="AK6" s="273">
        <v>752</v>
      </c>
      <c r="AL6" s="270">
        <v>992</v>
      </c>
      <c r="AM6" s="272">
        <v>0</v>
      </c>
      <c r="AN6" s="273">
        <v>1057</v>
      </c>
      <c r="AO6" s="273">
        <v>1693</v>
      </c>
      <c r="AP6" s="273">
        <v>1133</v>
      </c>
      <c r="AQ6" s="273">
        <v>976</v>
      </c>
      <c r="AR6" s="273">
        <v>607</v>
      </c>
      <c r="AS6" s="270">
        <v>5466</v>
      </c>
      <c r="AT6" s="275">
        <v>6458</v>
      </c>
      <c r="AU6" s="269">
        <v>2792</v>
      </c>
      <c r="AV6" s="273">
        <v>3836</v>
      </c>
      <c r="AW6" s="270">
        <v>6628</v>
      </c>
      <c r="AX6" s="272">
        <v>0</v>
      </c>
      <c r="AY6" s="273">
        <v>17961</v>
      </c>
      <c r="AZ6" s="273">
        <v>22065</v>
      </c>
      <c r="BA6" s="273">
        <v>19681</v>
      </c>
      <c r="BB6" s="273">
        <v>19261</v>
      </c>
      <c r="BC6" s="273">
        <v>14672</v>
      </c>
      <c r="BD6" s="274">
        <v>93640</v>
      </c>
      <c r="BE6" s="275">
        <v>100268</v>
      </c>
      <c r="BF6" s="269">
        <v>0</v>
      </c>
      <c r="BG6" s="273">
        <v>0</v>
      </c>
      <c r="BH6" s="270">
        <v>0</v>
      </c>
      <c r="BI6" s="272">
        <v>0</v>
      </c>
      <c r="BJ6" s="273">
        <v>21800</v>
      </c>
      <c r="BK6" s="273">
        <v>20422</v>
      </c>
      <c r="BL6" s="273">
        <v>10977</v>
      </c>
      <c r="BM6" s="273">
        <v>6515</v>
      </c>
      <c r="BN6" s="273">
        <v>3081</v>
      </c>
      <c r="BO6" s="270">
        <v>62795</v>
      </c>
      <c r="BP6" s="275">
        <v>62795</v>
      </c>
      <c r="BQ6" s="269">
        <v>1577</v>
      </c>
      <c r="BR6" s="273">
        <v>2520</v>
      </c>
      <c r="BS6" s="270">
        <v>4097</v>
      </c>
      <c r="BT6" s="272">
        <v>0</v>
      </c>
      <c r="BU6" s="273">
        <v>4281</v>
      </c>
      <c r="BV6" s="273">
        <v>6326</v>
      </c>
      <c r="BW6" s="273">
        <v>3692</v>
      </c>
      <c r="BX6" s="273">
        <v>2381</v>
      </c>
      <c r="BY6" s="273">
        <v>872</v>
      </c>
      <c r="BZ6" s="270">
        <v>17552</v>
      </c>
      <c r="CA6" s="275">
        <v>21649</v>
      </c>
      <c r="CB6" s="269">
        <v>82</v>
      </c>
      <c r="CC6" s="273">
        <v>201</v>
      </c>
      <c r="CD6" s="270">
        <v>283</v>
      </c>
      <c r="CE6" s="272">
        <v>0</v>
      </c>
      <c r="CF6" s="273">
        <v>2092</v>
      </c>
      <c r="CG6" s="273">
        <v>3557</v>
      </c>
      <c r="CH6" s="273">
        <v>4453</v>
      </c>
      <c r="CI6" s="273">
        <v>3172</v>
      </c>
      <c r="CJ6" s="273">
        <v>1697</v>
      </c>
      <c r="CK6" s="270">
        <v>14971</v>
      </c>
      <c r="CL6" s="275">
        <v>15254</v>
      </c>
      <c r="CM6" s="269">
        <v>1</v>
      </c>
      <c r="CN6" s="273">
        <v>20</v>
      </c>
      <c r="CO6" s="270">
        <v>21</v>
      </c>
      <c r="CP6" s="272">
        <v>0</v>
      </c>
      <c r="CQ6" s="273">
        <v>207</v>
      </c>
      <c r="CR6" s="273">
        <v>473</v>
      </c>
      <c r="CS6" s="273">
        <v>587</v>
      </c>
      <c r="CT6" s="273">
        <v>513</v>
      </c>
      <c r="CU6" s="273">
        <v>332</v>
      </c>
      <c r="CV6" s="270">
        <v>2112</v>
      </c>
      <c r="CW6" s="275">
        <v>2133</v>
      </c>
      <c r="CX6" s="269">
        <v>0</v>
      </c>
      <c r="CY6" s="273">
        <v>0</v>
      </c>
      <c r="CZ6" s="270">
        <v>0</v>
      </c>
      <c r="DA6" s="272">
        <v>0</v>
      </c>
      <c r="DB6" s="273">
        <v>0</v>
      </c>
      <c r="DC6" s="273">
        <v>1</v>
      </c>
      <c r="DD6" s="273">
        <v>0</v>
      </c>
      <c r="DE6" s="273">
        <v>0</v>
      </c>
      <c r="DF6" s="273">
        <v>0</v>
      </c>
      <c r="DG6" s="270">
        <v>1</v>
      </c>
      <c r="DH6" s="275">
        <v>1</v>
      </c>
      <c r="DI6" s="269">
        <v>0</v>
      </c>
      <c r="DJ6" s="273">
        <v>0</v>
      </c>
      <c r="DK6" s="270">
        <v>0</v>
      </c>
      <c r="DL6" s="272">
        <v>0</v>
      </c>
      <c r="DM6" s="273">
        <v>0</v>
      </c>
      <c r="DN6" s="273">
        <v>0</v>
      </c>
      <c r="DO6" s="273">
        <v>0</v>
      </c>
      <c r="DP6" s="273">
        <v>0</v>
      </c>
      <c r="DQ6" s="273">
        <v>0</v>
      </c>
      <c r="DR6" s="270">
        <v>0</v>
      </c>
      <c r="DS6" s="275">
        <v>0</v>
      </c>
      <c r="DT6" s="269">
        <v>10798</v>
      </c>
      <c r="DU6" s="273">
        <v>22902</v>
      </c>
      <c r="DV6" s="270">
        <v>33700</v>
      </c>
      <c r="DW6" s="272">
        <v>0</v>
      </c>
      <c r="DX6" s="273">
        <v>26887</v>
      </c>
      <c r="DY6" s="273">
        <v>45078</v>
      </c>
      <c r="DZ6" s="273">
        <v>26892</v>
      </c>
      <c r="EA6" s="273">
        <v>20800</v>
      </c>
      <c r="EB6" s="273">
        <v>13121</v>
      </c>
      <c r="EC6" s="270">
        <v>132778</v>
      </c>
      <c r="ED6" s="275">
        <v>166478</v>
      </c>
      <c r="EE6" s="269">
        <v>1643</v>
      </c>
      <c r="EF6" s="273">
        <v>1251</v>
      </c>
      <c r="EG6" s="270">
        <v>2894</v>
      </c>
      <c r="EH6" s="272">
        <v>0</v>
      </c>
      <c r="EI6" s="273">
        <v>5903</v>
      </c>
      <c r="EJ6" s="273">
        <v>5360</v>
      </c>
      <c r="EK6" s="273">
        <v>4796</v>
      </c>
      <c r="EL6" s="273">
        <v>5545</v>
      </c>
      <c r="EM6" s="273">
        <v>3199</v>
      </c>
      <c r="EN6" s="270">
        <v>24803</v>
      </c>
      <c r="EO6" s="275">
        <v>27697</v>
      </c>
      <c r="EP6" s="269">
        <v>13917</v>
      </c>
      <c r="EQ6" s="273">
        <v>27233</v>
      </c>
      <c r="ER6" s="270">
        <v>41150</v>
      </c>
      <c r="ES6" s="272">
        <v>0</v>
      </c>
      <c r="ET6" s="273">
        <v>56977</v>
      </c>
      <c r="EU6" s="273">
        <v>60032</v>
      </c>
      <c r="EV6" s="273">
        <v>31958</v>
      </c>
      <c r="EW6" s="273">
        <v>22271</v>
      </c>
      <c r="EX6" s="273">
        <v>13447</v>
      </c>
      <c r="EY6" s="270">
        <v>184685</v>
      </c>
      <c r="EZ6" s="275">
        <v>225835</v>
      </c>
    </row>
    <row r="7" spans="2:156" ht="21" customHeight="1" x14ac:dyDescent="0.2">
      <c r="B7" s="261" t="s">
        <v>5</v>
      </c>
      <c r="C7" s="276">
        <v>0</v>
      </c>
      <c r="D7" s="280">
        <v>0</v>
      </c>
      <c r="E7" s="376">
        <v>0</v>
      </c>
      <c r="F7" s="279">
        <v>0</v>
      </c>
      <c r="G7" s="280">
        <v>6708</v>
      </c>
      <c r="H7" s="280">
        <v>11007</v>
      </c>
      <c r="I7" s="280">
        <v>5423</v>
      </c>
      <c r="J7" s="280">
        <v>4174</v>
      </c>
      <c r="K7" s="280">
        <v>3096</v>
      </c>
      <c r="L7" s="281">
        <v>30408</v>
      </c>
      <c r="M7" s="282">
        <v>30408</v>
      </c>
      <c r="N7" s="276">
        <v>2</v>
      </c>
      <c r="O7" s="280">
        <v>7</v>
      </c>
      <c r="P7" s="277">
        <v>9</v>
      </c>
      <c r="Q7" s="279">
        <v>0</v>
      </c>
      <c r="R7" s="280">
        <v>24</v>
      </c>
      <c r="S7" s="280">
        <v>162</v>
      </c>
      <c r="T7" s="280">
        <v>303</v>
      </c>
      <c r="U7" s="280">
        <v>800</v>
      </c>
      <c r="V7" s="280">
        <v>1473</v>
      </c>
      <c r="W7" s="277">
        <v>2762</v>
      </c>
      <c r="X7" s="282">
        <v>2771</v>
      </c>
      <c r="Y7" s="276">
        <v>985</v>
      </c>
      <c r="Z7" s="280">
        <v>2785</v>
      </c>
      <c r="AA7" s="277">
        <v>3770</v>
      </c>
      <c r="AB7" s="279">
        <v>0</v>
      </c>
      <c r="AC7" s="280">
        <v>4213</v>
      </c>
      <c r="AD7" s="280">
        <v>8153</v>
      </c>
      <c r="AE7" s="280">
        <v>4676</v>
      </c>
      <c r="AF7" s="280">
        <v>3905</v>
      </c>
      <c r="AG7" s="280">
        <v>2893</v>
      </c>
      <c r="AH7" s="277">
        <v>23840</v>
      </c>
      <c r="AI7" s="282">
        <v>27610</v>
      </c>
      <c r="AJ7" s="276">
        <v>107</v>
      </c>
      <c r="AK7" s="280">
        <v>388</v>
      </c>
      <c r="AL7" s="277">
        <v>495</v>
      </c>
      <c r="AM7" s="279">
        <v>0</v>
      </c>
      <c r="AN7" s="280">
        <v>269</v>
      </c>
      <c r="AO7" s="280">
        <v>682</v>
      </c>
      <c r="AP7" s="280">
        <v>461</v>
      </c>
      <c r="AQ7" s="280">
        <v>385</v>
      </c>
      <c r="AR7" s="280">
        <v>223</v>
      </c>
      <c r="AS7" s="277">
        <v>2020</v>
      </c>
      <c r="AT7" s="282">
        <v>2515</v>
      </c>
      <c r="AU7" s="276">
        <v>1176</v>
      </c>
      <c r="AV7" s="280">
        <v>1862</v>
      </c>
      <c r="AW7" s="277">
        <v>3038</v>
      </c>
      <c r="AX7" s="279">
        <v>0</v>
      </c>
      <c r="AY7" s="280">
        <v>6549</v>
      </c>
      <c r="AZ7" s="280">
        <v>9669</v>
      </c>
      <c r="BA7" s="280">
        <v>8018</v>
      </c>
      <c r="BB7" s="280">
        <v>7806</v>
      </c>
      <c r="BC7" s="280">
        <v>6040</v>
      </c>
      <c r="BD7" s="281">
        <v>38082</v>
      </c>
      <c r="BE7" s="282">
        <v>41120</v>
      </c>
      <c r="BF7" s="276">
        <v>0</v>
      </c>
      <c r="BG7" s="280">
        <v>0</v>
      </c>
      <c r="BH7" s="277">
        <v>0</v>
      </c>
      <c r="BI7" s="279">
        <v>0</v>
      </c>
      <c r="BJ7" s="280">
        <v>6803</v>
      </c>
      <c r="BK7" s="280">
        <v>8260</v>
      </c>
      <c r="BL7" s="280">
        <v>4065</v>
      </c>
      <c r="BM7" s="280">
        <v>2317</v>
      </c>
      <c r="BN7" s="280">
        <v>1109</v>
      </c>
      <c r="BO7" s="277">
        <v>22554</v>
      </c>
      <c r="BP7" s="282">
        <v>22554</v>
      </c>
      <c r="BQ7" s="276">
        <v>679</v>
      </c>
      <c r="BR7" s="280">
        <v>1132</v>
      </c>
      <c r="BS7" s="277">
        <v>1811</v>
      </c>
      <c r="BT7" s="279">
        <v>0</v>
      </c>
      <c r="BU7" s="280">
        <v>1330</v>
      </c>
      <c r="BV7" s="280">
        <v>2871</v>
      </c>
      <c r="BW7" s="280">
        <v>1654</v>
      </c>
      <c r="BX7" s="280">
        <v>1051</v>
      </c>
      <c r="BY7" s="280">
        <v>391</v>
      </c>
      <c r="BZ7" s="277">
        <v>7297</v>
      </c>
      <c r="CA7" s="282">
        <v>9108</v>
      </c>
      <c r="CB7" s="276">
        <v>35</v>
      </c>
      <c r="CC7" s="280">
        <v>76</v>
      </c>
      <c r="CD7" s="277">
        <v>111</v>
      </c>
      <c r="CE7" s="279">
        <v>0</v>
      </c>
      <c r="CF7" s="280">
        <v>584</v>
      </c>
      <c r="CG7" s="280">
        <v>1273</v>
      </c>
      <c r="CH7" s="280">
        <v>1636</v>
      </c>
      <c r="CI7" s="280">
        <v>1127</v>
      </c>
      <c r="CJ7" s="280">
        <v>617</v>
      </c>
      <c r="CK7" s="277">
        <v>5237</v>
      </c>
      <c r="CL7" s="282">
        <v>5348</v>
      </c>
      <c r="CM7" s="276">
        <v>0</v>
      </c>
      <c r="CN7" s="280">
        <v>11</v>
      </c>
      <c r="CO7" s="277">
        <v>11</v>
      </c>
      <c r="CP7" s="279">
        <v>0</v>
      </c>
      <c r="CQ7" s="280">
        <v>89</v>
      </c>
      <c r="CR7" s="280">
        <v>275</v>
      </c>
      <c r="CS7" s="280">
        <v>319</v>
      </c>
      <c r="CT7" s="280">
        <v>276</v>
      </c>
      <c r="CU7" s="280">
        <v>190</v>
      </c>
      <c r="CV7" s="277">
        <v>1149</v>
      </c>
      <c r="CW7" s="282">
        <v>1160</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3698</v>
      </c>
      <c r="DU7" s="280">
        <v>9789</v>
      </c>
      <c r="DV7" s="277">
        <v>13487</v>
      </c>
      <c r="DW7" s="279">
        <v>0</v>
      </c>
      <c r="DX7" s="280">
        <v>7617</v>
      </c>
      <c r="DY7" s="280">
        <v>19936</v>
      </c>
      <c r="DZ7" s="280">
        <v>10921</v>
      </c>
      <c r="EA7" s="280">
        <v>8274</v>
      </c>
      <c r="EB7" s="280">
        <v>5333</v>
      </c>
      <c r="EC7" s="277">
        <v>52081</v>
      </c>
      <c r="ED7" s="282">
        <v>65568</v>
      </c>
      <c r="EE7" s="276">
        <v>694</v>
      </c>
      <c r="EF7" s="280">
        <v>550</v>
      </c>
      <c r="EG7" s="277">
        <v>1244</v>
      </c>
      <c r="EH7" s="279">
        <v>0</v>
      </c>
      <c r="EI7" s="280">
        <v>2359</v>
      </c>
      <c r="EJ7" s="280">
        <v>2548</v>
      </c>
      <c r="EK7" s="280">
        <v>2116</v>
      </c>
      <c r="EL7" s="280">
        <v>2458</v>
      </c>
      <c r="EM7" s="280">
        <v>1392</v>
      </c>
      <c r="EN7" s="277">
        <v>10873</v>
      </c>
      <c r="EO7" s="282">
        <v>12117</v>
      </c>
      <c r="EP7" s="276">
        <v>5103</v>
      </c>
      <c r="EQ7" s="280">
        <v>11958</v>
      </c>
      <c r="ER7" s="277">
        <v>17061</v>
      </c>
      <c r="ES7" s="279">
        <v>0</v>
      </c>
      <c r="ET7" s="280">
        <v>18641</v>
      </c>
      <c r="EU7" s="280">
        <v>27015</v>
      </c>
      <c r="EV7" s="280">
        <v>13201</v>
      </c>
      <c r="EW7" s="280">
        <v>9018</v>
      </c>
      <c r="EX7" s="280">
        <v>5494</v>
      </c>
      <c r="EY7" s="277">
        <v>73369</v>
      </c>
      <c r="EZ7" s="282">
        <v>90430</v>
      </c>
    </row>
    <row r="8" spans="2:156" ht="21" customHeight="1" x14ac:dyDescent="0.2">
      <c r="B8" s="261" t="s">
        <v>6</v>
      </c>
      <c r="C8" s="276">
        <v>0</v>
      </c>
      <c r="D8" s="280">
        <v>0</v>
      </c>
      <c r="E8" s="376">
        <v>0</v>
      </c>
      <c r="F8" s="279">
        <v>0</v>
      </c>
      <c r="G8" s="280">
        <v>3329</v>
      </c>
      <c r="H8" s="280">
        <v>2837</v>
      </c>
      <c r="I8" s="280">
        <v>1821</v>
      </c>
      <c r="J8" s="280">
        <v>1559</v>
      </c>
      <c r="K8" s="280">
        <v>1226</v>
      </c>
      <c r="L8" s="281">
        <v>10772</v>
      </c>
      <c r="M8" s="282">
        <v>10772</v>
      </c>
      <c r="N8" s="276">
        <v>1</v>
      </c>
      <c r="O8" s="280">
        <v>3</v>
      </c>
      <c r="P8" s="277">
        <v>4</v>
      </c>
      <c r="Q8" s="279">
        <v>0</v>
      </c>
      <c r="R8" s="280">
        <v>21</v>
      </c>
      <c r="S8" s="280">
        <v>59</v>
      </c>
      <c r="T8" s="280">
        <v>111</v>
      </c>
      <c r="U8" s="280">
        <v>275</v>
      </c>
      <c r="V8" s="280">
        <v>518</v>
      </c>
      <c r="W8" s="277">
        <v>984</v>
      </c>
      <c r="X8" s="282">
        <v>988</v>
      </c>
      <c r="Y8" s="276">
        <v>342</v>
      </c>
      <c r="Z8" s="280">
        <v>725</v>
      </c>
      <c r="AA8" s="277">
        <v>1067</v>
      </c>
      <c r="AB8" s="279">
        <v>0</v>
      </c>
      <c r="AC8" s="280">
        <v>2125</v>
      </c>
      <c r="AD8" s="280">
        <v>2087</v>
      </c>
      <c r="AE8" s="280">
        <v>1439</v>
      </c>
      <c r="AF8" s="280">
        <v>1284</v>
      </c>
      <c r="AG8" s="280">
        <v>991</v>
      </c>
      <c r="AH8" s="277">
        <v>7926</v>
      </c>
      <c r="AI8" s="282">
        <v>8993</v>
      </c>
      <c r="AJ8" s="276">
        <v>16</v>
      </c>
      <c r="AK8" s="280">
        <v>59</v>
      </c>
      <c r="AL8" s="277">
        <v>75</v>
      </c>
      <c r="AM8" s="279">
        <v>0</v>
      </c>
      <c r="AN8" s="280">
        <v>169</v>
      </c>
      <c r="AO8" s="280">
        <v>196</v>
      </c>
      <c r="AP8" s="280">
        <v>126</v>
      </c>
      <c r="AQ8" s="280">
        <v>134</v>
      </c>
      <c r="AR8" s="280">
        <v>71</v>
      </c>
      <c r="AS8" s="277">
        <v>696</v>
      </c>
      <c r="AT8" s="282">
        <v>771</v>
      </c>
      <c r="AU8" s="276">
        <v>475</v>
      </c>
      <c r="AV8" s="280">
        <v>551</v>
      </c>
      <c r="AW8" s="277">
        <v>1026</v>
      </c>
      <c r="AX8" s="279">
        <v>0</v>
      </c>
      <c r="AY8" s="280">
        <v>3362</v>
      </c>
      <c r="AZ8" s="280">
        <v>3488</v>
      </c>
      <c r="BA8" s="280">
        <v>3245</v>
      </c>
      <c r="BB8" s="280">
        <v>3198</v>
      </c>
      <c r="BC8" s="280">
        <v>2527</v>
      </c>
      <c r="BD8" s="281">
        <v>15820</v>
      </c>
      <c r="BE8" s="282">
        <v>16846</v>
      </c>
      <c r="BF8" s="276">
        <v>0</v>
      </c>
      <c r="BG8" s="280">
        <v>0</v>
      </c>
      <c r="BH8" s="277">
        <v>0</v>
      </c>
      <c r="BI8" s="279">
        <v>0</v>
      </c>
      <c r="BJ8" s="280">
        <v>3672</v>
      </c>
      <c r="BK8" s="280">
        <v>2659</v>
      </c>
      <c r="BL8" s="280">
        <v>1539</v>
      </c>
      <c r="BM8" s="280">
        <v>1025</v>
      </c>
      <c r="BN8" s="280">
        <v>503</v>
      </c>
      <c r="BO8" s="277">
        <v>9398</v>
      </c>
      <c r="BP8" s="282">
        <v>9398</v>
      </c>
      <c r="BQ8" s="276">
        <v>119</v>
      </c>
      <c r="BR8" s="280">
        <v>205</v>
      </c>
      <c r="BS8" s="277">
        <v>324</v>
      </c>
      <c r="BT8" s="279">
        <v>0</v>
      </c>
      <c r="BU8" s="280">
        <v>570</v>
      </c>
      <c r="BV8" s="280">
        <v>689</v>
      </c>
      <c r="BW8" s="280">
        <v>457</v>
      </c>
      <c r="BX8" s="280">
        <v>344</v>
      </c>
      <c r="BY8" s="280">
        <v>126</v>
      </c>
      <c r="BZ8" s="277">
        <v>2186</v>
      </c>
      <c r="CA8" s="282">
        <v>2510</v>
      </c>
      <c r="CB8" s="276">
        <v>7</v>
      </c>
      <c r="CC8" s="280">
        <v>15</v>
      </c>
      <c r="CD8" s="277">
        <v>22</v>
      </c>
      <c r="CE8" s="279">
        <v>0</v>
      </c>
      <c r="CF8" s="280">
        <v>277</v>
      </c>
      <c r="CG8" s="280">
        <v>405</v>
      </c>
      <c r="CH8" s="280">
        <v>523</v>
      </c>
      <c r="CI8" s="280">
        <v>394</v>
      </c>
      <c r="CJ8" s="280">
        <v>237</v>
      </c>
      <c r="CK8" s="277">
        <v>1836</v>
      </c>
      <c r="CL8" s="282">
        <v>1858</v>
      </c>
      <c r="CM8" s="276">
        <v>0</v>
      </c>
      <c r="CN8" s="280">
        <v>1</v>
      </c>
      <c r="CO8" s="277">
        <v>1</v>
      </c>
      <c r="CP8" s="279">
        <v>0</v>
      </c>
      <c r="CQ8" s="280">
        <v>31</v>
      </c>
      <c r="CR8" s="280">
        <v>50</v>
      </c>
      <c r="CS8" s="280">
        <v>80</v>
      </c>
      <c r="CT8" s="280">
        <v>70</v>
      </c>
      <c r="CU8" s="280">
        <v>51</v>
      </c>
      <c r="CV8" s="277">
        <v>282</v>
      </c>
      <c r="CW8" s="282">
        <v>283</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579</v>
      </c>
      <c r="DU8" s="280">
        <v>2834</v>
      </c>
      <c r="DV8" s="277">
        <v>4413</v>
      </c>
      <c r="DW8" s="279">
        <v>0</v>
      </c>
      <c r="DX8" s="280">
        <v>4936</v>
      </c>
      <c r="DY8" s="280">
        <v>5734</v>
      </c>
      <c r="DZ8" s="280">
        <v>3946</v>
      </c>
      <c r="EA8" s="280">
        <v>3271</v>
      </c>
      <c r="EB8" s="280">
        <v>2105</v>
      </c>
      <c r="EC8" s="277">
        <v>19992</v>
      </c>
      <c r="ED8" s="282">
        <v>24405</v>
      </c>
      <c r="EE8" s="276">
        <v>240</v>
      </c>
      <c r="EF8" s="280">
        <v>169</v>
      </c>
      <c r="EG8" s="277">
        <v>409</v>
      </c>
      <c r="EH8" s="279">
        <v>0</v>
      </c>
      <c r="EI8" s="280">
        <v>860</v>
      </c>
      <c r="EJ8" s="280">
        <v>683</v>
      </c>
      <c r="EK8" s="280">
        <v>685</v>
      </c>
      <c r="EL8" s="280">
        <v>783</v>
      </c>
      <c r="EM8" s="280">
        <v>492</v>
      </c>
      <c r="EN8" s="277">
        <v>3503</v>
      </c>
      <c r="EO8" s="282">
        <v>3912</v>
      </c>
      <c r="EP8" s="276">
        <v>1919</v>
      </c>
      <c r="EQ8" s="280">
        <v>3324</v>
      </c>
      <c r="ER8" s="277">
        <v>5243</v>
      </c>
      <c r="ES8" s="279">
        <v>0</v>
      </c>
      <c r="ET8" s="280">
        <v>9419</v>
      </c>
      <c r="EU8" s="280">
        <v>7368</v>
      </c>
      <c r="EV8" s="280">
        <v>4496</v>
      </c>
      <c r="EW8" s="280">
        <v>3410</v>
      </c>
      <c r="EX8" s="280">
        <v>2159</v>
      </c>
      <c r="EY8" s="277">
        <v>26852</v>
      </c>
      <c r="EZ8" s="282">
        <v>32095</v>
      </c>
    </row>
    <row r="9" spans="2:156" ht="21" customHeight="1" x14ac:dyDescent="0.2">
      <c r="B9" s="261" t="s">
        <v>14</v>
      </c>
      <c r="C9" s="276">
        <v>0</v>
      </c>
      <c r="D9" s="280">
        <v>0</v>
      </c>
      <c r="E9" s="376">
        <v>0</v>
      </c>
      <c r="F9" s="279">
        <v>0</v>
      </c>
      <c r="G9" s="280">
        <v>1152</v>
      </c>
      <c r="H9" s="280">
        <v>1672</v>
      </c>
      <c r="I9" s="280">
        <v>988</v>
      </c>
      <c r="J9" s="280">
        <v>695</v>
      </c>
      <c r="K9" s="280">
        <v>507</v>
      </c>
      <c r="L9" s="281">
        <v>5014</v>
      </c>
      <c r="M9" s="282">
        <v>5014</v>
      </c>
      <c r="N9" s="276">
        <v>0</v>
      </c>
      <c r="O9" s="280">
        <v>2</v>
      </c>
      <c r="P9" s="277">
        <v>2</v>
      </c>
      <c r="Q9" s="279">
        <v>0</v>
      </c>
      <c r="R9" s="280">
        <v>6</v>
      </c>
      <c r="S9" s="280">
        <v>29</v>
      </c>
      <c r="T9" s="280">
        <v>54</v>
      </c>
      <c r="U9" s="280">
        <v>124</v>
      </c>
      <c r="V9" s="280">
        <v>210</v>
      </c>
      <c r="W9" s="277">
        <v>423</v>
      </c>
      <c r="X9" s="282">
        <v>425</v>
      </c>
      <c r="Y9" s="276">
        <v>110</v>
      </c>
      <c r="Z9" s="280">
        <v>401</v>
      </c>
      <c r="AA9" s="277">
        <v>511</v>
      </c>
      <c r="AB9" s="279">
        <v>0</v>
      </c>
      <c r="AC9" s="280">
        <v>646</v>
      </c>
      <c r="AD9" s="280">
        <v>1154</v>
      </c>
      <c r="AE9" s="280">
        <v>748</v>
      </c>
      <c r="AF9" s="280">
        <v>607</v>
      </c>
      <c r="AG9" s="280">
        <v>456</v>
      </c>
      <c r="AH9" s="277">
        <v>3611</v>
      </c>
      <c r="AI9" s="282">
        <v>4122</v>
      </c>
      <c r="AJ9" s="276">
        <v>8</v>
      </c>
      <c r="AK9" s="280">
        <v>41</v>
      </c>
      <c r="AL9" s="277">
        <v>49</v>
      </c>
      <c r="AM9" s="279">
        <v>0</v>
      </c>
      <c r="AN9" s="280">
        <v>22</v>
      </c>
      <c r="AO9" s="280">
        <v>75</v>
      </c>
      <c r="AP9" s="280">
        <v>57</v>
      </c>
      <c r="AQ9" s="280">
        <v>45</v>
      </c>
      <c r="AR9" s="280">
        <v>19</v>
      </c>
      <c r="AS9" s="277">
        <v>218</v>
      </c>
      <c r="AT9" s="282">
        <v>267</v>
      </c>
      <c r="AU9" s="276">
        <v>181</v>
      </c>
      <c r="AV9" s="280">
        <v>342</v>
      </c>
      <c r="AW9" s="277">
        <v>523</v>
      </c>
      <c r="AX9" s="279">
        <v>0</v>
      </c>
      <c r="AY9" s="280">
        <v>1213</v>
      </c>
      <c r="AZ9" s="280">
        <v>1680</v>
      </c>
      <c r="BA9" s="280">
        <v>1709</v>
      </c>
      <c r="BB9" s="280">
        <v>1387</v>
      </c>
      <c r="BC9" s="280">
        <v>1017</v>
      </c>
      <c r="BD9" s="281">
        <v>7006</v>
      </c>
      <c r="BE9" s="282">
        <v>7529</v>
      </c>
      <c r="BF9" s="276">
        <v>0</v>
      </c>
      <c r="BG9" s="280">
        <v>0</v>
      </c>
      <c r="BH9" s="277">
        <v>0</v>
      </c>
      <c r="BI9" s="279">
        <v>0</v>
      </c>
      <c r="BJ9" s="280">
        <v>1565</v>
      </c>
      <c r="BK9" s="280">
        <v>1802</v>
      </c>
      <c r="BL9" s="280">
        <v>1150</v>
      </c>
      <c r="BM9" s="280">
        <v>570</v>
      </c>
      <c r="BN9" s="280">
        <v>295</v>
      </c>
      <c r="BO9" s="277">
        <v>5382</v>
      </c>
      <c r="BP9" s="282">
        <v>5382</v>
      </c>
      <c r="BQ9" s="276">
        <v>74</v>
      </c>
      <c r="BR9" s="280">
        <v>175</v>
      </c>
      <c r="BS9" s="277">
        <v>249</v>
      </c>
      <c r="BT9" s="279">
        <v>0</v>
      </c>
      <c r="BU9" s="280">
        <v>158</v>
      </c>
      <c r="BV9" s="280">
        <v>415</v>
      </c>
      <c r="BW9" s="280">
        <v>260</v>
      </c>
      <c r="BX9" s="280">
        <v>143</v>
      </c>
      <c r="BY9" s="280">
        <v>44</v>
      </c>
      <c r="BZ9" s="277">
        <v>1020</v>
      </c>
      <c r="CA9" s="282">
        <v>1269</v>
      </c>
      <c r="CB9" s="276">
        <v>2</v>
      </c>
      <c r="CC9" s="280">
        <v>17</v>
      </c>
      <c r="CD9" s="277">
        <v>19</v>
      </c>
      <c r="CE9" s="279">
        <v>0</v>
      </c>
      <c r="CF9" s="280">
        <v>110</v>
      </c>
      <c r="CG9" s="280">
        <v>243</v>
      </c>
      <c r="CH9" s="280">
        <v>349</v>
      </c>
      <c r="CI9" s="280">
        <v>294</v>
      </c>
      <c r="CJ9" s="280">
        <v>151</v>
      </c>
      <c r="CK9" s="277">
        <v>1147</v>
      </c>
      <c r="CL9" s="282">
        <v>1166</v>
      </c>
      <c r="CM9" s="276">
        <v>0</v>
      </c>
      <c r="CN9" s="280">
        <v>1</v>
      </c>
      <c r="CO9" s="277">
        <v>1</v>
      </c>
      <c r="CP9" s="279">
        <v>0</v>
      </c>
      <c r="CQ9" s="280">
        <v>0</v>
      </c>
      <c r="CR9" s="280">
        <v>12</v>
      </c>
      <c r="CS9" s="280">
        <v>8</v>
      </c>
      <c r="CT9" s="280">
        <v>12</v>
      </c>
      <c r="CU9" s="280">
        <v>2</v>
      </c>
      <c r="CV9" s="277">
        <v>34</v>
      </c>
      <c r="CW9" s="282">
        <v>35</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815</v>
      </c>
      <c r="DU9" s="280">
        <v>2315</v>
      </c>
      <c r="DV9" s="277">
        <v>3130</v>
      </c>
      <c r="DW9" s="279">
        <v>0</v>
      </c>
      <c r="DX9" s="280">
        <v>1721</v>
      </c>
      <c r="DY9" s="280">
        <v>3792</v>
      </c>
      <c r="DZ9" s="280">
        <v>2352</v>
      </c>
      <c r="EA9" s="280">
        <v>1602</v>
      </c>
      <c r="EB9" s="280">
        <v>979</v>
      </c>
      <c r="EC9" s="277">
        <v>10446</v>
      </c>
      <c r="ED9" s="282">
        <v>13576</v>
      </c>
      <c r="EE9" s="276">
        <v>112</v>
      </c>
      <c r="EF9" s="280">
        <v>116</v>
      </c>
      <c r="EG9" s="277">
        <v>228</v>
      </c>
      <c r="EH9" s="279">
        <v>0</v>
      </c>
      <c r="EI9" s="280">
        <v>326</v>
      </c>
      <c r="EJ9" s="280">
        <v>285</v>
      </c>
      <c r="EK9" s="280">
        <v>294</v>
      </c>
      <c r="EL9" s="280">
        <v>305</v>
      </c>
      <c r="EM9" s="280">
        <v>153</v>
      </c>
      <c r="EN9" s="277">
        <v>1363</v>
      </c>
      <c r="EO9" s="282">
        <v>1591</v>
      </c>
      <c r="EP9" s="276">
        <v>960</v>
      </c>
      <c r="EQ9" s="280">
        <v>2579</v>
      </c>
      <c r="ER9" s="277">
        <v>3539</v>
      </c>
      <c r="ES9" s="279">
        <v>0</v>
      </c>
      <c r="ET9" s="280">
        <v>3813</v>
      </c>
      <c r="EU9" s="280">
        <v>5010</v>
      </c>
      <c r="EV9" s="280">
        <v>2821</v>
      </c>
      <c r="EW9" s="280">
        <v>1731</v>
      </c>
      <c r="EX9" s="280">
        <v>1020</v>
      </c>
      <c r="EY9" s="277">
        <v>14395</v>
      </c>
      <c r="EZ9" s="282">
        <v>17934</v>
      </c>
    </row>
    <row r="10" spans="2:156" ht="21" customHeight="1" x14ac:dyDescent="0.2">
      <c r="B10" s="261" t="s">
        <v>7</v>
      </c>
      <c r="C10" s="276">
        <v>0</v>
      </c>
      <c r="D10" s="280">
        <v>0</v>
      </c>
      <c r="E10" s="376">
        <v>0</v>
      </c>
      <c r="F10" s="279">
        <v>0</v>
      </c>
      <c r="G10" s="280">
        <v>1506</v>
      </c>
      <c r="H10" s="280">
        <v>1091</v>
      </c>
      <c r="I10" s="280">
        <v>599</v>
      </c>
      <c r="J10" s="280">
        <v>571</v>
      </c>
      <c r="K10" s="280">
        <v>404</v>
      </c>
      <c r="L10" s="281">
        <v>4171</v>
      </c>
      <c r="M10" s="282">
        <v>4171</v>
      </c>
      <c r="N10" s="276">
        <v>0</v>
      </c>
      <c r="O10" s="280">
        <v>0</v>
      </c>
      <c r="P10" s="277">
        <v>0</v>
      </c>
      <c r="Q10" s="279">
        <v>0</v>
      </c>
      <c r="R10" s="280">
        <v>14</v>
      </c>
      <c r="S10" s="280">
        <v>43</v>
      </c>
      <c r="T10" s="280">
        <v>63</v>
      </c>
      <c r="U10" s="280">
        <v>143</v>
      </c>
      <c r="V10" s="280">
        <v>187</v>
      </c>
      <c r="W10" s="277">
        <v>450</v>
      </c>
      <c r="X10" s="282">
        <v>450</v>
      </c>
      <c r="Y10" s="276">
        <v>12</v>
      </c>
      <c r="Z10" s="280">
        <v>20</v>
      </c>
      <c r="AA10" s="277">
        <v>32</v>
      </c>
      <c r="AB10" s="279">
        <v>0</v>
      </c>
      <c r="AC10" s="280">
        <v>539</v>
      </c>
      <c r="AD10" s="280">
        <v>536</v>
      </c>
      <c r="AE10" s="280">
        <v>345</v>
      </c>
      <c r="AF10" s="280">
        <v>371</v>
      </c>
      <c r="AG10" s="280">
        <v>279</v>
      </c>
      <c r="AH10" s="277">
        <v>2070</v>
      </c>
      <c r="AI10" s="282">
        <v>2102</v>
      </c>
      <c r="AJ10" s="276">
        <v>3</v>
      </c>
      <c r="AK10" s="280">
        <v>6</v>
      </c>
      <c r="AL10" s="277">
        <v>9</v>
      </c>
      <c r="AM10" s="279">
        <v>0</v>
      </c>
      <c r="AN10" s="280">
        <v>65</v>
      </c>
      <c r="AO10" s="280">
        <v>67</v>
      </c>
      <c r="AP10" s="280">
        <v>56</v>
      </c>
      <c r="AQ10" s="280">
        <v>62</v>
      </c>
      <c r="AR10" s="280">
        <v>30</v>
      </c>
      <c r="AS10" s="277">
        <v>280</v>
      </c>
      <c r="AT10" s="282">
        <v>289</v>
      </c>
      <c r="AU10" s="276">
        <v>115</v>
      </c>
      <c r="AV10" s="280">
        <v>97</v>
      </c>
      <c r="AW10" s="277">
        <v>212</v>
      </c>
      <c r="AX10" s="279">
        <v>0</v>
      </c>
      <c r="AY10" s="280">
        <v>1171</v>
      </c>
      <c r="AZ10" s="280">
        <v>1120</v>
      </c>
      <c r="BA10" s="280">
        <v>960</v>
      </c>
      <c r="BB10" s="280">
        <v>999</v>
      </c>
      <c r="BC10" s="280">
        <v>673</v>
      </c>
      <c r="BD10" s="281">
        <v>4923</v>
      </c>
      <c r="BE10" s="282">
        <v>5135</v>
      </c>
      <c r="BF10" s="276">
        <v>0</v>
      </c>
      <c r="BG10" s="280">
        <v>0</v>
      </c>
      <c r="BH10" s="277">
        <v>0</v>
      </c>
      <c r="BI10" s="279">
        <v>0</v>
      </c>
      <c r="BJ10" s="280">
        <v>1743</v>
      </c>
      <c r="BK10" s="280">
        <v>1110</v>
      </c>
      <c r="BL10" s="280">
        <v>537</v>
      </c>
      <c r="BM10" s="280">
        <v>314</v>
      </c>
      <c r="BN10" s="280">
        <v>134</v>
      </c>
      <c r="BO10" s="277">
        <v>3838</v>
      </c>
      <c r="BP10" s="282">
        <v>3838</v>
      </c>
      <c r="BQ10" s="276">
        <v>37</v>
      </c>
      <c r="BR10" s="280">
        <v>59</v>
      </c>
      <c r="BS10" s="277">
        <v>96</v>
      </c>
      <c r="BT10" s="279">
        <v>0</v>
      </c>
      <c r="BU10" s="280">
        <v>256</v>
      </c>
      <c r="BV10" s="280">
        <v>226</v>
      </c>
      <c r="BW10" s="280">
        <v>137</v>
      </c>
      <c r="BX10" s="280">
        <v>84</v>
      </c>
      <c r="BY10" s="280">
        <v>28</v>
      </c>
      <c r="BZ10" s="277">
        <v>731</v>
      </c>
      <c r="CA10" s="282">
        <v>827</v>
      </c>
      <c r="CB10" s="276">
        <v>3</v>
      </c>
      <c r="CC10" s="280">
        <v>2</v>
      </c>
      <c r="CD10" s="277">
        <v>5</v>
      </c>
      <c r="CE10" s="279">
        <v>0</v>
      </c>
      <c r="CF10" s="280">
        <v>208</v>
      </c>
      <c r="CG10" s="280">
        <v>293</v>
      </c>
      <c r="CH10" s="280">
        <v>298</v>
      </c>
      <c r="CI10" s="280">
        <v>189</v>
      </c>
      <c r="CJ10" s="280">
        <v>91</v>
      </c>
      <c r="CK10" s="277">
        <v>1079</v>
      </c>
      <c r="CL10" s="282">
        <v>1084</v>
      </c>
      <c r="CM10" s="276">
        <v>0</v>
      </c>
      <c r="CN10" s="280">
        <v>0</v>
      </c>
      <c r="CO10" s="277">
        <v>0</v>
      </c>
      <c r="CP10" s="279">
        <v>0</v>
      </c>
      <c r="CQ10" s="280">
        <v>5</v>
      </c>
      <c r="CR10" s="280">
        <v>11</v>
      </c>
      <c r="CS10" s="280">
        <v>19</v>
      </c>
      <c r="CT10" s="280">
        <v>14</v>
      </c>
      <c r="CU10" s="280">
        <v>6</v>
      </c>
      <c r="CV10" s="277">
        <v>55</v>
      </c>
      <c r="CW10" s="282">
        <v>55</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43</v>
      </c>
      <c r="DU10" s="280">
        <v>699</v>
      </c>
      <c r="DV10" s="277">
        <v>1042</v>
      </c>
      <c r="DW10" s="279">
        <v>0</v>
      </c>
      <c r="DX10" s="280">
        <v>2048</v>
      </c>
      <c r="DY10" s="280">
        <v>2266</v>
      </c>
      <c r="DZ10" s="280">
        <v>1302</v>
      </c>
      <c r="EA10" s="280">
        <v>1047</v>
      </c>
      <c r="EB10" s="280">
        <v>600</v>
      </c>
      <c r="EC10" s="277">
        <v>7263</v>
      </c>
      <c r="ED10" s="282">
        <v>8305</v>
      </c>
      <c r="EE10" s="276">
        <v>94</v>
      </c>
      <c r="EF10" s="280">
        <v>46</v>
      </c>
      <c r="EG10" s="277">
        <v>140</v>
      </c>
      <c r="EH10" s="279">
        <v>0</v>
      </c>
      <c r="EI10" s="280">
        <v>462</v>
      </c>
      <c r="EJ10" s="280">
        <v>285</v>
      </c>
      <c r="EK10" s="280">
        <v>248</v>
      </c>
      <c r="EL10" s="280">
        <v>283</v>
      </c>
      <c r="EM10" s="280">
        <v>148</v>
      </c>
      <c r="EN10" s="277">
        <v>1426</v>
      </c>
      <c r="EO10" s="282">
        <v>1566</v>
      </c>
      <c r="EP10" s="276">
        <v>392</v>
      </c>
      <c r="EQ10" s="280">
        <v>743</v>
      </c>
      <c r="ER10" s="277">
        <v>1135</v>
      </c>
      <c r="ES10" s="279">
        <v>0</v>
      </c>
      <c r="ET10" s="280">
        <v>4483</v>
      </c>
      <c r="EU10" s="280">
        <v>3114</v>
      </c>
      <c r="EV10" s="280">
        <v>1582</v>
      </c>
      <c r="EW10" s="280">
        <v>1154</v>
      </c>
      <c r="EX10" s="280">
        <v>639</v>
      </c>
      <c r="EY10" s="277">
        <v>10972</v>
      </c>
      <c r="EZ10" s="282">
        <v>12107</v>
      </c>
    </row>
    <row r="11" spans="2:156" ht="21" customHeight="1" x14ac:dyDescent="0.2">
      <c r="B11" s="261" t="s">
        <v>8</v>
      </c>
      <c r="C11" s="276">
        <v>0</v>
      </c>
      <c r="D11" s="280">
        <v>0</v>
      </c>
      <c r="E11" s="376">
        <v>0</v>
      </c>
      <c r="F11" s="279">
        <v>0</v>
      </c>
      <c r="G11" s="280">
        <v>469</v>
      </c>
      <c r="H11" s="280">
        <v>627</v>
      </c>
      <c r="I11" s="280">
        <v>401</v>
      </c>
      <c r="J11" s="280">
        <v>310</v>
      </c>
      <c r="K11" s="280">
        <v>244</v>
      </c>
      <c r="L11" s="281">
        <v>2051</v>
      </c>
      <c r="M11" s="282">
        <v>2051</v>
      </c>
      <c r="N11" s="276">
        <v>0</v>
      </c>
      <c r="O11" s="280">
        <v>0</v>
      </c>
      <c r="P11" s="277">
        <v>0</v>
      </c>
      <c r="Q11" s="279">
        <v>0</v>
      </c>
      <c r="R11" s="280">
        <v>5</v>
      </c>
      <c r="S11" s="280">
        <v>18</v>
      </c>
      <c r="T11" s="280">
        <v>21</v>
      </c>
      <c r="U11" s="280">
        <v>53</v>
      </c>
      <c r="V11" s="280">
        <v>105</v>
      </c>
      <c r="W11" s="277">
        <v>202</v>
      </c>
      <c r="X11" s="282">
        <v>202</v>
      </c>
      <c r="Y11" s="276">
        <v>57</v>
      </c>
      <c r="Z11" s="280">
        <v>69</v>
      </c>
      <c r="AA11" s="277">
        <v>126</v>
      </c>
      <c r="AB11" s="279">
        <v>0</v>
      </c>
      <c r="AC11" s="280">
        <v>284</v>
      </c>
      <c r="AD11" s="280">
        <v>397</v>
      </c>
      <c r="AE11" s="280">
        <v>249</v>
      </c>
      <c r="AF11" s="280">
        <v>231</v>
      </c>
      <c r="AG11" s="280">
        <v>172</v>
      </c>
      <c r="AH11" s="277">
        <v>1333</v>
      </c>
      <c r="AI11" s="282">
        <v>1459</v>
      </c>
      <c r="AJ11" s="276">
        <v>4</v>
      </c>
      <c r="AK11" s="280">
        <v>12</v>
      </c>
      <c r="AL11" s="277">
        <v>16</v>
      </c>
      <c r="AM11" s="279">
        <v>0</v>
      </c>
      <c r="AN11" s="280">
        <v>61</v>
      </c>
      <c r="AO11" s="280">
        <v>89</v>
      </c>
      <c r="AP11" s="280">
        <v>47</v>
      </c>
      <c r="AQ11" s="280">
        <v>41</v>
      </c>
      <c r="AR11" s="280">
        <v>28</v>
      </c>
      <c r="AS11" s="277">
        <v>266</v>
      </c>
      <c r="AT11" s="282">
        <v>282</v>
      </c>
      <c r="AU11" s="276">
        <v>64</v>
      </c>
      <c r="AV11" s="280">
        <v>60</v>
      </c>
      <c r="AW11" s="277">
        <v>124</v>
      </c>
      <c r="AX11" s="279">
        <v>0</v>
      </c>
      <c r="AY11" s="280">
        <v>472</v>
      </c>
      <c r="AZ11" s="280">
        <v>575</v>
      </c>
      <c r="BA11" s="280">
        <v>537</v>
      </c>
      <c r="BB11" s="280">
        <v>540</v>
      </c>
      <c r="BC11" s="280">
        <v>391</v>
      </c>
      <c r="BD11" s="281">
        <v>2515</v>
      </c>
      <c r="BE11" s="282">
        <v>2639</v>
      </c>
      <c r="BF11" s="276">
        <v>0</v>
      </c>
      <c r="BG11" s="280">
        <v>0</v>
      </c>
      <c r="BH11" s="277">
        <v>0</v>
      </c>
      <c r="BI11" s="279">
        <v>0</v>
      </c>
      <c r="BJ11" s="280">
        <v>571</v>
      </c>
      <c r="BK11" s="280">
        <v>647</v>
      </c>
      <c r="BL11" s="280">
        <v>347</v>
      </c>
      <c r="BM11" s="280">
        <v>212</v>
      </c>
      <c r="BN11" s="280">
        <v>104</v>
      </c>
      <c r="BO11" s="277">
        <v>1881</v>
      </c>
      <c r="BP11" s="282">
        <v>1881</v>
      </c>
      <c r="BQ11" s="276">
        <v>51</v>
      </c>
      <c r="BR11" s="280">
        <v>57</v>
      </c>
      <c r="BS11" s="277">
        <v>108</v>
      </c>
      <c r="BT11" s="279">
        <v>0</v>
      </c>
      <c r="BU11" s="280">
        <v>114</v>
      </c>
      <c r="BV11" s="280">
        <v>164</v>
      </c>
      <c r="BW11" s="280">
        <v>106</v>
      </c>
      <c r="BX11" s="280">
        <v>58</v>
      </c>
      <c r="BY11" s="280">
        <v>17</v>
      </c>
      <c r="BZ11" s="277">
        <v>459</v>
      </c>
      <c r="CA11" s="282">
        <v>567</v>
      </c>
      <c r="CB11" s="276">
        <v>2</v>
      </c>
      <c r="CC11" s="280">
        <v>6</v>
      </c>
      <c r="CD11" s="277">
        <v>8</v>
      </c>
      <c r="CE11" s="279">
        <v>0</v>
      </c>
      <c r="CF11" s="280">
        <v>88</v>
      </c>
      <c r="CG11" s="280">
        <v>167</v>
      </c>
      <c r="CH11" s="280">
        <v>206</v>
      </c>
      <c r="CI11" s="280">
        <v>118</v>
      </c>
      <c r="CJ11" s="280">
        <v>52</v>
      </c>
      <c r="CK11" s="277">
        <v>631</v>
      </c>
      <c r="CL11" s="282">
        <v>639</v>
      </c>
      <c r="CM11" s="276">
        <v>0</v>
      </c>
      <c r="CN11" s="280">
        <v>0</v>
      </c>
      <c r="CO11" s="277">
        <v>0</v>
      </c>
      <c r="CP11" s="279">
        <v>0</v>
      </c>
      <c r="CQ11" s="280">
        <v>6</v>
      </c>
      <c r="CR11" s="280">
        <v>5</v>
      </c>
      <c r="CS11" s="280">
        <v>8</v>
      </c>
      <c r="CT11" s="280">
        <v>5</v>
      </c>
      <c r="CU11" s="280">
        <v>1</v>
      </c>
      <c r="CV11" s="277">
        <v>25</v>
      </c>
      <c r="CW11" s="282">
        <v>25</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433</v>
      </c>
      <c r="DU11" s="280">
        <v>571</v>
      </c>
      <c r="DV11" s="277">
        <v>1004</v>
      </c>
      <c r="DW11" s="279">
        <v>0</v>
      </c>
      <c r="DX11" s="280">
        <v>965</v>
      </c>
      <c r="DY11" s="280">
        <v>1536</v>
      </c>
      <c r="DZ11" s="280">
        <v>889</v>
      </c>
      <c r="EA11" s="280">
        <v>609</v>
      </c>
      <c r="EB11" s="280">
        <v>389</v>
      </c>
      <c r="EC11" s="277">
        <v>4388</v>
      </c>
      <c r="ED11" s="282">
        <v>5392</v>
      </c>
      <c r="EE11" s="276">
        <v>50</v>
      </c>
      <c r="EF11" s="280">
        <v>17</v>
      </c>
      <c r="EG11" s="277">
        <v>67</v>
      </c>
      <c r="EH11" s="279">
        <v>0</v>
      </c>
      <c r="EI11" s="280">
        <v>161</v>
      </c>
      <c r="EJ11" s="280">
        <v>125</v>
      </c>
      <c r="EK11" s="280">
        <v>107</v>
      </c>
      <c r="EL11" s="280">
        <v>126</v>
      </c>
      <c r="EM11" s="280">
        <v>74</v>
      </c>
      <c r="EN11" s="277">
        <v>593</v>
      </c>
      <c r="EO11" s="282">
        <v>660</v>
      </c>
      <c r="EP11" s="276">
        <v>516</v>
      </c>
      <c r="EQ11" s="280">
        <v>638</v>
      </c>
      <c r="ER11" s="277">
        <v>1154</v>
      </c>
      <c r="ES11" s="279">
        <v>0</v>
      </c>
      <c r="ET11" s="280">
        <v>1814</v>
      </c>
      <c r="EU11" s="280">
        <v>1956</v>
      </c>
      <c r="EV11" s="280">
        <v>1060</v>
      </c>
      <c r="EW11" s="280">
        <v>654</v>
      </c>
      <c r="EX11" s="280">
        <v>405</v>
      </c>
      <c r="EY11" s="277">
        <v>5889</v>
      </c>
      <c r="EZ11" s="282">
        <v>7043</v>
      </c>
    </row>
    <row r="12" spans="2:156" ht="21" customHeight="1" x14ac:dyDescent="0.2">
      <c r="B12" s="261" t="s">
        <v>9</v>
      </c>
      <c r="C12" s="276">
        <v>0</v>
      </c>
      <c r="D12" s="280">
        <v>0</v>
      </c>
      <c r="E12" s="376">
        <v>0</v>
      </c>
      <c r="F12" s="279">
        <v>0</v>
      </c>
      <c r="G12" s="280">
        <v>645</v>
      </c>
      <c r="H12" s="280">
        <v>502</v>
      </c>
      <c r="I12" s="280">
        <v>339</v>
      </c>
      <c r="J12" s="280">
        <v>300</v>
      </c>
      <c r="K12" s="280">
        <v>234</v>
      </c>
      <c r="L12" s="281">
        <v>2020</v>
      </c>
      <c r="M12" s="282">
        <v>2020</v>
      </c>
      <c r="N12" s="276">
        <v>0</v>
      </c>
      <c r="O12" s="280">
        <v>0</v>
      </c>
      <c r="P12" s="277">
        <v>0</v>
      </c>
      <c r="Q12" s="279">
        <v>0</v>
      </c>
      <c r="R12" s="280">
        <v>7</v>
      </c>
      <c r="S12" s="280">
        <v>7</v>
      </c>
      <c r="T12" s="280">
        <v>17</v>
      </c>
      <c r="U12" s="280">
        <v>54</v>
      </c>
      <c r="V12" s="280">
        <v>88</v>
      </c>
      <c r="W12" s="277">
        <v>173</v>
      </c>
      <c r="X12" s="282">
        <v>173</v>
      </c>
      <c r="Y12" s="276">
        <v>37</v>
      </c>
      <c r="Z12" s="280">
        <v>86</v>
      </c>
      <c r="AA12" s="277">
        <v>123</v>
      </c>
      <c r="AB12" s="279">
        <v>0</v>
      </c>
      <c r="AC12" s="280">
        <v>371</v>
      </c>
      <c r="AD12" s="280">
        <v>307</v>
      </c>
      <c r="AE12" s="280">
        <v>243</v>
      </c>
      <c r="AF12" s="280">
        <v>249</v>
      </c>
      <c r="AG12" s="280">
        <v>180</v>
      </c>
      <c r="AH12" s="277">
        <v>1350</v>
      </c>
      <c r="AI12" s="282">
        <v>1473</v>
      </c>
      <c r="AJ12" s="276">
        <v>2</v>
      </c>
      <c r="AK12" s="280">
        <v>10</v>
      </c>
      <c r="AL12" s="277">
        <v>12</v>
      </c>
      <c r="AM12" s="279">
        <v>0</v>
      </c>
      <c r="AN12" s="280">
        <v>48</v>
      </c>
      <c r="AO12" s="280">
        <v>56</v>
      </c>
      <c r="AP12" s="280">
        <v>50</v>
      </c>
      <c r="AQ12" s="280">
        <v>43</v>
      </c>
      <c r="AR12" s="280">
        <v>27</v>
      </c>
      <c r="AS12" s="277">
        <v>224</v>
      </c>
      <c r="AT12" s="282">
        <v>236</v>
      </c>
      <c r="AU12" s="276">
        <v>77</v>
      </c>
      <c r="AV12" s="280">
        <v>64</v>
      </c>
      <c r="AW12" s="277">
        <v>141</v>
      </c>
      <c r="AX12" s="279">
        <v>0</v>
      </c>
      <c r="AY12" s="280">
        <v>525</v>
      </c>
      <c r="AZ12" s="280">
        <v>519</v>
      </c>
      <c r="BA12" s="280">
        <v>523</v>
      </c>
      <c r="BB12" s="280">
        <v>568</v>
      </c>
      <c r="BC12" s="280">
        <v>418</v>
      </c>
      <c r="BD12" s="281">
        <v>2553</v>
      </c>
      <c r="BE12" s="282">
        <v>2694</v>
      </c>
      <c r="BF12" s="276">
        <v>0</v>
      </c>
      <c r="BG12" s="280">
        <v>0</v>
      </c>
      <c r="BH12" s="277">
        <v>0</v>
      </c>
      <c r="BI12" s="279">
        <v>0</v>
      </c>
      <c r="BJ12" s="280">
        <v>587</v>
      </c>
      <c r="BK12" s="280">
        <v>413</v>
      </c>
      <c r="BL12" s="280">
        <v>229</v>
      </c>
      <c r="BM12" s="280">
        <v>149</v>
      </c>
      <c r="BN12" s="280">
        <v>49</v>
      </c>
      <c r="BO12" s="277">
        <v>1427</v>
      </c>
      <c r="BP12" s="282">
        <v>1427</v>
      </c>
      <c r="BQ12" s="276">
        <v>43</v>
      </c>
      <c r="BR12" s="280">
        <v>67</v>
      </c>
      <c r="BS12" s="277">
        <v>110</v>
      </c>
      <c r="BT12" s="279">
        <v>0</v>
      </c>
      <c r="BU12" s="280">
        <v>153</v>
      </c>
      <c r="BV12" s="280">
        <v>130</v>
      </c>
      <c r="BW12" s="280">
        <v>76</v>
      </c>
      <c r="BX12" s="280">
        <v>76</v>
      </c>
      <c r="BY12" s="280">
        <v>28</v>
      </c>
      <c r="BZ12" s="277">
        <v>463</v>
      </c>
      <c r="CA12" s="282">
        <v>573</v>
      </c>
      <c r="CB12" s="276">
        <v>2</v>
      </c>
      <c r="CC12" s="280">
        <v>5</v>
      </c>
      <c r="CD12" s="277">
        <v>7</v>
      </c>
      <c r="CE12" s="279">
        <v>0</v>
      </c>
      <c r="CF12" s="280">
        <v>60</v>
      </c>
      <c r="CG12" s="280">
        <v>106</v>
      </c>
      <c r="CH12" s="280">
        <v>142</v>
      </c>
      <c r="CI12" s="280">
        <v>86</v>
      </c>
      <c r="CJ12" s="280">
        <v>50</v>
      </c>
      <c r="CK12" s="277">
        <v>444</v>
      </c>
      <c r="CL12" s="282">
        <v>451</v>
      </c>
      <c r="CM12" s="276">
        <v>0</v>
      </c>
      <c r="CN12" s="280">
        <v>1</v>
      </c>
      <c r="CO12" s="277">
        <v>1</v>
      </c>
      <c r="CP12" s="279">
        <v>0</v>
      </c>
      <c r="CQ12" s="280">
        <v>8</v>
      </c>
      <c r="CR12" s="280">
        <v>12</v>
      </c>
      <c r="CS12" s="280">
        <v>26</v>
      </c>
      <c r="CT12" s="280">
        <v>22</v>
      </c>
      <c r="CU12" s="280">
        <v>10</v>
      </c>
      <c r="CV12" s="277">
        <v>78</v>
      </c>
      <c r="CW12" s="282">
        <v>79</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59</v>
      </c>
      <c r="DU12" s="280">
        <v>462</v>
      </c>
      <c r="DV12" s="277">
        <v>821</v>
      </c>
      <c r="DW12" s="279">
        <v>0</v>
      </c>
      <c r="DX12" s="280">
        <v>975</v>
      </c>
      <c r="DY12" s="280">
        <v>982</v>
      </c>
      <c r="DZ12" s="280">
        <v>649</v>
      </c>
      <c r="EA12" s="280">
        <v>556</v>
      </c>
      <c r="EB12" s="280">
        <v>352</v>
      </c>
      <c r="EC12" s="277">
        <v>3514</v>
      </c>
      <c r="ED12" s="282">
        <v>4335</v>
      </c>
      <c r="EE12" s="276">
        <v>50</v>
      </c>
      <c r="EF12" s="280">
        <v>21</v>
      </c>
      <c r="EG12" s="277">
        <v>71</v>
      </c>
      <c r="EH12" s="279">
        <v>0</v>
      </c>
      <c r="EI12" s="280">
        <v>178</v>
      </c>
      <c r="EJ12" s="280">
        <v>157</v>
      </c>
      <c r="EK12" s="280">
        <v>135</v>
      </c>
      <c r="EL12" s="280">
        <v>178</v>
      </c>
      <c r="EM12" s="280">
        <v>120</v>
      </c>
      <c r="EN12" s="277">
        <v>768</v>
      </c>
      <c r="EO12" s="282">
        <v>839</v>
      </c>
      <c r="EP12" s="276">
        <v>409</v>
      </c>
      <c r="EQ12" s="280">
        <v>546</v>
      </c>
      <c r="ER12" s="277">
        <v>955</v>
      </c>
      <c r="ES12" s="279">
        <v>0</v>
      </c>
      <c r="ET12" s="280">
        <v>1709</v>
      </c>
      <c r="EU12" s="280">
        <v>1253</v>
      </c>
      <c r="EV12" s="280">
        <v>730</v>
      </c>
      <c r="EW12" s="280">
        <v>580</v>
      </c>
      <c r="EX12" s="280">
        <v>339</v>
      </c>
      <c r="EY12" s="277">
        <v>4611</v>
      </c>
      <c r="EZ12" s="282">
        <v>5566</v>
      </c>
    </row>
    <row r="13" spans="2:156" ht="21" customHeight="1" x14ac:dyDescent="0.2">
      <c r="B13" s="261" t="s">
        <v>10</v>
      </c>
      <c r="C13" s="276">
        <v>0</v>
      </c>
      <c r="D13" s="280">
        <v>0</v>
      </c>
      <c r="E13" s="376">
        <v>0</v>
      </c>
      <c r="F13" s="279">
        <v>0</v>
      </c>
      <c r="G13" s="280">
        <v>1342</v>
      </c>
      <c r="H13" s="280">
        <v>729</v>
      </c>
      <c r="I13" s="280">
        <v>482</v>
      </c>
      <c r="J13" s="280">
        <v>457</v>
      </c>
      <c r="K13" s="280">
        <v>349</v>
      </c>
      <c r="L13" s="281">
        <v>3359</v>
      </c>
      <c r="M13" s="282">
        <v>3359</v>
      </c>
      <c r="N13" s="276">
        <v>0</v>
      </c>
      <c r="O13" s="280">
        <v>1</v>
      </c>
      <c r="P13" s="277">
        <v>1</v>
      </c>
      <c r="Q13" s="279">
        <v>0</v>
      </c>
      <c r="R13" s="280">
        <v>17</v>
      </c>
      <c r="S13" s="280">
        <v>22</v>
      </c>
      <c r="T13" s="280">
        <v>35</v>
      </c>
      <c r="U13" s="280">
        <v>81</v>
      </c>
      <c r="V13" s="280">
        <v>166</v>
      </c>
      <c r="W13" s="277">
        <v>321</v>
      </c>
      <c r="X13" s="282">
        <v>322</v>
      </c>
      <c r="Y13" s="276">
        <v>164</v>
      </c>
      <c r="Z13" s="280">
        <v>304</v>
      </c>
      <c r="AA13" s="277">
        <v>468</v>
      </c>
      <c r="AB13" s="279">
        <v>0</v>
      </c>
      <c r="AC13" s="280">
        <v>749</v>
      </c>
      <c r="AD13" s="280">
        <v>541</v>
      </c>
      <c r="AE13" s="280">
        <v>331</v>
      </c>
      <c r="AF13" s="280">
        <v>301</v>
      </c>
      <c r="AG13" s="280">
        <v>289</v>
      </c>
      <c r="AH13" s="277">
        <v>2211</v>
      </c>
      <c r="AI13" s="282">
        <v>2679</v>
      </c>
      <c r="AJ13" s="276">
        <v>25</v>
      </c>
      <c r="AK13" s="280">
        <v>51</v>
      </c>
      <c r="AL13" s="277">
        <v>76</v>
      </c>
      <c r="AM13" s="279">
        <v>0</v>
      </c>
      <c r="AN13" s="280">
        <v>102</v>
      </c>
      <c r="AO13" s="280">
        <v>88</v>
      </c>
      <c r="AP13" s="280">
        <v>70</v>
      </c>
      <c r="AQ13" s="280">
        <v>44</v>
      </c>
      <c r="AR13" s="280">
        <v>60</v>
      </c>
      <c r="AS13" s="277">
        <v>364</v>
      </c>
      <c r="AT13" s="282">
        <v>440</v>
      </c>
      <c r="AU13" s="276">
        <v>186</v>
      </c>
      <c r="AV13" s="280">
        <v>262</v>
      </c>
      <c r="AW13" s="277">
        <v>448</v>
      </c>
      <c r="AX13" s="279">
        <v>0</v>
      </c>
      <c r="AY13" s="280">
        <v>1255</v>
      </c>
      <c r="AZ13" s="280">
        <v>1073</v>
      </c>
      <c r="BA13" s="280">
        <v>944</v>
      </c>
      <c r="BB13" s="280">
        <v>970</v>
      </c>
      <c r="BC13" s="280">
        <v>784</v>
      </c>
      <c r="BD13" s="281">
        <v>5026</v>
      </c>
      <c r="BE13" s="282">
        <v>5474</v>
      </c>
      <c r="BF13" s="276">
        <v>0</v>
      </c>
      <c r="BG13" s="280">
        <v>0</v>
      </c>
      <c r="BH13" s="277">
        <v>0</v>
      </c>
      <c r="BI13" s="279">
        <v>0</v>
      </c>
      <c r="BJ13" s="280">
        <v>1563</v>
      </c>
      <c r="BK13" s="280">
        <v>840</v>
      </c>
      <c r="BL13" s="280">
        <v>470</v>
      </c>
      <c r="BM13" s="280">
        <v>295</v>
      </c>
      <c r="BN13" s="280">
        <v>138</v>
      </c>
      <c r="BO13" s="277">
        <v>3306</v>
      </c>
      <c r="BP13" s="282">
        <v>3306</v>
      </c>
      <c r="BQ13" s="276">
        <v>59</v>
      </c>
      <c r="BR13" s="280">
        <v>95</v>
      </c>
      <c r="BS13" s="277">
        <v>154</v>
      </c>
      <c r="BT13" s="279">
        <v>0</v>
      </c>
      <c r="BU13" s="280">
        <v>251</v>
      </c>
      <c r="BV13" s="280">
        <v>199</v>
      </c>
      <c r="BW13" s="280">
        <v>92</v>
      </c>
      <c r="BX13" s="280">
        <v>60</v>
      </c>
      <c r="BY13" s="280">
        <v>25</v>
      </c>
      <c r="BZ13" s="277">
        <v>627</v>
      </c>
      <c r="CA13" s="282">
        <v>781</v>
      </c>
      <c r="CB13" s="276">
        <v>7</v>
      </c>
      <c r="CC13" s="280">
        <v>18</v>
      </c>
      <c r="CD13" s="277">
        <v>25</v>
      </c>
      <c r="CE13" s="279">
        <v>0</v>
      </c>
      <c r="CF13" s="280">
        <v>165</v>
      </c>
      <c r="CG13" s="280">
        <v>172</v>
      </c>
      <c r="CH13" s="280">
        <v>178</v>
      </c>
      <c r="CI13" s="280">
        <v>164</v>
      </c>
      <c r="CJ13" s="280">
        <v>90</v>
      </c>
      <c r="CK13" s="277">
        <v>769</v>
      </c>
      <c r="CL13" s="282">
        <v>794</v>
      </c>
      <c r="CM13" s="276">
        <v>0</v>
      </c>
      <c r="CN13" s="280">
        <v>3</v>
      </c>
      <c r="CO13" s="277">
        <v>3</v>
      </c>
      <c r="CP13" s="279">
        <v>0</v>
      </c>
      <c r="CQ13" s="280">
        <v>9</v>
      </c>
      <c r="CR13" s="280">
        <v>17</v>
      </c>
      <c r="CS13" s="280">
        <v>19</v>
      </c>
      <c r="CT13" s="280">
        <v>7</v>
      </c>
      <c r="CU13" s="280">
        <v>13</v>
      </c>
      <c r="CV13" s="277">
        <v>65</v>
      </c>
      <c r="CW13" s="282">
        <v>68</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953</v>
      </c>
      <c r="DU13" s="280">
        <v>1261</v>
      </c>
      <c r="DV13" s="277">
        <v>2214</v>
      </c>
      <c r="DW13" s="279">
        <v>0</v>
      </c>
      <c r="DX13" s="280">
        <v>1971</v>
      </c>
      <c r="DY13" s="280">
        <v>1598</v>
      </c>
      <c r="DZ13" s="280">
        <v>1007</v>
      </c>
      <c r="EA13" s="280">
        <v>883</v>
      </c>
      <c r="EB13" s="280">
        <v>614</v>
      </c>
      <c r="EC13" s="277">
        <v>6073</v>
      </c>
      <c r="ED13" s="282">
        <v>8287</v>
      </c>
      <c r="EE13" s="276">
        <v>75</v>
      </c>
      <c r="EF13" s="280">
        <v>60</v>
      </c>
      <c r="EG13" s="277">
        <v>135</v>
      </c>
      <c r="EH13" s="279">
        <v>0</v>
      </c>
      <c r="EI13" s="280">
        <v>289</v>
      </c>
      <c r="EJ13" s="280">
        <v>218</v>
      </c>
      <c r="EK13" s="280">
        <v>209</v>
      </c>
      <c r="EL13" s="280">
        <v>225</v>
      </c>
      <c r="EM13" s="280">
        <v>150</v>
      </c>
      <c r="EN13" s="277">
        <v>1091</v>
      </c>
      <c r="EO13" s="282">
        <v>1226</v>
      </c>
      <c r="EP13" s="276">
        <v>1120</v>
      </c>
      <c r="EQ13" s="280">
        <v>1467</v>
      </c>
      <c r="ER13" s="277">
        <v>2587</v>
      </c>
      <c r="ES13" s="279">
        <v>0</v>
      </c>
      <c r="ET13" s="280">
        <v>3459</v>
      </c>
      <c r="EU13" s="280">
        <v>1961</v>
      </c>
      <c r="EV13" s="280">
        <v>1113</v>
      </c>
      <c r="EW13" s="280">
        <v>865</v>
      </c>
      <c r="EX13" s="280">
        <v>573</v>
      </c>
      <c r="EY13" s="277">
        <v>7971</v>
      </c>
      <c r="EZ13" s="282">
        <v>10558</v>
      </c>
    </row>
    <row r="14" spans="2:156" ht="21" customHeight="1" x14ac:dyDescent="0.2">
      <c r="B14" s="261" t="s">
        <v>11</v>
      </c>
      <c r="C14" s="276">
        <v>0</v>
      </c>
      <c r="D14" s="280">
        <v>0</v>
      </c>
      <c r="E14" s="376">
        <v>0</v>
      </c>
      <c r="F14" s="279">
        <v>0</v>
      </c>
      <c r="G14" s="280">
        <v>474</v>
      </c>
      <c r="H14" s="280">
        <v>357</v>
      </c>
      <c r="I14" s="280">
        <v>246</v>
      </c>
      <c r="J14" s="280">
        <v>230</v>
      </c>
      <c r="K14" s="280">
        <v>151</v>
      </c>
      <c r="L14" s="281">
        <v>1458</v>
      </c>
      <c r="M14" s="282">
        <v>1458</v>
      </c>
      <c r="N14" s="276">
        <v>0</v>
      </c>
      <c r="O14" s="280">
        <v>1</v>
      </c>
      <c r="P14" s="277">
        <v>1</v>
      </c>
      <c r="Q14" s="279">
        <v>0</v>
      </c>
      <c r="R14" s="280">
        <v>6</v>
      </c>
      <c r="S14" s="280">
        <v>12</v>
      </c>
      <c r="T14" s="280">
        <v>32</v>
      </c>
      <c r="U14" s="280">
        <v>52</v>
      </c>
      <c r="V14" s="280">
        <v>63</v>
      </c>
      <c r="W14" s="277">
        <v>165</v>
      </c>
      <c r="X14" s="282">
        <v>166</v>
      </c>
      <c r="Y14" s="276">
        <v>40</v>
      </c>
      <c r="Z14" s="280">
        <v>55</v>
      </c>
      <c r="AA14" s="277">
        <v>95</v>
      </c>
      <c r="AB14" s="279">
        <v>0</v>
      </c>
      <c r="AC14" s="280">
        <v>317</v>
      </c>
      <c r="AD14" s="280">
        <v>247</v>
      </c>
      <c r="AE14" s="280">
        <v>191</v>
      </c>
      <c r="AF14" s="280">
        <v>174</v>
      </c>
      <c r="AG14" s="280">
        <v>135</v>
      </c>
      <c r="AH14" s="277">
        <v>1064</v>
      </c>
      <c r="AI14" s="282">
        <v>1159</v>
      </c>
      <c r="AJ14" s="276">
        <v>5</v>
      </c>
      <c r="AK14" s="280">
        <v>6</v>
      </c>
      <c r="AL14" s="277">
        <v>11</v>
      </c>
      <c r="AM14" s="279">
        <v>0</v>
      </c>
      <c r="AN14" s="280">
        <v>19</v>
      </c>
      <c r="AO14" s="280">
        <v>30</v>
      </c>
      <c r="AP14" s="280">
        <v>23</v>
      </c>
      <c r="AQ14" s="280">
        <v>25</v>
      </c>
      <c r="AR14" s="280">
        <v>6</v>
      </c>
      <c r="AS14" s="277">
        <v>103</v>
      </c>
      <c r="AT14" s="282">
        <v>114</v>
      </c>
      <c r="AU14" s="276">
        <v>48</v>
      </c>
      <c r="AV14" s="280">
        <v>47</v>
      </c>
      <c r="AW14" s="277">
        <v>95</v>
      </c>
      <c r="AX14" s="279">
        <v>0</v>
      </c>
      <c r="AY14" s="280">
        <v>450</v>
      </c>
      <c r="AZ14" s="280">
        <v>456</v>
      </c>
      <c r="BA14" s="280">
        <v>423</v>
      </c>
      <c r="BB14" s="280">
        <v>437</v>
      </c>
      <c r="BC14" s="280">
        <v>282</v>
      </c>
      <c r="BD14" s="281">
        <v>2048</v>
      </c>
      <c r="BE14" s="282">
        <v>2143</v>
      </c>
      <c r="BF14" s="276">
        <v>0</v>
      </c>
      <c r="BG14" s="280">
        <v>0</v>
      </c>
      <c r="BH14" s="277">
        <v>0</v>
      </c>
      <c r="BI14" s="279">
        <v>0</v>
      </c>
      <c r="BJ14" s="280">
        <v>714</v>
      </c>
      <c r="BK14" s="280">
        <v>414</v>
      </c>
      <c r="BL14" s="280">
        <v>261</v>
      </c>
      <c r="BM14" s="280">
        <v>184</v>
      </c>
      <c r="BN14" s="280">
        <v>90</v>
      </c>
      <c r="BO14" s="277">
        <v>1663</v>
      </c>
      <c r="BP14" s="282">
        <v>1663</v>
      </c>
      <c r="BQ14" s="276">
        <v>103</v>
      </c>
      <c r="BR14" s="280">
        <v>72</v>
      </c>
      <c r="BS14" s="277">
        <v>175</v>
      </c>
      <c r="BT14" s="279">
        <v>0</v>
      </c>
      <c r="BU14" s="280">
        <v>217</v>
      </c>
      <c r="BV14" s="280">
        <v>141</v>
      </c>
      <c r="BW14" s="280">
        <v>101</v>
      </c>
      <c r="BX14" s="280">
        <v>66</v>
      </c>
      <c r="BY14" s="280">
        <v>19</v>
      </c>
      <c r="BZ14" s="277">
        <v>544</v>
      </c>
      <c r="CA14" s="282">
        <v>719</v>
      </c>
      <c r="CB14" s="276">
        <v>6</v>
      </c>
      <c r="CC14" s="280">
        <v>13</v>
      </c>
      <c r="CD14" s="277">
        <v>19</v>
      </c>
      <c r="CE14" s="279">
        <v>0</v>
      </c>
      <c r="CF14" s="280">
        <v>95</v>
      </c>
      <c r="CG14" s="280">
        <v>95</v>
      </c>
      <c r="CH14" s="280">
        <v>114</v>
      </c>
      <c r="CI14" s="280">
        <v>80</v>
      </c>
      <c r="CJ14" s="280">
        <v>40</v>
      </c>
      <c r="CK14" s="277">
        <v>424</v>
      </c>
      <c r="CL14" s="282">
        <v>443</v>
      </c>
      <c r="CM14" s="276">
        <v>0</v>
      </c>
      <c r="CN14" s="280">
        <v>0</v>
      </c>
      <c r="CO14" s="277">
        <v>0</v>
      </c>
      <c r="CP14" s="279">
        <v>0</v>
      </c>
      <c r="CQ14" s="280">
        <v>4</v>
      </c>
      <c r="CR14" s="280">
        <v>8</v>
      </c>
      <c r="CS14" s="280">
        <v>10</v>
      </c>
      <c r="CT14" s="280">
        <v>5</v>
      </c>
      <c r="CU14" s="280">
        <v>15</v>
      </c>
      <c r="CV14" s="277">
        <v>42</v>
      </c>
      <c r="CW14" s="282">
        <v>42</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381</v>
      </c>
      <c r="DU14" s="280">
        <v>479</v>
      </c>
      <c r="DV14" s="277">
        <v>860</v>
      </c>
      <c r="DW14" s="279">
        <v>0</v>
      </c>
      <c r="DX14" s="280">
        <v>957</v>
      </c>
      <c r="DY14" s="280">
        <v>845</v>
      </c>
      <c r="DZ14" s="280">
        <v>604</v>
      </c>
      <c r="EA14" s="280">
        <v>488</v>
      </c>
      <c r="EB14" s="280">
        <v>266</v>
      </c>
      <c r="EC14" s="277">
        <v>3160</v>
      </c>
      <c r="ED14" s="282">
        <v>4020</v>
      </c>
      <c r="EE14" s="276">
        <v>31</v>
      </c>
      <c r="EF14" s="280">
        <v>34</v>
      </c>
      <c r="EG14" s="277">
        <v>65</v>
      </c>
      <c r="EH14" s="279">
        <v>0</v>
      </c>
      <c r="EI14" s="280">
        <v>199</v>
      </c>
      <c r="EJ14" s="280">
        <v>127</v>
      </c>
      <c r="EK14" s="280">
        <v>126</v>
      </c>
      <c r="EL14" s="280">
        <v>146</v>
      </c>
      <c r="EM14" s="280">
        <v>67</v>
      </c>
      <c r="EN14" s="277">
        <v>665</v>
      </c>
      <c r="EO14" s="282">
        <v>730</v>
      </c>
      <c r="EP14" s="276">
        <v>493</v>
      </c>
      <c r="EQ14" s="280">
        <v>545</v>
      </c>
      <c r="ER14" s="277">
        <v>1038</v>
      </c>
      <c r="ES14" s="279">
        <v>0</v>
      </c>
      <c r="ET14" s="280">
        <v>1866</v>
      </c>
      <c r="EU14" s="280">
        <v>1129</v>
      </c>
      <c r="EV14" s="280">
        <v>731</v>
      </c>
      <c r="EW14" s="280">
        <v>517</v>
      </c>
      <c r="EX14" s="280">
        <v>284</v>
      </c>
      <c r="EY14" s="277">
        <v>4527</v>
      </c>
      <c r="EZ14" s="282">
        <v>5565</v>
      </c>
    </row>
    <row r="15" spans="2:156" ht="21" customHeight="1" x14ac:dyDescent="0.2">
      <c r="B15" s="261" t="s">
        <v>12</v>
      </c>
      <c r="C15" s="276">
        <v>0</v>
      </c>
      <c r="D15" s="280">
        <v>0</v>
      </c>
      <c r="E15" s="376">
        <v>0</v>
      </c>
      <c r="F15" s="279">
        <v>0</v>
      </c>
      <c r="G15" s="280">
        <v>505</v>
      </c>
      <c r="H15" s="280">
        <v>470</v>
      </c>
      <c r="I15" s="280">
        <v>310</v>
      </c>
      <c r="J15" s="280">
        <v>300</v>
      </c>
      <c r="K15" s="280">
        <v>224</v>
      </c>
      <c r="L15" s="281">
        <v>1809</v>
      </c>
      <c r="M15" s="282">
        <v>1809</v>
      </c>
      <c r="N15" s="276">
        <v>0</v>
      </c>
      <c r="O15" s="280">
        <v>5</v>
      </c>
      <c r="P15" s="277">
        <v>5</v>
      </c>
      <c r="Q15" s="279">
        <v>0</v>
      </c>
      <c r="R15" s="280">
        <v>5</v>
      </c>
      <c r="S15" s="280">
        <v>16</v>
      </c>
      <c r="T15" s="280">
        <v>27</v>
      </c>
      <c r="U15" s="280">
        <v>67</v>
      </c>
      <c r="V15" s="280">
        <v>81</v>
      </c>
      <c r="W15" s="277">
        <v>196</v>
      </c>
      <c r="X15" s="282">
        <v>201</v>
      </c>
      <c r="Y15" s="276">
        <v>112</v>
      </c>
      <c r="Z15" s="280">
        <v>243</v>
      </c>
      <c r="AA15" s="277">
        <v>355</v>
      </c>
      <c r="AB15" s="279">
        <v>0</v>
      </c>
      <c r="AC15" s="280">
        <v>325</v>
      </c>
      <c r="AD15" s="280">
        <v>386</v>
      </c>
      <c r="AE15" s="280">
        <v>245</v>
      </c>
      <c r="AF15" s="280">
        <v>238</v>
      </c>
      <c r="AG15" s="280">
        <v>172</v>
      </c>
      <c r="AH15" s="277">
        <v>1366</v>
      </c>
      <c r="AI15" s="282">
        <v>1721</v>
      </c>
      <c r="AJ15" s="276">
        <v>5</v>
      </c>
      <c r="AK15" s="280">
        <v>26</v>
      </c>
      <c r="AL15" s="277">
        <v>31</v>
      </c>
      <c r="AM15" s="279">
        <v>0</v>
      </c>
      <c r="AN15" s="280">
        <v>17</v>
      </c>
      <c r="AO15" s="280">
        <v>40</v>
      </c>
      <c r="AP15" s="280">
        <v>35</v>
      </c>
      <c r="AQ15" s="280">
        <v>25</v>
      </c>
      <c r="AR15" s="280">
        <v>18</v>
      </c>
      <c r="AS15" s="277">
        <v>135</v>
      </c>
      <c r="AT15" s="282">
        <v>166</v>
      </c>
      <c r="AU15" s="276">
        <v>79</v>
      </c>
      <c r="AV15" s="280">
        <v>111</v>
      </c>
      <c r="AW15" s="277">
        <v>190</v>
      </c>
      <c r="AX15" s="279">
        <v>0</v>
      </c>
      <c r="AY15" s="280">
        <v>327</v>
      </c>
      <c r="AZ15" s="280">
        <v>408</v>
      </c>
      <c r="BA15" s="280">
        <v>368</v>
      </c>
      <c r="BB15" s="280">
        <v>459</v>
      </c>
      <c r="BC15" s="280">
        <v>353</v>
      </c>
      <c r="BD15" s="281">
        <v>1915</v>
      </c>
      <c r="BE15" s="282">
        <v>2105</v>
      </c>
      <c r="BF15" s="276">
        <v>0</v>
      </c>
      <c r="BG15" s="280">
        <v>0</v>
      </c>
      <c r="BH15" s="277">
        <v>0</v>
      </c>
      <c r="BI15" s="279">
        <v>0</v>
      </c>
      <c r="BJ15" s="280">
        <v>619</v>
      </c>
      <c r="BK15" s="280">
        <v>439</v>
      </c>
      <c r="BL15" s="280">
        <v>266</v>
      </c>
      <c r="BM15" s="280">
        <v>214</v>
      </c>
      <c r="BN15" s="280">
        <v>90</v>
      </c>
      <c r="BO15" s="277">
        <v>1628</v>
      </c>
      <c r="BP15" s="282">
        <v>1628</v>
      </c>
      <c r="BQ15" s="276">
        <v>136</v>
      </c>
      <c r="BR15" s="280">
        <v>135</v>
      </c>
      <c r="BS15" s="277">
        <v>271</v>
      </c>
      <c r="BT15" s="279">
        <v>0</v>
      </c>
      <c r="BU15" s="280">
        <v>139</v>
      </c>
      <c r="BV15" s="280">
        <v>173</v>
      </c>
      <c r="BW15" s="280">
        <v>123</v>
      </c>
      <c r="BX15" s="280">
        <v>86</v>
      </c>
      <c r="BY15" s="280">
        <v>28</v>
      </c>
      <c r="BZ15" s="277">
        <v>549</v>
      </c>
      <c r="CA15" s="282">
        <v>820</v>
      </c>
      <c r="CB15" s="276">
        <v>8</v>
      </c>
      <c r="CC15" s="280">
        <v>14</v>
      </c>
      <c r="CD15" s="277">
        <v>22</v>
      </c>
      <c r="CE15" s="279">
        <v>0</v>
      </c>
      <c r="CF15" s="280">
        <v>93</v>
      </c>
      <c r="CG15" s="280">
        <v>94</v>
      </c>
      <c r="CH15" s="280">
        <v>127</v>
      </c>
      <c r="CI15" s="280">
        <v>98</v>
      </c>
      <c r="CJ15" s="280">
        <v>54</v>
      </c>
      <c r="CK15" s="277">
        <v>466</v>
      </c>
      <c r="CL15" s="282">
        <v>488</v>
      </c>
      <c r="CM15" s="276">
        <v>0</v>
      </c>
      <c r="CN15" s="280">
        <v>0</v>
      </c>
      <c r="CO15" s="277">
        <v>0</v>
      </c>
      <c r="CP15" s="279">
        <v>0</v>
      </c>
      <c r="CQ15" s="280">
        <v>3</v>
      </c>
      <c r="CR15" s="280">
        <v>5</v>
      </c>
      <c r="CS15" s="280">
        <v>5</v>
      </c>
      <c r="CT15" s="280">
        <v>3</v>
      </c>
      <c r="CU15" s="280">
        <v>2</v>
      </c>
      <c r="CV15" s="277">
        <v>18</v>
      </c>
      <c r="CW15" s="282">
        <v>18</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457</v>
      </c>
      <c r="DU15" s="280">
        <v>820</v>
      </c>
      <c r="DV15" s="277">
        <v>1277</v>
      </c>
      <c r="DW15" s="279">
        <v>0</v>
      </c>
      <c r="DX15" s="280">
        <v>568</v>
      </c>
      <c r="DY15" s="280">
        <v>936</v>
      </c>
      <c r="DZ15" s="280">
        <v>678</v>
      </c>
      <c r="EA15" s="280">
        <v>607</v>
      </c>
      <c r="EB15" s="280">
        <v>345</v>
      </c>
      <c r="EC15" s="277">
        <v>3134</v>
      </c>
      <c r="ED15" s="282">
        <v>4411</v>
      </c>
      <c r="EE15" s="276">
        <v>46</v>
      </c>
      <c r="EF15" s="280">
        <v>46</v>
      </c>
      <c r="EG15" s="277">
        <v>92</v>
      </c>
      <c r="EH15" s="279">
        <v>0</v>
      </c>
      <c r="EI15" s="280">
        <v>105</v>
      </c>
      <c r="EJ15" s="280">
        <v>99</v>
      </c>
      <c r="EK15" s="280">
        <v>102</v>
      </c>
      <c r="EL15" s="280">
        <v>144</v>
      </c>
      <c r="EM15" s="280">
        <v>85</v>
      </c>
      <c r="EN15" s="277">
        <v>535</v>
      </c>
      <c r="EO15" s="282">
        <v>627</v>
      </c>
      <c r="EP15" s="276">
        <v>667</v>
      </c>
      <c r="EQ15" s="280">
        <v>1024</v>
      </c>
      <c r="ER15" s="277">
        <v>1691</v>
      </c>
      <c r="ES15" s="279">
        <v>0</v>
      </c>
      <c r="ET15" s="280">
        <v>1493</v>
      </c>
      <c r="EU15" s="280">
        <v>1242</v>
      </c>
      <c r="EV15" s="280">
        <v>777</v>
      </c>
      <c r="EW15" s="280">
        <v>629</v>
      </c>
      <c r="EX15" s="280">
        <v>332</v>
      </c>
      <c r="EY15" s="277">
        <v>4473</v>
      </c>
      <c r="EZ15" s="282">
        <v>6164</v>
      </c>
    </row>
    <row r="16" spans="2:156" ht="21" customHeight="1" x14ac:dyDescent="0.2">
      <c r="B16" s="261" t="s">
        <v>13</v>
      </c>
      <c r="C16" s="276">
        <v>0</v>
      </c>
      <c r="D16" s="280">
        <v>0</v>
      </c>
      <c r="E16" s="376">
        <v>0</v>
      </c>
      <c r="F16" s="279">
        <v>0</v>
      </c>
      <c r="G16" s="280">
        <v>232</v>
      </c>
      <c r="H16" s="280">
        <v>198</v>
      </c>
      <c r="I16" s="280">
        <v>139</v>
      </c>
      <c r="J16" s="280">
        <v>116</v>
      </c>
      <c r="K16" s="280">
        <v>107</v>
      </c>
      <c r="L16" s="281">
        <v>792</v>
      </c>
      <c r="M16" s="282">
        <v>792</v>
      </c>
      <c r="N16" s="276">
        <v>0</v>
      </c>
      <c r="O16" s="280">
        <v>0</v>
      </c>
      <c r="P16" s="277">
        <v>0</v>
      </c>
      <c r="Q16" s="279">
        <v>0</v>
      </c>
      <c r="R16" s="280">
        <v>1</v>
      </c>
      <c r="S16" s="280">
        <v>1</v>
      </c>
      <c r="T16" s="280">
        <v>6</v>
      </c>
      <c r="U16" s="280">
        <v>17</v>
      </c>
      <c r="V16" s="280">
        <v>37</v>
      </c>
      <c r="W16" s="277">
        <v>62</v>
      </c>
      <c r="X16" s="282">
        <v>62</v>
      </c>
      <c r="Y16" s="276">
        <v>10</v>
      </c>
      <c r="Z16" s="280">
        <v>23</v>
      </c>
      <c r="AA16" s="277">
        <v>33</v>
      </c>
      <c r="AB16" s="279">
        <v>0</v>
      </c>
      <c r="AC16" s="280">
        <v>120</v>
      </c>
      <c r="AD16" s="280">
        <v>130</v>
      </c>
      <c r="AE16" s="280">
        <v>93</v>
      </c>
      <c r="AF16" s="280">
        <v>86</v>
      </c>
      <c r="AG16" s="280">
        <v>71</v>
      </c>
      <c r="AH16" s="277">
        <v>500</v>
      </c>
      <c r="AI16" s="282">
        <v>533</v>
      </c>
      <c r="AJ16" s="276">
        <v>1</v>
      </c>
      <c r="AK16" s="280">
        <v>8</v>
      </c>
      <c r="AL16" s="277">
        <v>9</v>
      </c>
      <c r="AM16" s="279">
        <v>0</v>
      </c>
      <c r="AN16" s="280">
        <v>22</v>
      </c>
      <c r="AO16" s="280">
        <v>21</v>
      </c>
      <c r="AP16" s="280">
        <v>12</v>
      </c>
      <c r="AQ16" s="280">
        <v>14</v>
      </c>
      <c r="AR16" s="280">
        <v>12</v>
      </c>
      <c r="AS16" s="277">
        <v>81</v>
      </c>
      <c r="AT16" s="282">
        <v>90</v>
      </c>
      <c r="AU16" s="276">
        <v>36</v>
      </c>
      <c r="AV16" s="280">
        <v>31</v>
      </c>
      <c r="AW16" s="277">
        <v>67</v>
      </c>
      <c r="AX16" s="279">
        <v>0</v>
      </c>
      <c r="AY16" s="280">
        <v>168</v>
      </c>
      <c r="AZ16" s="280">
        <v>176</v>
      </c>
      <c r="BA16" s="280">
        <v>173</v>
      </c>
      <c r="BB16" s="280">
        <v>186</v>
      </c>
      <c r="BC16" s="280">
        <v>162</v>
      </c>
      <c r="BD16" s="281">
        <v>865</v>
      </c>
      <c r="BE16" s="282">
        <v>932</v>
      </c>
      <c r="BF16" s="276">
        <v>0</v>
      </c>
      <c r="BG16" s="280">
        <v>0</v>
      </c>
      <c r="BH16" s="277">
        <v>0</v>
      </c>
      <c r="BI16" s="279">
        <v>0</v>
      </c>
      <c r="BJ16" s="280">
        <v>190</v>
      </c>
      <c r="BK16" s="280">
        <v>168</v>
      </c>
      <c r="BL16" s="280">
        <v>106</v>
      </c>
      <c r="BM16" s="280">
        <v>61</v>
      </c>
      <c r="BN16" s="280">
        <v>28</v>
      </c>
      <c r="BO16" s="277">
        <v>553</v>
      </c>
      <c r="BP16" s="282">
        <v>553</v>
      </c>
      <c r="BQ16" s="276">
        <v>11</v>
      </c>
      <c r="BR16" s="280">
        <v>16</v>
      </c>
      <c r="BS16" s="277">
        <v>27</v>
      </c>
      <c r="BT16" s="279">
        <v>0</v>
      </c>
      <c r="BU16" s="280">
        <v>24</v>
      </c>
      <c r="BV16" s="280">
        <v>24</v>
      </c>
      <c r="BW16" s="280">
        <v>21</v>
      </c>
      <c r="BX16" s="280">
        <v>23</v>
      </c>
      <c r="BY16" s="280">
        <v>9</v>
      </c>
      <c r="BZ16" s="277">
        <v>101</v>
      </c>
      <c r="CA16" s="282">
        <v>128</v>
      </c>
      <c r="CB16" s="276">
        <v>0</v>
      </c>
      <c r="CC16" s="280">
        <v>2</v>
      </c>
      <c r="CD16" s="277">
        <v>2</v>
      </c>
      <c r="CE16" s="279">
        <v>0</v>
      </c>
      <c r="CF16" s="280">
        <v>22</v>
      </c>
      <c r="CG16" s="280">
        <v>31</v>
      </c>
      <c r="CH16" s="280">
        <v>39</v>
      </c>
      <c r="CI16" s="280">
        <v>28</v>
      </c>
      <c r="CJ16" s="280">
        <v>16</v>
      </c>
      <c r="CK16" s="277">
        <v>136</v>
      </c>
      <c r="CL16" s="282">
        <v>138</v>
      </c>
      <c r="CM16" s="276">
        <v>0</v>
      </c>
      <c r="CN16" s="280">
        <v>0</v>
      </c>
      <c r="CO16" s="277">
        <v>0</v>
      </c>
      <c r="CP16" s="279">
        <v>0</v>
      </c>
      <c r="CQ16" s="280">
        <v>1</v>
      </c>
      <c r="CR16" s="280">
        <v>4</v>
      </c>
      <c r="CS16" s="280">
        <v>7</v>
      </c>
      <c r="CT16" s="280">
        <v>6</v>
      </c>
      <c r="CU16" s="280">
        <v>1</v>
      </c>
      <c r="CV16" s="277">
        <v>19</v>
      </c>
      <c r="CW16" s="282">
        <v>19</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68</v>
      </c>
      <c r="DU16" s="280">
        <v>157</v>
      </c>
      <c r="DV16" s="277">
        <v>225</v>
      </c>
      <c r="DW16" s="279">
        <v>0</v>
      </c>
      <c r="DX16" s="280">
        <v>264</v>
      </c>
      <c r="DY16" s="280">
        <v>365</v>
      </c>
      <c r="DZ16" s="280">
        <v>248</v>
      </c>
      <c r="EA16" s="280">
        <v>226</v>
      </c>
      <c r="EB16" s="280">
        <v>142</v>
      </c>
      <c r="EC16" s="277">
        <v>1245</v>
      </c>
      <c r="ED16" s="282">
        <v>1470</v>
      </c>
      <c r="EE16" s="276">
        <v>23</v>
      </c>
      <c r="EF16" s="280">
        <v>12</v>
      </c>
      <c r="EG16" s="277">
        <v>35</v>
      </c>
      <c r="EH16" s="279">
        <v>0</v>
      </c>
      <c r="EI16" s="280">
        <v>77</v>
      </c>
      <c r="EJ16" s="280">
        <v>66</v>
      </c>
      <c r="EK16" s="280">
        <v>56</v>
      </c>
      <c r="EL16" s="280">
        <v>74</v>
      </c>
      <c r="EM16" s="280">
        <v>47</v>
      </c>
      <c r="EN16" s="277">
        <v>320</v>
      </c>
      <c r="EO16" s="282">
        <v>355</v>
      </c>
      <c r="EP16" s="276">
        <v>85</v>
      </c>
      <c r="EQ16" s="280">
        <v>184</v>
      </c>
      <c r="ER16" s="277">
        <v>269</v>
      </c>
      <c r="ES16" s="279">
        <v>0</v>
      </c>
      <c r="ET16" s="280">
        <v>582</v>
      </c>
      <c r="EU16" s="280">
        <v>514</v>
      </c>
      <c r="EV16" s="280">
        <v>306</v>
      </c>
      <c r="EW16" s="280">
        <v>243</v>
      </c>
      <c r="EX16" s="280">
        <v>157</v>
      </c>
      <c r="EY16" s="277">
        <v>1802</v>
      </c>
      <c r="EZ16" s="282">
        <v>2071</v>
      </c>
    </row>
    <row r="17" spans="2:156" ht="21" customHeight="1" x14ac:dyDescent="0.2">
      <c r="B17" s="261" t="s">
        <v>15</v>
      </c>
      <c r="C17" s="276">
        <v>0</v>
      </c>
      <c r="D17" s="280">
        <v>0</v>
      </c>
      <c r="E17" s="376">
        <v>0</v>
      </c>
      <c r="F17" s="279">
        <v>0</v>
      </c>
      <c r="G17" s="280">
        <v>117</v>
      </c>
      <c r="H17" s="280">
        <v>176</v>
      </c>
      <c r="I17" s="280">
        <v>87</v>
      </c>
      <c r="J17" s="280">
        <v>54</v>
      </c>
      <c r="K17" s="280">
        <v>49</v>
      </c>
      <c r="L17" s="281">
        <v>483</v>
      </c>
      <c r="M17" s="282">
        <v>483</v>
      </c>
      <c r="N17" s="276">
        <v>0</v>
      </c>
      <c r="O17" s="280">
        <v>0</v>
      </c>
      <c r="P17" s="277">
        <v>0</v>
      </c>
      <c r="Q17" s="279">
        <v>0</v>
      </c>
      <c r="R17" s="280">
        <v>0</v>
      </c>
      <c r="S17" s="280">
        <v>1</v>
      </c>
      <c r="T17" s="280">
        <v>11</v>
      </c>
      <c r="U17" s="280">
        <v>14</v>
      </c>
      <c r="V17" s="280">
        <v>28</v>
      </c>
      <c r="W17" s="277">
        <v>54</v>
      </c>
      <c r="X17" s="282">
        <v>54</v>
      </c>
      <c r="Y17" s="276">
        <v>1</v>
      </c>
      <c r="Z17" s="280">
        <v>14</v>
      </c>
      <c r="AA17" s="277">
        <v>15</v>
      </c>
      <c r="AB17" s="279">
        <v>0</v>
      </c>
      <c r="AC17" s="280">
        <v>55</v>
      </c>
      <c r="AD17" s="280">
        <v>77</v>
      </c>
      <c r="AE17" s="280">
        <v>55</v>
      </c>
      <c r="AF17" s="280">
        <v>40</v>
      </c>
      <c r="AG17" s="280">
        <v>46</v>
      </c>
      <c r="AH17" s="277">
        <v>273</v>
      </c>
      <c r="AI17" s="282">
        <v>288</v>
      </c>
      <c r="AJ17" s="276">
        <v>0</v>
      </c>
      <c r="AK17" s="280">
        <v>0</v>
      </c>
      <c r="AL17" s="277">
        <v>0</v>
      </c>
      <c r="AM17" s="279">
        <v>0</v>
      </c>
      <c r="AN17" s="280">
        <v>10</v>
      </c>
      <c r="AO17" s="280">
        <v>17</v>
      </c>
      <c r="AP17" s="280">
        <v>5</v>
      </c>
      <c r="AQ17" s="280">
        <v>4</v>
      </c>
      <c r="AR17" s="280">
        <v>6</v>
      </c>
      <c r="AS17" s="277">
        <v>42</v>
      </c>
      <c r="AT17" s="282">
        <v>42</v>
      </c>
      <c r="AU17" s="276">
        <v>12</v>
      </c>
      <c r="AV17" s="280">
        <v>13</v>
      </c>
      <c r="AW17" s="277">
        <v>25</v>
      </c>
      <c r="AX17" s="279">
        <v>0</v>
      </c>
      <c r="AY17" s="280">
        <v>119</v>
      </c>
      <c r="AZ17" s="280">
        <v>103</v>
      </c>
      <c r="BA17" s="280">
        <v>115</v>
      </c>
      <c r="BB17" s="280">
        <v>102</v>
      </c>
      <c r="BC17" s="280">
        <v>83</v>
      </c>
      <c r="BD17" s="281">
        <v>522</v>
      </c>
      <c r="BE17" s="282">
        <v>547</v>
      </c>
      <c r="BF17" s="276">
        <v>0</v>
      </c>
      <c r="BG17" s="280">
        <v>0</v>
      </c>
      <c r="BH17" s="277">
        <v>0</v>
      </c>
      <c r="BI17" s="279">
        <v>0</v>
      </c>
      <c r="BJ17" s="280">
        <v>121</v>
      </c>
      <c r="BK17" s="280">
        <v>135</v>
      </c>
      <c r="BL17" s="280">
        <v>63</v>
      </c>
      <c r="BM17" s="280">
        <v>30</v>
      </c>
      <c r="BN17" s="280">
        <v>15</v>
      </c>
      <c r="BO17" s="277">
        <v>364</v>
      </c>
      <c r="BP17" s="282">
        <v>364</v>
      </c>
      <c r="BQ17" s="276">
        <v>0</v>
      </c>
      <c r="BR17" s="280">
        <v>6</v>
      </c>
      <c r="BS17" s="277">
        <v>6</v>
      </c>
      <c r="BT17" s="279">
        <v>0</v>
      </c>
      <c r="BU17" s="280">
        <v>30</v>
      </c>
      <c r="BV17" s="280">
        <v>36</v>
      </c>
      <c r="BW17" s="280">
        <v>23</v>
      </c>
      <c r="BX17" s="280">
        <v>16</v>
      </c>
      <c r="BY17" s="280">
        <v>8</v>
      </c>
      <c r="BZ17" s="277">
        <v>113</v>
      </c>
      <c r="CA17" s="282">
        <v>119</v>
      </c>
      <c r="CB17" s="276">
        <v>0</v>
      </c>
      <c r="CC17" s="280">
        <v>1</v>
      </c>
      <c r="CD17" s="277">
        <v>1</v>
      </c>
      <c r="CE17" s="279">
        <v>0</v>
      </c>
      <c r="CF17" s="280">
        <v>11</v>
      </c>
      <c r="CG17" s="280">
        <v>30</v>
      </c>
      <c r="CH17" s="280">
        <v>52</v>
      </c>
      <c r="CI17" s="280">
        <v>47</v>
      </c>
      <c r="CJ17" s="280">
        <v>20</v>
      </c>
      <c r="CK17" s="277">
        <v>160</v>
      </c>
      <c r="CL17" s="282">
        <v>161</v>
      </c>
      <c r="CM17" s="276">
        <v>0</v>
      </c>
      <c r="CN17" s="280">
        <v>0</v>
      </c>
      <c r="CO17" s="277">
        <v>0</v>
      </c>
      <c r="CP17" s="279">
        <v>0</v>
      </c>
      <c r="CQ17" s="280">
        <v>4</v>
      </c>
      <c r="CR17" s="280">
        <v>1</v>
      </c>
      <c r="CS17" s="280">
        <v>2</v>
      </c>
      <c r="CT17" s="280">
        <v>3</v>
      </c>
      <c r="CU17" s="280">
        <v>1</v>
      </c>
      <c r="CV17" s="277">
        <v>11</v>
      </c>
      <c r="CW17" s="282">
        <v>11</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68</v>
      </c>
      <c r="DU17" s="280">
        <v>153</v>
      </c>
      <c r="DV17" s="277">
        <v>221</v>
      </c>
      <c r="DW17" s="279">
        <v>0</v>
      </c>
      <c r="DX17" s="280">
        <v>224</v>
      </c>
      <c r="DY17" s="280">
        <v>371</v>
      </c>
      <c r="DZ17" s="280">
        <v>190</v>
      </c>
      <c r="EA17" s="280">
        <v>121</v>
      </c>
      <c r="EB17" s="280">
        <v>86</v>
      </c>
      <c r="EC17" s="277">
        <v>992</v>
      </c>
      <c r="ED17" s="282">
        <v>1213</v>
      </c>
      <c r="EE17" s="276">
        <v>20</v>
      </c>
      <c r="EF17" s="280">
        <v>12</v>
      </c>
      <c r="EG17" s="277">
        <v>32</v>
      </c>
      <c r="EH17" s="279">
        <v>0</v>
      </c>
      <c r="EI17" s="280">
        <v>57</v>
      </c>
      <c r="EJ17" s="280">
        <v>30</v>
      </c>
      <c r="EK17" s="280">
        <v>32</v>
      </c>
      <c r="EL17" s="280">
        <v>42</v>
      </c>
      <c r="EM17" s="280">
        <v>18</v>
      </c>
      <c r="EN17" s="277">
        <v>179</v>
      </c>
      <c r="EO17" s="282">
        <v>211</v>
      </c>
      <c r="EP17" s="276">
        <v>69</v>
      </c>
      <c r="EQ17" s="280">
        <v>158</v>
      </c>
      <c r="ER17" s="277">
        <v>227</v>
      </c>
      <c r="ES17" s="279">
        <v>0</v>
      </c>
      <c r="ET17" s="280">
        <v>424</v>
      </c>
      <c r="EU17" s="280">
        <v>505</v>
      </c>
      <c r="EV17" s="280">
        <v>240</v>
      </c>
      <c r="EW17" s="280">
        <v>152</v>
      </c>
      <c r="EX17" s="280">
        <v>96</v>
      </c>
      <c r="EY17" s="277">
        <v>1417</v>
      </c>
      <c r="EZ17" s="282">
        <v>1644</v>
      </c>
    </row>
    <row r="18" spans="2:156" ht="21" customHeight="1" x14ac:dyDescent="0.2">
      <c r="B18" s="261" t="s">
        <v>16</v>
      </c>
      <c r="C18" s="276">
        <v>0</v>
      </c>
      <c r="D18" s="280">
        <v>0</v>
      </c>
      <c r="E18" s="376">
        <v>0</v>
      </c>
      <c r="F18" s="279">
        <v>0</v>
      </c>
      <c r="G18" s="280">
        <v>219</v>
      </c>
      <c r="H18" s="280">
        <v>304</v>
      </c>
      <c r="I18" s="280">
        <v>167</v>
      </c>
      <c r="J18" s="280">
        <v>136</v>
      </c>
      <c r="K18" s="280">
        <v>90</v>
      </c>
      <c r="L18" s="281">
        <v>916</v>
      </c>
      <c r="M18" s="282">
        <v>916</v>
      </c>
      <c r="N18" s="276">
        <v>0</v>
      </c>
      <c r="O18" s="280">
        <v>0</v>
      </c>
      <c r="P18" s="277">
        <v>0</v>
      </c>
      <c r="Q18" s="279">
        <v>0</v>
      </c>
      <c r="R18" s="280">
        <v>1</v>
      </c>
      <c r="S18" s="280">
        <v>8</v>
      </c>
      <c r="T18" s="280">
        <v>13</v>
      </c>
      <c r="U18" s="280">
        <v>24</v>
      </c>
      <c r="V18" s="280">
        <v>48</v>
      </c>
      <c r="W18" s="277">
        <v>94</v>
      </c>
      <c r="X18" s="282">
        <v>94</v>
      </c>
      <c r="Y18" s="276">
        <v>39</v>
      </c>
      <c r="Z18" s="280">
        <v>51</v>
      </c>
      <c r="AA18" s="277">
        <v>90</v>
      </c>
      <c r="AB18" s="279">
        <v>0</v>
      </c>
      <c r="AC18" s="280">
        <v>186</v>
      </c>
      <c r="AD18" s="280">
        <v>309</v>
      </c>
      <c r="AE18" s="280">
        <v>186</v>
      </c>
      <c r="AF18" s="280">
        <v>169</v>
      </c>
      <c r="AG18" s="280">
        <v>100</v>
      </c>
      <c r="AH18" s="277">
        <v>950</v>
      </c>
      <c r="AI18" s="282">
        <v>1040</v>
      </c>
      <c r="AJ18" s="276">
        <v>2</v>
      </c>
      <c r="AK18" s="280">
        <v>3</v>
      </c>
      <c r="AL18" s="277">
        <v>5</v>
      </c>
      <c r="AM18" s="279">
        <v>0</v>
      </c>
      <c r="AN18" s="280">
        <v>4</v>
      </c>
      <c r="AO18" s="280">
        <v>30</v>
      </c>
      <c r="AP18" s="280">
        <v>12</v>
      </c>
      <c r="AQ18" s="280">
        <v>8</v>
      </c>
      <c r="AR18" s="280">
        <v>11</v>
      </c>
      <c r="AS18" s="277">
        <v>65</v>
      </c>
      <c r="AT18" s="282">
        <v>70</v>
      </c>
      <c r="AU18" s="276">
        <v>42</v>
      </c>
      <c r="AV18" s="280">
        <v>38</v>
      </c>
      <c r="AW18" s="277">
        <v>80</v>
      </c>
      <c r="AX18" s="279">
        <v>0</v>
      </c>
      <c r="AY18" s="280">
        <v>208</v>
      </c>
      <c r="AZ18" s="280">
        <v>306</v>
      </c>
      <c r="BA18" s="280">
        <v>262</v>
      </c>
      <c r="BB18" s="280">
        <v>295</v>
      </c>
      <c r="BC18" s="280">
        <v>221</v>
      </c>
      <c r="BD18" s="281">
        <v>1292</v>
      </c>
      <c r="BE18" s="282">
        <v>1372</v>
      </c>
      <c r="BF18" s="276">
        <v>0</v>
      </c>
      <c r="BG18" s="280">
        <v>0</v>
      </c>
      <c r="BH18" s="277">
        <v>0</v>
      </c>
      <c r="BI18" s="279">
        <v>0</v>
      </c>
      <c r="BJ18" s="280">
        <v>333</v>
      </c>
      <c r="BK18" s="280">
        <v>461</v>
      </c>
      <c r="BL18" s="280">
        <v>232</v>
      </c>
      <c r="BM18" s="280">
        <v>150</v>
      </c>
      <c r="BN18" s="280">
        <v>90</v>
      </c>
      <c r="BO18" s="277">
        <v>1266</v>
      </c>
      <c r="BP18" s="282">
        <v>1266</v>
      </c>
      <c r="BQ18" s="276">
        <v>43</v>
      </c>
      <c r="BR18" s="280">
        <v>92</v>
      </c>
      <c r="BS18" s="277">
        <v>135</v>
      </c>
      <c r="BT18" s="279">
        <v>0</v>
      </c>
      <c r="BU18" s="280">
        <v>190</v>
      </c>
      <c r="BV18" s="280">
        <v>264</v>
      </c>
      <c r="BW18" s="280">
        <v>112</v>
      </c>
      <c r="BX18" s="280">
        <v>62</v>
      </c>
      <c r="BY18" s="280">
        <v>18</v>
      </c>
      <c r="BZ18" s="277">
        <v>646</v>
      </c>
      <c r="CA18" s="282">
        <v>781</v>
      </c>
      <c r="CB18" s="276">
        <v>0</v>
      </c>
      <c r="CC18" s="280">
        <v>0</v>
      </c>
      <c r="CD18" s="277">
        <v>0</v>
      </c>
      <c r="CE18" s="279">
        <v>0</v>
      </c>
      <c r="CF18" s="280">
        <v>43</v>
      </c>
      <c r="CG18" s="280">
        <v>83</v>
      </c>
      <c r="CH18" s="280">
        <v>93</v>
      </c>
      <c r="CI18" s="280">
        <v>55</v>
      </c>
      <c r="CJ18" s="280">
        <v>20</v>
      </c>
      <c r="CK18" s="277">
        <v>294</v>
      </c>
      <c r="CL18" s="282">
        <v>294</v>
      </c>
      <c r="CM18" s="276">
        <v>0</v>
      </c>
      <c r="CN18" s="280">
        <v>0</v>
      </c>
      <c r="CO18" s="277">
        <v>0</v>
      </c>
      <c r="CP18" s="279">
        <v>0</v>
      </c>
      <c r="CQ18" s="280">
        <v>3</v>
      </c>
      <c r="CR18" s="280">
        <v>8</v>
      </c>
      <c r="CS18" s="280">
        <v>6</v>
      </c>
      <c r="CT18" s="280">
        <v>8</v>
      </c>
      <c r="CU18" s="280">
        <v>5</v>
      </c>
      <c r="CV18" s="277">
        <v>30</v>
      </c>
      <c r="CW18" s="282">
        <v>30</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65</v>
      </c>
      <c r="DU18" s="280">
        <v>323</v>
      </c>
      <c r="DV18" s="277">
        <v>488</v>
      </c>
      <c r="DW18" s="279">
        <v>0</v>
      </c>
      <c r="DX18" s="280">
        <v>433</v>
      </c>
      <c r="DY18" s="280">
        <v>877</v>
      </c>
      <c r="DZ18" s="280">
        <v>468</v>
      </c>
      <c r="EA18" s="280">
        <v>343</v>
      </c>
      <c r="EB18" s="280">
        <v>221</v>
      </c>
      <c r="EC18" s="277">
        <v>2342</v>
      </c>
      <c r="ED18" s="282">
        <v>2830</v>
      </c>
      <c r="EE18" s="276">
        <v>25</v>
      </c>
      <c r="EF18" s="280">
        <v>24</v>
      </c>
      <c r="EG18" s="277">
        <v>49</v>
      </c>
      <c r="EH18" s="279">
        <v>0</v>
      </c>
      <c r="EI18" s="280">
        <v>104</v>
      </c>
      <c r="EJ18" s="280">
        <v>91</v>
      </c>
      <c r="EK18" s="280">
        <v>86</v>
      </c>
      <c r="EL18" s="280">
        <v>123</v>
      </c>
      <c r="EM18" s="280">
        <v>83</v>
      </c>
      <c r="EN18" s="277">
        <v>487</v>
      </c>
      <c r="EO18" s="282">
        <v>536</v>
      </c>
      <c r="EP18" s="276">
        <v>215</v>
      </c>
      <c r="EQ18" s="280">
        <v>399</v>
      </c>
      <c r="ER18" s="277">
        <v>614</v>
      </c>
      <c r="ES18" s="279">
        <v>0</v>
      </c>
      <c r="ET18" s="280">
        <v>896</v>
      </c>
      <c r="EU18" s="280">
        <v>1207</v>
      </c>
      <c r="EV18" s="280">
        <v>578</v>
      </c>
      <c r="EW18" s="280">
        <v>376</v>
      </c>
      <c r="EX18" s="280">
        <v>220</v>
      </c>
      <c r="EY18" s="277">
        <v>3277</v>
      </c>
      <c r="EZ18" s="282">
        <v>3891</v>
      </c>
    </row>
    <row r="19" spans="2:156" ht="21" customHeight="1" x14ac:dyDescent="0.2">
      <c r="B19" s="261" t="s">
        <v>17</v>
      </c>
      <c r="C19" s="276">
        <v>0</v>
      </c>
      <c r="D19" s="280">
        <v>0</v>
      </c>
      <c r="E19" s="376">
        <v>0</v>
      </c>
      <c r="F19" s="279">
        <v>0</v>
      </c>
      <c r="G19" s="280">
        <v>230</v>
      </c>
      <c r="H19" s="280">
        <v>457</v>
      </c>
      <c r="I19" s="280">
        <v>294</v>
      </c>
      <c r="J19" s="280">
        <v>219</v>
      </c>
      <c r="K19" s="280">
        <v>170</v>
      </c>
      <c r="L19" s="281">
        <v>1370</v>
      </c>
      <c r="M19" s="282">
        <v>1370</v>
      </c>
      <c r="N19" s="276">
        <v>0</v>
      </c>
      <c r="O19" s="280">
        <v>1</v>
      </c>
      <c r="P19" s="277">
        <v>1</v>
      </c>
      <c r="Q19" s="279">
        <v>0</v>
      </c>
      <c r="R19" s="280">
        <v>0</v>
      </c>
      <c r="S19" s="280">
        <v>8</v>
      </c>
      <c r="T19" s="280">
        <v>20</v>
      </c>
      <c r="U19" s="280">
        <v>44</v>
      </c>
      <c r="V19" s="280">
        <v>80</v>
      </c>
      <c r="W19" s="277">
        <v>152</v>
      </c>
      <c r="X19" s="282">
        <v>153</v>
      </c>
      <c r="Y19" s="276">
        <v>32</v>
      </c>
      <c r="Z19" s="280">
        <v>92</v>
      </c>
      <c r="AA19" s="277">
        <v>124</v>
      </c>
      <c r="AB19" s="279">
        <v>0</v>
      </c>
      <c r="AC19" s="280">
        <v>172</v>
      </c>
      <c r="AD19" s="280">
        <v>317</v>
      </c>
      <c r="AE19" s="280">
        <v>230</v>
      </c>
      <c r="AF19" s="280">
        <v>183</v>
      </c>
      <c r="AG19" s="280">
        <v>156</v>
      </c>
      <c r="AH19" s="277">
        <v>1058</v>
      </c>
      <c r="AI19" s="282">
        <v>1182</v>
      </c>
      <c r="AJ19" s="276">
        <v>3</v>
      </c>
      <c r="AK19" s="280">
        <v>12</v>
      </c>
      <c r="AL19" s="277">
        <v>15</v>
      </c>
      <c r="AM19" s="279">
        <v>0</v>
      </c>
      <c r="AN19" s="280">
        <v>11</v>
      </c>
      <c r="AO19" s="280">
        <v>29</v>
      </c>
      <c r="AP19" s="280">
        <v>27</v>
      </c>
      <c r="AQ19" s="280">
        <v>20</v>
      </c>
      <c r="AR19" s="280">
        <v>15</v>
      </c>
      <c r="AS19" s="277">
        <v>102</v>
      </c>
      <c r="AT19" s="282">
        <v>117</v>
      </c>
      <c r="AU19" s="276">
        <v>40</v>
      </c>
      <c r="AV19" s="280">
        <v>56</v>
      </c>
      <c r="AW19" s="277">
        <v>96</v>
      </c>
      <c r="AX19" s="279">
        <v>0</v>
      </c>
      <c r="AY19" s="280">
        <v>263</v>
      </c>
      <c r="AZ19" s="280">
        <v>429</v>
      </c>
      <c r="BA19" s="280">
        <v>403</v>
      </c>
      <c r="BB19" s="280">
        <v>412</v>
      </c>
      <c r="BC19" s="280">
        <v>320</v>
      </c>
      <c r="BD19" s="281">
        <v>1827</v>
      </c>
      <c r="BE19" s="282">
        <v>1923</v>
      </c>
      <c r="BF19" s="276">
        <v>0</v>
      </c>
      <c r="BG19" s="280">
        <v>0</v>
      </c>
      <c r="BH19" s="277">
        <v>0</v>
      </c>
      <c r="BI19" s="279">
        <v>0</v>
      </c>
      <c r="BJ19" s="280">
        <v>344</v>
      </c>
      <c r="BK19" s="280">
        <v>534</v>
      </c>
      <c r="BL19" s="280">
        <v>308</v>
      </c>
      <c r="BM19" s="280">
        <v>177</v>
      </c>
      <c r="BN19" s="280">
        <v>95</v>
      </c>
      <c r="BO19" s="277">
        <v>1458</v>
      </c>
      <c r="BP19" s="282">
        <v>1458</v>
      </c>
      <c r="BQ19" s="276">
        <v>34</v>
      </c>
      <c r="BR19" s="280">
        <v>75</v>
      </c>
      <c r="BS19" s="277">
        <v>109</v>
      </c>
      <c r="BT19" s="279">
        <v>0</v>
      </c>
      <c r="BU19" s="280">
        <v>68</v>
      </c>
      <c r="BV19" s="280">
        <v>187</v>
      </c>
      <c r="BW19" s="280">
        <v>94</v>
      </c>
      <c r="BX19" s="280">
        <v>44</v>
      </c>
      <c r="BY19" s="280">
        <v>20</v>
      </c>
      <c r="BZ19" s="277">
        <v>413</v>
      </c>
      <c r="CA19" s="282">
        <v>522</v>
      </c>
      <c r="CB19" s="276">
        <v>1</v>
      </c>
      <c r="CC19" s="280">
        <v>5</v>
      </c>
      <c r="CD19" s="277">
        <v>6</v>
      </c>
      <c r="CE19" s="279">
        <v>0</v>
      </c>
      <c r="CF19" s="280">
        <v>43</v>
      </c>
      <c r="CG19" s="280">
        <v>82</v>
      </c>
      <c r="CH19" s="280">
        <v>102</v>
      </c>
      <c r="CI19" s="280">
        <v>80</v>
      </c>
      <c r="CJ19" s="280">
        <v>43</v>
      </c>
      <c r="CK19" s="277">
        <v>350</v>
      </c>
      <c r="CL19" s="282">
        <v>356</v>
      </c>
      <c r="CM19" s="276">
        <v>0</v>
      </c>
      <c r="CN19" s="280">
        <v>1</v>
      </c>
      <c r="CO19" s="277">
        <v>1</v>
      </c>
      <c r="CP19" s="279">
        <v>0</v>
      </c>
      <c r="CQ19" s="280">
        <v>7</v>
      </c>
      <c r="CR19" s="280">
        <v>18</v>
      </c>
      <c r="CS19" s="280">
        <v>15</v>
      </c>
      <c r="CT19" s="280">
        <v>17</v>
      </c>
      <c r="CU19" s="280">
        <v>8</v>
      </c>
      <c r="CV19" s="277">
        <v>65</v>
      </c>
      <c r="CW19" s="282">
        <v>66</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83</v>
      </c>
      <c r="DU19" s="280">
        <v>483</v>
      </c>
      <c r="DV19" s="277">
        <v>666</v>
      </c>
      <c r="DW19" s="279">
        <v>0</v>
      </c>
      <c r="DX19" s="280">
        <v>412</v>
      </c>
      <c r="DY19" s="280">
        <v>1142</v>
      </c>
      <c r="DZ19" s="280">
        <v>716</v>
      </c>
      <c r="EA19" s="280">
        <v>539</v>
      </c>
      <c r="EB19" s="280">
        <v>360</v>
      </c>
      <c r="EC19" s="277">
        <v>3169</v>
      </c>
      <c r="ED19" s="282">
        <v>3835</v>
      </c>
      <c r="EE19" s="276">
        <v>30</v>
      </c>
      <c r="EF19" s="280">
        <v>29</v>
      </c>
      <c r="EG19" s="277">
        <v>59</v>
      </c>
      <c r="EH19" s="279">
        <v>0</v>
      </c>
      <c r="EI19" s="280">
        <v>95</v>
      </c>
      <c r="EJ19" s="280">
        <v>115</v>
      </c>
      <c r="EK19" s="280">
        <v>91</v>
      </c>
      <c r="EL19" s="280">
        <v>104</v>
      </c>
      <c r="EM19" s="280">
        <v>64</v>
      </c>
      <c r="EN19" s="277">
        <v>469</v>
      </c>
      <c r="EO19" s="282">
        <v>528</v>
      </c>
      <c r="EP19" s="276">
        <v>237</v>
      </c>
      <c r="EQ19" s="280">
        <v>570</v>
      </c>
      <c r="ER19" s="277">
        <v>807</v>
      </c>
      <c r="ES19" s="279">
        <v>0</v>
      </c>
      <c r="ET19" s="280">
        <v>919</v>
      </c>
      <c r="EU19" s="280">
        <v>1462</v>
      </c>
      <c r="EV19" s="280">
        <v>822</v>
      </c>
      <c r="EW19" s="280">
        <v>560</v>
      </c>
      <c r="EX19" s="280">
        <v>360</v>
      </c>
      <c r="EY19" s="277">
        <v>4123</v>
      </c>
      <c r="EZ19" s="282">
        <v>4930</v>
      </c>
    </row>
    <row r="20" spans="2:156" ht="21" customHeight="1" x14ac:dyDescent="0.2">
      <c r="B20" s="261" t="s">
        <v>18</v>
      </c>
      <c r="C20" s="276">
        <v>0</v>
      </c>
      <c r="D20" s="280">
        <v>0</v>
      </c>
      <c r="E20" s="376">
        <v>0</v>
      </c>
      <c r="F20" s="279">
        <v>0</v>
      </c>
      <c r="G20" s="280">
        <v>479</v>
      </c>
      <c r="H20" s="280">
        <v>490</v>
      </c>
      <c r="I20" s="280">
        <v>316</v>
      </c>
      <c r="J20" s="280">
        <v>236</v>
      </c>
      <c r="K20" s="280">
        <v>169</v>
      </c>
      <c r="L20" s="281">
        <v>1690</v>
      </c>
      <c r="M20" s="282">
        <v>1690</v>
      </c>
      <c r="N20" s="276">
        <v>0</v>
      </c>
      <c r="O20" s="280">
        <v>0</v>
      </c>
      <c r="P20" s="277">
        <v>0</v>
      </c>
      <c r="Q20" s="279">
        <v>0</v>
      </c>
      <c r="R20" s="280">
        <v>2</v>
      </c>
      <c r="S20" s="280">
        <v>9</v>
      </c>
      <c r="T20" s="280">
        <v>17</v>
      </c>
      <c r="U20" s="280">
        <v>52</v>
      </c>
      <c r="V20" s="280">
        <v>86</v>
      </c>
      <c r="W20" s="277">
        <v>166</v>
      </c>
      <c r="X20" s="282">
        <v>166</v>
      </c>
      <c r="Y20" s="276">
        <v>52</v>
      </c>
      <c r="Z20" s="280">
        <v>100</v>
      </c>
      <c r="AA20" s="277">
        <v>152</v>
      </c>
      <c r="AB20" s="279">
        <v>0</v>
      </c>
      <c r="AC20" s="280">
        <v>331</v>
      </c>
      <c r="AD20" s="280">
        <v>363</v>
      </c>
      <c r="AE20" s="280">
        <v>246</v>
      </c>
      <c r="AF20" s="280">
        <v>190</v>
      </c>
      <c r="AG20" s="280">
        <v>143</v>
      </c>
      <c r="AH20" s="277">
        <v>1273</v>
      </c>
      <c r="AI20" s="282">
        <v>1425</v>
      </c>
      <c r="AJ20" s="276">
        <v>5</v>
      </c>
      <c r="AK20" s="280">
        <v>11</v>
      </c>
      <c r="AL20" s="277">
        <v>16</v>
      </c>
      <c r="AM20" s="279">
        <v>0</v>
      </c>
      <c r="AN20" s="280">
        <v>34</v>
      </c>
      <c r="AO20" s="280">
        <v>53</v>
      </c>
      <c r="AP20" s="280">
        <v>31</v>
      </c>
      <c r="AQ20" s="280">
        <v>23</v>
      </c>
      <c r="AR20" s="280">
        <v>13</v>
      </c>
      <c r="AS20" s="277">
        <v>154</v>
      </c>
      <c r="AT20" s="282">
        <v>170</v>
      </c>
      <c r="AU20" s="276">
        <v>48</v>
      </c>
      <c r="AV20" s="280">
        <v>76</v>
      </c>
      <c r="AW20" s="277">
        <v>124</v>
      </c>
      <c r="AX20" s="279">
        <v>0</v>
      </c>
      <c r="AY20" s="280">
        <v>441</v>
      </c>
      <c r="AZ20" s="280">
        <v>532</v>
      </c>
      <c r="BA20" s="280">
        <v>516</v>
      </c>
      <c r="BB20" s="280">
        <v>473</v>
      </c>
      <c r="BC20" s="280">
        <v>387</v>
      </c>
      <c r="BD20" s="281">
        <v>2349</v>
      </c>
      <c r="BE20" s="282">
        <v>2473</v>
      </c>
      <c r="BF20" s="276">
        <v>0</v>
      </c>
      <c r="BG20" s="280">
        <v>0</v>
      </c>
      <c r="BH20" s="277">
        <v>0</v>
      </c>
      <c r="BI20" s="279">
        <v>0</v>
      </c>
      <c r="BJ20" s="280">
        <v>694</v>
      </c>
      <c r="BK20" s="280">
        <v>659</v>
      </c>
      <c r="BL20" s="280">
        <v>362</v>
      </c>
      <c r="BM20" s="280">
        <v>205</v>
      </c>
      <c r="BN20" s="280">
        <v>83</v>
      </c>
      <c r="BO20" s="277">
        <v>2003</v>
      </c>
      <c r="BP20" s="282">
        <v>2003</v>
      </c>
      <c r="BQ20" s="276">
        <v>52</v>
      </c>
      <c r="BR20" s="280">
        <v>82</v>
      </c>
      <c r="BS20" s="277">
        <v>134</v>
      </c>
      <c r="BT20" s="279">
        <v>0</v>
      </c>
      <c r="BU20" s="280">
        <v>176</v>
      </c>
      <c r="BV20" s="280">
        <v>202</v>
      </c>
      <c r="BW20" s="280">
        <v>104</v>
      </c>
      <c r="BX20" s="280">
        <v>61</v>
      </c>
      <c r="BY20" s="280">
        <v>30</v>
      </c>
      <c r="BZ20" s="277">
        <v>573</v>
      </c>
      <c r="CA20" s="282">
        <v>707</v>
      </c>
      <c r="CB20" s="276">
        <v>1</v>
      </c>
      <c r="CC20" s="280">
        <v>4</v>
      </c>
      <c r="CD20" s="277">
        <v>5</v>
      </c>
      <c r="CE20" s="279">
        <v>0</v>
      </c>
      <c r="CF20" s="280">
        <v>43</v>
      </c>
      <c r="CG20" s="280">
        <v>104</v>
      </c>
      <c r="CH20" s="280">
        <v>132</v>
      </c>
      <c r="CI20" s="280">
        <v>97</v>
      </c>
      <c r="CJ20" s="280">
        <v>64</v>
      </c>
      <c r="CK20" s="277">
        <v>440</v>
      </c>
      <c r="CL20" s="282">
        <v>445</v>
      </c>
      <c r="CM20" s="276">
        <v>0</v>
      </c>
      <c r="CN20" s="280">
        <v>0</v>
      </c>
      <c r="CO20" s="277">
        <v>0</v>
      </c>
      <c r="CP20" s="279">
        <v>0</v>
      </c>
      <c r="CQ20" s="280">
        <v>2</v>
      </c>
      <c r="CR20" s="280">
        <v>2</v>
      </c>
      <c r="CS20" s="280">
        <v>3</v>
      </c>
      <c r="CT20" s="280">
        <v>4</v>
      </c>
      <c r="CU20" s="280">
        <v>1</v>
      </c>
      <c r="CV20" s="277">
        <v>12</v>
      </c>
      <c r="CW20" s="282">
        <v>12</v>
      </c>
      <c r="CX20" s="276">
        <v>0</v>
      </c>
      <c r="CY20" s="280">
        <v>0</v>
      </c>
      <c r="CZ20" s="277">
        <v>0</v>
      </c>
      <c r="DA20" s="279">
        <v>0</v>
      </c>
      <c r="DB20" s="280">
        <v>0</v>
      </c>
      <c r="DC20" s="280">
        <v>1</v>
      </c>
      <c r="DD20" s="280">
        <v>0</v>
      </c>
      <c r="DE20" s="280">
        <v>0</v>
      </c>
      <c r="DF20" s="280">
        <v>0</v>
      </c>
      <c r="DG20" s="277">
        <v>1</v>
      </c>
      <c r="DH20" s="282">
        <v>1</v>
      </c>
      <c r="DI20" s="276">
        <v>0</v>
      </c>
      <c r="DJ20" s="280">
        <v>0</v>
      </c>
      <c r="DK20" s="277">
        <v>0</v>
      </c>
      <c r="DL20" s="279">
        <v>0</v>
      </c>
      <c r="DM20" s="280">
        <v>0</v>
      </c>
      <c r="DN20" s="280">
        <v>0</v>
      </c>
      <c r="DO20" s="280">
        <v>0</v>
      </c>
      <c r="DP20" s="280">
        <v>0</v>
      </c>
      <c r="DQ20" s="280">
        <v>0</v>
      </c>
      <c r="DR20" s="277">
        <v>0</v>
      </c>
      <c r="DS20" s="282">
        <v>0</v>
      </c>
      <c r="DT20" s="276">
        <v>223</v>
      </c>
      <c r="DU20" s="280">
        <v>498</v>
      </c>
      <c r="DV20" s="277">
        <v>721</v>
      </c>
      <c r="DW20" s="279">
        <v>0</v>
      </c>
      <c r="DX20" s="280">
        <v>807</v>
      </c>
      <c r="DY20" s="280">
        <v>1120</v>
      </c>
      <c r="DZ20" s="280">
        <v>713</v>
      </c>
      <c r="EA20" s="280">
        <v>525</v>
      </c>
      <c r="EB20" s="280">
        <v>341</v>
      </c>
      <c r="EC20" s="277">
        <v>3506</v>
      </c>
      <c r="ED20" s="282">
        <v>4227</v>
      </c>
      <c r="EE20" s="276">
        <v>25</v>
      </c>
      <c r="EF20" s="280">
        <v>15</v>
      </c>
      <c r="EG20" s="277">
        <v>40</v>
      </c>
      <c r="EH20" s="279">
        <v>0</v>
      </c>
      <c r="EI20" s="280">
        <v>119</v>
      </c>
      <c r="EJ20" s="280">
        <v>119</v>
      </c>
      <c r="EK20" s="280">
        <v>94</v>
      </c>
      <c r="EL20" s="280">
        <v>103</v>
      </c>
      <c r="EM20" s="280">
        <v>76</v>
      </c>
      <c r="EN20" s="277">
        <v>511</v>
      </c>
      <c r="EO20" s="282">
        <v>551</v>
      </c>
      <c r="EP20" s="276">
        <v>293</v>
      </c>
      <c r="EQ20" s="280">
        <v>602</v>
      </c>
      <c r="ER20" s="277">
        <v>895</v>
      </c>
      <c r="ES20" s="279">
        <v>0</v>
      </c>
      <c r="ET20" s="280">
        <v>1632</v>
      </c>
      <c r="EU20" s="280">
        <v>1489</v>
      </c>
      <c r="EV20" s="280">
        <v>850</v>
      </c>
      <c r="EW20" s="280">
        <v>558</v>
      </c>
      <c r="EX20" s="280">
        <v>336</v>
      </c>
      <c r="EY20" s="277">
        <v>4865</v>
      </c>
      <c r="EZ20" s="282">
        <v>5760</v>
      </c>
    </row>
    <row r="21" spans="2:156" ht="21" customHeight="1" x14ac:dyDescent="0.2">
      <c r="B21" s="261" t="s">
        <v>19</v>
      </c>
      <c r="C21" s="276">
        <v>0</v>
      </c>
      <c r="D21" s="280">
        <v>0</v>
      </c>
      <c r="E21" s="376">
        <v>0</v>
      </c>
      <c r="F21" s="279">
        <v>0</v>
      </c>
      <c r="G21" s="280">
        <v>185</v>
      </c>
      <c r="H21" s="280">
        <v>165</v>
      </c>
      <c r="I21" s="280">
        <v>103</v>
      </c>
      <c r="J21" s="280">
        <v>79</v>
      </c>
      <c r="K21" s="280">
        <v>63</v>
      </c>
      <c r="L21" s="281">
        <v>595</v>
      </c>
      <c r="M21" s="282">
        <v>595</v>
      </c>
      <c r="N21" s="276">
        <v>0</v>
      </c>
      <c r="O21" s="280">
        <v>0</v>
      </c>
      <c r="P21" s="277">
        <v>0</v>
      </c>
      <c r="Q21" s="279">
        <v>0</v>
      </c>
      <c r="R21" s="280">
        <v>6</v>
      </c>
      <c r="S21" s="280">
        <v>5</v>
      </c>
      <c r="T21" s="280">
        <v>13</v>
      </c>
      <c r="U21" s="280">
        <v>19</v>
      </c>
      <c r="V21" s="280">
        <v>34</v>
      </c>
      <c r="W21" s="277">
        <v>77</v>
      </c>
      <c r="X21" s="282">
        <v>77</v>
      </c>
      <c r="Y21" s="276">
        <v>33</v>
      </c>
      <c r="Z21" s="280">
        <v>48</v>
      </c>
      <c r="AA21" s="277">
        <v>81</v>
      </c>
      <c r="AB21" s="279">
        <v>0</v>
      </c>
      <c r="AC21" s="280">
        <v>153</v>
      </c>
      <c r="AD21" s="280">
        <v>145</v>
      </c>
      <c r="AE21" s="280">
        <v>100</v>
      </c>
      <c r="AF21" s="280">
        <v>71</v>
      </c>
      <c r="AG21" s="280">
        <v>72</v>
      </c>
      <c r="AH21" s="277">
        <v>541</v>
      </c>
      <c r="AI21" s="282">
        <v>622</v>
      </c>
      <c r="AJ21" s="276">
        <v>3</v>
      </c>
      <c r="AK21" s="280">
        <v>4</v>
      </c>
      <c r="AL21" s="277">
        <v>7</v>
      </c>
      <c r="AM21" s="279">
        <v>0</v>
      </c>
      <c r="AN21" s="280">
        <v>17</v>
      </c>
      <c r="AO21" s="280">
        <v>14</v>
      </c>
      <c r="AP21" s="280">
        <v>8</v>
      </c>
      <c r="AQ21" s="280">
        <v>10</v>
      </c>
      <c r="AR21" s="280">
        <v>4</v>
      </c>
      <c r="AS21" s="277">
        <v>53</v>
      </c>
      <c r="AT21" s="282">
        <v>60</v>
      </c>
      <c r="AU21" s="276">
        <v>31</v>
      </c>
      <c r="AV21" s="280">
        <v>33</v>
      </c>
      <c r="AW21" s="277">
        <v>64</v>
      </c>
      <c r="AX21" s="279">
        <v>0</v>
      </c>
      <c r="AY21" s="280">
        <v>166</v>
      </c>
      <c r="AZ21" s="280">
        <v>195</v>
      </c>
      <c r="BA21" s="280">
        <v>178</v>
      </c>
      <c r="BB21" s="280">
        <v>146</v>
      </c>
      <c r="BC21" s="280">
        <v>135</v>
      </c>
      <c r="BD21" s="281">
        <v>820</v>
      </c>
      <c r="BE21" s="282">
        <v>884</v>
      </c>
      <c r="BF21" s="276">
        <v>0</v>
      </c>
      <c r="BG21" s="280">
        <v>0</v>
      </c>
      <c r="BH21" s="277">
        <v>0</v>
      </c>
      <c r="BI21" s="279">
        <v>0</v>
      </c>
      <c r="BJ21" s="280">
        <v>257</v>
      </c>
      <c r="BK21" s="280">
        <v>232</v>
      </c>
      <c r="BL21" s="280">
        <v>123</v>
      </c>
      <c r="BM21" s="280">
        <v>51</v>
      </c>
      <c r="BN21" s="280">
        <v>40</v>
      </c>
      <c r="BO21" s="277">
        <v>703</v>
      </c>
      <c r="BP21" s="282">
        <v>703</v>
      </c>
      <c r="BQ21" s="276">
        <v>34</v>
      </c>
      <c r="BR21" s="280">
        <v>56</v>
      </c>
      <c r="BS21" s="277">
        <v>90</v>
      </c>
      <c r="BT21" s="279">
        <v>0</v>
      </c>
      <c r="BU21" s="280">
        <v>108</v>
      </c>
      <c r="BV21" s="280">
        <v>104</v>
      </c>
      <c r="BW21" s="280">
        <v>65</v>
      </c>
      <c r="BX21" s="280">
        <v>30</v>
      </c>
      <c r="BY21" s="280">
        <v>13</v>
      </c>
      <c r="BZ21" s="277">
        <v>320</v>
      </c>
      <c r="CA21" s="282">
        <v>410</v>
      </c>
      <c r="CB21" s="276">
        <v>0</v>
      </c>
      <c r="CC21" s="280">
        <v>2</v>
      </c>
      <c r="CD21" s="277">
        <v>2</v>
      </c>
      <c r="CE21" s="279">
        <v>0</v>
      </c>
      <c r="CF21" s="280">
        <v>21</v>
      </c>
      <c r="CG21" s="280">
        <v>44</v>
      </c>
      <c r="CH21" s="280">
        <v>59</v>
      </c>
      <c r="CI21" s="280">
        <v>23</v>
      </c>
      <c r="CJ21" s="280">
        <v>18</v>
      </c>
      <c r="CK21" s="277">
        <v>165</v>
      </c>
      <c r="CL21" s="282">
        <v>167</v>
      </c>
      <c r="CM21" s="276">
        <v>0</v>
      </c>
      <c r="CN21" s="280">
        <v>1</v>
      </c>
      <c r="CO21" s="277">
        <v>1</v>
      </c>
      <c r="CP21" s="279">
        <v>0</v>
      </c>
      <c r="CQ21" s="280">
        <v>2</v>
      </c>
      <c r="CR21" s="280">
        <v>7</v>
      </c>
      <c r="CS21" s="280">
        <v>10</v>
      </c>
      <c r="CT21" s="280">
        <v>13</v>
      </c>
      <c r="CU21" s="280">
        <v>8</v>
      </c>
      <c r="CV21" s="277">
        <v>40</v>
      </c>
      <c r="CW21" s="282">
        <v>41</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125</v>
      </c>
      <c r="DU21" s="280">
        <v>219</v>
      </c>
      <c r="DV21" s="277">
        <v>344</v>
      </c>
      <c r="DW21" s="279">
        <v>0</v>
      </c>
      <c r="DX21" s="280">
        <v>410</v>
      </c>
      <c r="DY21" s="280">
        <v>438</v>
      </c>
      <c r="DZ21" s="280">
        <v>278</v>
      </c>
      <c r="EA21" s="280">
        <v>187</v>
      </c>
      <c r="EB21" s="280">
        <v>144</v>
      </c>
      <c r="EC21" s="277">
        <v>1457</v>
      </c>
      <c r="ED21" s="282">
        <v>1801</v>
      </c>
      <c r="EE21" s="276">
        <v>13</v>
      </c>
      <c r="EF21" s="280">
        <v>15</v>
      </c>
      <c r="EG21" s="277">
        <v>28</v>
      </c>
      <c r="EH21" s="279">
        <v>0</v>
      </c>
      <c r="EI21" s="280">
        <v>69</v>
      </c>
      <c r="EJ21" s="280">
        <v>63</v>
      </c>
      <c r="EK21" s="280">
        <v>50</v>
      </c>
      <c r="EL21" s="280">
        <v>43</v>
      </c>
      <c r="EM21" s="280">
        <v>25</v>
      </c>
      <c r="EN21" s="277">
        <v>250</v>
      </c>
      <c r="EO21" s="282">
        <v>278</v>
      </c>
      <c r="EP21" s="276">
        <v>176</v>
      </c>
      <c r="EQ21" s="280">
        <v>278</v>
      </c>
      <c r="ER21" s="277">
        <v>454</v>
      </c>
      <c r="ES21" s="279">
        <v>0</v>
      </c>
      <c r="ET21" s="280">
        <v>729</v>
      </c>
      <c r="EU21" s="280">
        <v>585</v>
      </c>
      <c r="EV21" s="280">
        <v>317</v>
      </c>
      <c r="EW21" s="280">
        <v>182</v>
      </c>
      <c r="EX21" s="280">
        <v>139</v>
      </c>
      <c r="EY21" s="277">
        <v>1952</v>
      </c>
      <c r="EZ21" s="282">
        <v>2406</v>
      </c>
    </row>
    <row r="22" spans="2:156" ht="21" customHeight="1" x14ac:dyDescent="0.2">
      <c r="B22" s="261" t="s">
        <v>20</v>
      </c>
      <c r="C22" s="276">
        <v>0</v>
      </c>
      <c r="D22" s="280">
        <v>0</v>
      </c>
      <c r="E22" s="376">
        <v>0</v>
      </c>
      <c r="F22" s="279">
        <v>0</v>
      </c>
      <c r="G22" s="280">
        <v>274</v>
      </c>
      <c r="H22" s="280">
        <v>167</v>
      </c>
      <c r="I22" s="280">
        <v>149</v>
      </c>
      <c r="J22" s="280">
        <v>104</v>
      </c>
      <c r="K22" s="280">
        <v>64</v>
      </c>
      <c r="L22" s="281">
        <v>758</v>
      </c>
      <c r="M22" s="282">
        <v>758</v>
      </c>
      <c r="N22" s="276">
        <v>0</v>
      </c>
      <c r="O22" s="280">
        <v>0</v>
      </c>
      <c r="P22" s="277">
        <v>0</v>
      </c>
      <c r="Q22" s="279">
        <v>0</v>
      </c>
      <c r="R22" s="280">
        <v>3</v>
      </c>
      <c r="S22" s="280">
        <v>5</v>
      </c>
      <c r="T22" s="280">
        <v>17</v>
      </c>
      <c r="U22" s="280">
        <v>27</v>
      </c>
      <c r="V22" s="280">
        <v>33</v>
      </c>
      <c r="W22" s="277">
        <v>85</v>
      </c>
      <c r="X22" s="282">
        <v>85</v>
      </c>
      <c r="Y22" s="276">
        <v>47</v>
      </c>
      <c r="Z22" s="280">
        <v>83</v>
      </c>
      <c r="AA22" s="277">
        <v>130</v>
      </c>
      <c r="AB22" s="279">
        <v>0</v>
      </c>
      <c r="AC22" s="280">
        <v>240</v>
      </c>
      <c r="AD22" s="280">
        <v>189</v>
      </c>
      <c r="AE22" s="280">
        <v>121</v>
      </c>
      <c r="AF22" s="280">
        <v>90</v>
      </c>
      <c r="AG22" s="280">
        <v>58</v>
      </c>
      <c r="AH22" s="277">
        <v>698</v>
      </c>
      <c r="AI22" s="282">
        <v>828</v>
      </c>
      <c r="AJ22" s="276">
        <v>12</v>
      </c>
      <c r="AK22" s="280">
        <v>39</v>
      </c>
      <c r="AL22" s="277">
        <v>51</v>
      </c>
      <c r="AM22" s="279">
        <v>0</v>
      </c>
      <c r="AN22" s="280">
        <v>59</v>
      </c>
      <c r="AO22" s="280">
        <v>54</v>
      </c>
      <c r="AP22" s="280">
        <v>37</v>
      </c>
      <c r="AQ22" s="280">
        <v>27</v>
      </c>
      <c r="AR22" s="280">
        <v>12</v>
      </c>
      <c r="AS22" s="277">
        <v>189</v>
      </c>
      <c r="AT22" s="282">
        <v>240</v>
      </c>
      <c r="AU22" s="276">
        <v>29</v>
      </c>
      <c r="AV22" s="280">
        <v>37</v>
      </c>
      <c r="AW22" s="277">
        <v>66</v>
      </c>
      <c r="AX22" s="279">
        <v>0</v>
      </c>
      <c r="AY22" s="280">
        <v>260</v>
      </c>
      <c r="AZ22" s="280">
        <v>217</v>
      </c>
      <c r="BA22" s="280">
        <v>268</v>
      </c>
      <c r="BB22" s="280">
        <v>208</v>
      </c>
      <c r="BC22" s="280">
        <v>142</v>
      </c>
      <c r="BD22" s="281">
        <v>1095</v>
      </c>
      <c r="BE22" s="282">
        <v>1161</v>
      </c>
      <c r="BF22" s="276">
        <v>0</v>
      </c>
      <c r="BG22" s="280">
        <v>0</v>
      </c>
      <c r="BH22" s="277">
        <v>0</v>
      </c>
      <c r="BI22" s="279">
        <v>0</v>
      </c>
      <c r="BJ22" s="280">
        <v>338</v>
      </c>
      <c r="BK22" s="280">
        <v>247</v>
      </c>
      <c r="BL22" s="280">
        <v>145</v>
      </c>
      <c r="BM22" s="280">
        <v>77</v>
      </c>
      <c r="BN22" s="280">
        <v>33</v>
      </c>
      <c r="BO22" s="277">
        <v>840</v>
      </c>
      <c r="BP22" s="282">
        <v>840</v>
      </c>
      <c r="BQ22" s="276">
        <v>14</v>
      </c>
      <c r="BR22" s="280">
        <v>25</v>
      </c>
      <c r="BS22" s="277">
        <v>39</v>
      </c>
      <c r="BT22" s="279">
        <v>0</v>
      </c>
      <c r="BU22" s="280">
        <v>90</v>
      </c>
      <c r="BV22" s="280">
        <v>81</v>
      </c>
      <c r="BW22" s="280">
        <v>39</v>
      </c>
      <c r="BX22" s="280">
        <v>33</v>
      </c>
      <c r="BY22" s="280">
        <v>8</v>
      </c>
      <c r="BZ22" s="277">
        <v>251</v>
      </c>
      <c r="CA22" s="282">
        <v>290</v>
      </c>
      <c r="CB22" s="276">
        <v>2</v>
      </c>
      <c r="CC22" s="280">
        <v>6</v>
      </c>
      <c r="CD22" s="277">
        <v>8</v>
      </c>
      <c r="CE22" s="279">
        <v>0</v>
      </c>
      <c r="CF22" s="280">
        <v>42</v>
      </c>
      <c r="CG22" s="280">
        <v>65</v>
      </c>
      <c r="CH22" s="280">
        <v>75</v>
      </c>
      <c r="CI22" s="280">
        <v>61</v>
      </c>
      <c r="CJ22" s="280">
        <v>21</v>
      </c>
      <c r="CK22" s="277">
        <v>264</v>
      </c>
      <c r="CL22" s="282">
        <v>272</v>
      </c>
      <c r="CM22" s="276">
        <v>0</v>
      </c>
      <c r="CN22" s="280">
        <v>0</v>
      </c>
      <c r="CO22" s="277">
        <v>0</v>
      </c>
      <c r="CP22" s="279">
        <v>0</v>
      </c>
      <c r="CQ22" s="280">
        <v>3</v>
      </c>
      <c r="CR22" s="280">
        <v>2</v>
      </c>
      <c r="CS22" s="280">
        <v>12</v>
      </c>
      <c r="CT22" s="280">
        <v>9</v>
      </c>
      <c r="CU22" s="280">
        <v>3</v>
      </c>
      <c r="CV22" s="277">
        <v>29</v>
      </c>
      <c r="CW22" s="282">
        <v>29</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30</v>
      </c>
      <c r="DU22" s="280">
        <v>332</v>
      </c>
      <c r="DV22" s="277">
        <v>462</v>
      </c>
      <c r="DW22" s="279">
        <v>0</v>
      </c>
      <c r="DX22" s="280">
        <v>532</v>
      </c>
      <c r="DY22" s="280">
        <v>456</v>
      </c>
      <c r="DZ22" s="280">
        <v>329</v>
      </c>
      <c r="EA22" s="280">
        <v>250</v>
      </c>
      <c r="EB22" s="280">
        <v>119</v>
      </c>
      <c r="EC22" s="277">
        <v>1686</v>
      </c>
      <c r="ED22" s="282">
        <v>2148</v>
      </c>
      <c r="EE22" s="276">
        <v>15</v>
      </c>
      <c r="EF22" s="280">
        <v>11</v>
      </c>
      <c r="EG22" s="277">
        <v>26</v>
      </c>
      <c r="EH22" s="279">
        <v>0</v>
      </c>
      <c r="EI22" s="280">
        <v>72</v>
      </c>
      <c r="EJ22" s="280">
        <v>52</v>
      </c>
      <c r="EK22" s="280">
        <v>63</v>
      </c>
      <c r="EL22" s="280">
        <v>53</v>
      </c>
      <c r="EM22" s="280">
        <v>29</v>
      </c>
      <c r="EN22" s="277">
        <v>269</v>
      </c>
      <c r="EO22" s="282">
        <v>295</v>
      </c>
      <c r="EP22" s="276">
        <v>192</v>
      </c>
      <c r="EQ22" s="280">
        <v>407</v>
      </c>
      <c r="ER22" s="277">
        <v>599</v>
      </c>
      <c r="ES22" s="279">
        <v>0</v>
      </c>
      <c r="ET22" s="280">
        <v>978</v>
      </c>
      <c r="EU22" s="280">
        <v>620</v>
      </c>
      <c r="EV22" s="280">
        <v>408</v>
      </c>
      <c r="EW22" s="280">
        <v>272</v>
      </c>
      <c r="EX22" s="280">
        <v>123</v>
      </c>
      <c r="EY22" s="277">
        <v>2401</v>
      </c>
      <c r="EZ22" s="282">
        <v>3000</v>
      </c>
    </row>
    <row r="23" spans="2:156" ht="21" customHeight="1" x14ac:dyDescent="0.2">
      <c r="B23" s="261" t="s">
        <v>21</v>
      </c>
      <c r="C23" s="276">
        <v>0</v>
      </c>
      <c r="D23" s="280">
        <v>0</v>
      </c>
      <c r="E23" s="376">
        <v>0</v>
      </c>
      <c r="F23" s="279">
        <v>0</v>
      </c>
      <c r="G23" s="280">
        <v>244</v>
      </c>
      <c r="H23" s="280">
        <v>357</v>
      </c>
      <c r="I23" s="280">
        <v>179</v>
      </c>
      <c r="J23" s="280">
        <v>135</v>
      </c>
      <c r="K23" s="280">
        <v>86</v>
      </c>
      <c r="L23" s="281">
        <v>1001</v>
      </c>
      <c r="M23" s="282">
        <v>1001</v>
      </c>
      <c r="N23" s="276">
        <v>0</v>
      </c>
      <c r="O23" s="280">
        <v>0</v>
      </c>
      <c r="P23" s="277">
        <v>0</v>
      </c>
      <c r="Q23" s="279">
        <v>0</v>
      </c>
      <c r="R23" s="280">
        <v>1</v>
      </c>
      <c r="S23" s="280">
        <v>4</v>
      </c>
      <c r="T23" s="280">
        <v>8</v>
      </c>
      <c r="U23" s="280">
        <v>30</v>
      </c>
      <c r="V23" s="280">
        <v>40</v>
      </c>
      <c r="W23" s="277">
        <v>83</v>
      </c>
      <c r="X23" s="282">
        <v>83</v>
      </c>
      <c r="Y23" s="276">
        <v>45</v>
      </c>
      <c r="Z23" s="280">
        <v>90</v>
      </c>
      <c r="AA23" s="277">
        <v>135</v>
      </c>
      <c r="AB23" s="279">
        <v>0</v>
      </c>
      <c r="AC23" s="280">
        <v>196</v>
      </c>
      <c r="AD23" s="280">
        <v>267</v>
      </c>
      <c r="AE23" s="280">
        <v>136</v>
      </c>
      <c r="AF23" s="280">
        <v>133</v>
      </c>
      <c r="AG23" s="280">
        <v>73</v>
      </c>
      <c r="AH23" s="277">
        <v>805</v>
      </c>
      <c r="AI23" s="282">
        <v>940</v>
      </c>
      <c r="AJ23" s="276">
        <v>15</v>
      </c>
      <c r="AK23" s="280">
        <v>27</v>
      </c>
      <c r="AL23" s="277">
        <v>42</v>
      </c>
      <c r="AM23" s="279">
        <v>0</v>
      </c>
      <c r="AN23" s="280">
        <v>19</v>
      </c>
      <c r="AO23" s="280">
        <v>38</v>
      </c>
      <c r="AP23" s="280">
        <v>15</v>
      </c>
      <c r="AQ23" s="280">
        <v>8</v>
      </c>
      <c r="AR23" s="280">
        <v>10</v>
      </c>
      <c r="AS23" s="277">
        <v>90</v>
      </c>
      <c r="AT23" s="282">
        <v>132</v>
      </c>
      <c r="AU23" s="276">
        <v>44</v>
      </c>
      <c r="AV23" s="280">
        <v>37</v>
      </c>
      <c r="AW23" s="277">
        <v>81</v>
      </c>
      <c r="AX23" s="279">
        <v>0</v>
      </c>
      <c r="AY23" s="280">
        <v>250</v>
      </c>
      <c r="AZ23" s="280">
        <v>336</v>
      </c>
      <c r="BA23" s="280">
        <v>289</v>
      </c>
      <c r="BB23" s="280">
        <v>244</v>
      </c>
      <c r="BC23" s="280">
        <v>181</v>
      </c>
      <c r="BD23" s="281">
        <v>1300</v>
      </c>
      <c r="BE23" s="282">
        <v>1381</v>
      </c>
      <c r="BF23" s="276">
        <v>0</v>
      </c>
      <c r="BG23" s="280">
        <v>0</v>
      </c>
      <c r="BH23" s="277">
        <v>0</v>
      </c>
      <c r="BI23" s="279">
        <v>0</v>
      </c>
      <c r="BJ23" s="280">
        <v>316</v>
      </c>
      <c r="BK23" s="280">
        <v>352</v>
      </c>
      <c r="BL23" s="280">
        <v>193</v>
      </c>
      <c r="BM23" s="280">
        <v>106</v>
      </c>
      <c r="BN23" s="280">
        <v>35</v>
      </c>
      <c r="BO23" s="277">
        <v>1002</v>
      </c>
      <c r="BP23" s="282">
        <v>1002</v>
      </c>
      <c r="BQ23" s="276">
        <v>24</v>
      </c>
      <c r="BR23" s="280">
        <v>41</v>
      </c>
      <c r="BS23" s="277">
        <v>65</v>
      </c>
      <c r="BT23" s="279">
        <v>0</v>
      </c>
      <c r="BU23" s="280">
        <v>66</v>
      </c>
      <c r="BV23" s="280">
        <v>75</v>
      </c>
      <c r="BW23" s="280">
        <v>36</v>
      </c>
      <c r="BX23" s="280">
        <v>15</v>
      </c>
      <c r="BY23" s="280">
        <v>9</v>
      </c>
      <c r="BZ23" s="277">
        <v>201</v>
      </c>
      <c r="CA23" s="282">
        <v>266</v>
      </c>
      <c r="CB23" s="276">
        <v>1</v>
      </c>
      <c r="CC23" s="280">
        <v>1</v>
      </c>
      <c r="CD23" s="277">
        <v>2</v>
      </c>
      <c r="CE23" s="279">
        <v>0</v>
      </c>
      <c r="CF23" s="280">
        <v>28</v>
      </c>
      <c r="CG23" s="280">
        <v>52</v>
      </c>
      <c r="CH23" s="280">
        <v>71</v>
      </c>
      <c r="CI23" s="280">
        <v>63</v>
      </c>
      <c r="CJ23" s="280">
        <v>32</v>
      </c>
      <c r="CK23" s="277">
        <v>246</v>
      </c>
      <c r="CL23" s="282">
        <v>248</v>
      </c>
      <c r="CM23" s="276">
        <v>0</v>
      </c>
      <c r="CN23" s="280">
        <v>0</v>
      </c>
      <c r="CO23" s="277">
        <v>0</v>
      </c>
      <c r="CP23" s="279">
        <v>0</v>
      </c>
      <c r="CQ23" s="280">
        <v>2</v>
      </c>
      <c r="CR23" s="280">
        <v>2</v>
      </c>
      <c r="CS23" s="280">
        <v>5</v>
      </c>
      <c r="CT23" s="280">
        <v>4</v>
      </c>
      <c r="CU23" s="280">
        <v>2</v>
      </c>
      <c r="CV23" s="277">
        <v>15</v>
      </c>
      <c r="CW23" s="282">
        <v>15</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76</v>
      </c>
      <c r="DU23" s="280">
        <v>318</v>
      </c>
      <c r="DV23" s="277">
        <v>494</v>
      </c>
      <c r="DW23" s="279">
        <v>0</v>
      </c>
      <c r="DX23" s="280">
        <v>353</v>
      </c>
      <c r="DY23" s="280">
        <v>666</v>
      </c>
      <c r="DZ23" s="280">
        <v>383</v>
      </c>
      <c r="EA23" s="280">
        <v>300</v>
      </c>
      <c r="EB23" s="280">
        <v>149</v>
      </c>
      <c r="EC23" s="277">
        <v>1851</v>
      </c>
      <c r="ED23" s="282">
        <v>2345</v>
      </c>
      <c r="EE23" s="276">
        <v>16</v>
      </c>
      <c r="EF23" s="280">
        <v>12</v>
      </c>
      <c r="EG23" s="277">
        <v>28</v>
      </c>
      <c r="EH23" s="279">
        <v>0</v>
      </c>
      <c r="EI23" s="280">
        <v>76</v>
      </c>
      <c r="EJ23" s="280">
        <v>60</v>
      </c>
      <c r="EK23" s="280">
        <v>70</v>
      </c>
      <c r="EL23" s="280">
        <v>54</v>
      </c>
      <c r="EM23" s="280">
        <v>42</v>
      </c>
      <c r="EN23" s="277">
        <v>302</v>
      </c>
      <c r="EO23" s="282">
        <v>330</v>
      </c>
      <c r="EP23" s="276">
        <v>239</v>
      </c>
      <c r="EQ23" s="280">
        <v>399</v>
      </c>
      <c r="ER23" s="277">
        <v>638</v>
      </c>
      <c r="ES23" s="279">
        <v>0</v>
      </c>
      <c r="ET23" s="280">
        <v>815</v>
      </c>
      <c r="EU23" s="280">
        <v>930</v>
      </c>
      <c r="EV23" s="280">
        <v>458</v>
      </c>
      <c r="EW23" s="280">
        <v>316</v>
      </c>
      <c r="EX23" s="280">
        <v>162</v>
      </c>
      <c r="EY23" s="277">
        <v>2681</v>
      </c>
      <c r="EZ23" s="282">
        <v>3319</v>
      </c>
    </row>
    <row r="24" spans="2:156" ht="21" customHeight="1" x14ac:dyDescent="0.2">
      <c r="B24" s="261" t="s">
        <v>22</v>
      </c>
      <c r="C24" s="276">
        <v>0</v>
      </c>
      <c r="D24" s="280">
        <v>0</v>
      </c>
      <c r="E24" s="376">
        <v>0</v>
      </c>
      <c r="F24" s="279">
        <v>0</v>
      </c>
      <c r="G24" s="280">
        <v>74</v>
      </c>
      <c r="H24" s="280">
        <v>54</v>
      </c>
      <c r="I24" s="280">
        <v>33</v>
      </c>
      <c r="J24" s="280">
        <v>34</v>
      </c>
      <c r="K24" s="280">
        <v>29</v>
      </c>
      <c r="L24" s="281">
        <v>224</v>
      </c>
      <c r="M24" s="282">
        <v>224</v>
      </c>
      <c r="N24" s="276">
        <v>0</v>
      </c>
      <c r="O24" s="280">
        <v>0</v>
      </c>
      <c r="P24" s="277">
        <v>0</v>
      </c>
      <c r="Q24" s="279">
        <v>0</v>
      </c>
      <c r="R24" s="280">
        <v>1</v>
      </c>
      <c r="S24" s="280">
        <v>2</v>
      </c>
      <c r="T24" s="280">
        <v>5</v>
      </c>
      <c r="U24" s="280">
        <v>9</v>
      </c>
      <c r="V24" s="280">
        <v>16</v>
      </c>
      <c r="W24" s="277">
        <v>33</v>
      </c>
      <c r="X24" s="282">
        <v>33</v>
      </c>
      <c r="Y24" s="276">
        <v>7</v>
      </c>
      <c r="Z24" s="280">
        <v>10</v>
      </c>
      <c r="AA24" s="277">
        <v>17</v>
      </c>
      <c r="AB24" s="279">
        <v>0</v>
      </c>
      <c r="AC24" s="280">
        <v>50</v>
      </c>
      <c r="AD24" s="280">
        <v>64</v>
      </c>
      <c r="AE24" s="280">
        <v>49</v>
      </c>
      <c r="AF24" s="280">
        <v>38</v>
      </c>
      <c r="AG24" s="280">
        <v>33</v>
      </c>
      <c r="AH24" s="277">
        <v>234</v>
      </c>
      <c r="AI24" s="282">
        <v>251</v>
      </c>
      <c r="AJ24" s="276">
        <v>0</v>
      </c>
      <c r="AK24" s="280">
        <v>0</v>
      </c>
      <c r="AL24" s="277">
        <v>0</v>
      </c>
      <c r="AM24" s="279">
        <v>0</v>
      </c>
      <c r="AN24" s="280">
        <v>8</v>
      </c>
      <c r="AO24" s="280">
        <v>10</v>
      </c>
      <c r="AP24" s="280">
        <v>5</v>
      </c>
      <c r="AQ24" s="280">
        <v>2</v>
      </c>
      <c r="AR24" s="280">
        <v>3</v>
      </c>
      <c r="AS24" s="277">
        <v>28</v>
      </c>
      <c r="AT24" s="282">
        <v>28</v>
      </c>
      <c r="AU24" s="276">
        <v>4</v>
      </c>
      <c r="AV24" s="280">
        <v>8</v>
      </c>
      <c r="AW24" s="277">
        <v>12</v>
      </c>
      <c r="AX24" s="279">
        <v>0</v>
      </c>
      <c r="AY24" s="280">
        <v>69</v>
      </c>
      <c r="AZ24" s="280">
        <v>74</v>
      </c>
      <c r="BA24" s="280">
        <v>72</v>
      </c>
      <c r="BB24" s="280">
        <v>63</v>
      </c>
      <c r="BC24" s="280">
        <v>39</v>
      </c>
      <c r="BD24" s="281">
        <v>317</v>
      </c>
      <c r="BE24" s="282">
        <v>329</v>
      </c>
      <c r="BF24" s="276">
        <v>0</v>
      </c>
      <c r="BG24" s="280">
        <v>0</v>
      </c>
      <c r="BH24" s="277">
        <v>0</v>
      </c>
      <c r="BI24" s="279">
        <v>0</v>
      </c>
      <c r="BJ24" s="280">
        <v>108</v>
      </c>
      <c r="BK24" s="280">
        <v>102</v>
      </c>
      <c r="BL24" s="280">
        <v>60</v>
      </c>
      <c r="BM24" s="280">
        <v>29</v>
      </c>
      <c r="BN24" s="280">
        <v>18</v>
      </c>
      <c r="BO24" s="277">
        <v>317</v>
      </c>
      <c r="BP24" s="282">
        <v>317</v>
      </c>
      <c r="BQ24" s="276">
        <v>0</v>
      </c>
      <c r="BR24" s="280">
        <v>6</v>
      </c>
      <c r="BS24" s="277">
        <v>6</v>
      </c>
      <c r="BT24" s="279">
        <v>0</v>
      </c>
      <c r="BU24" s="280">
        <v>21</v>
      </c>
      <c r="BV24" s="280">
        <v>33</v>
      </c>
      <c r="BW24" s="280">
        <v>18</v>
      </c>
      <c r="BX24" s="280">
        <v>16</v>
      </c>
      <c r="BY24" s="280">
        <v>6</v>
      </c>
      <c r="BZ24" s="277">
        <v>94</v>
      </c>
      <c r="CA24" s="282">
        <v>100</v>
      </c>
      <c r="CB24" s="276">
        <v>0</v>
      </c>
      <c r="CC24" s="280">
        <v>2</v>
      </c>
      <c r="CD24" s="277">
        <v>2</v>
      </c>
      <c r="CE24" s="279">
        <v>0</v>
      </c>
      <c r="CF24" s="280">
        <v>15</v>
      </c>
      <c r="CG24" s="280">
        <v>15</v>
      </c>
      <c r="CH24" s="280">
        <v>36</v>
      </c>
      <c r="CI24" s="280">
        <v>14</v>
      </c>
      <c r="CJ24" s="280">
        <v>11</v>
      </c>
      <c r="CK24" s="277">
        <v>91</v>
      </c>
      <c r="CL24" s="282">
        <v>93</v>
      </c>
      <c r="CM24" s="276">
        <v>0</v>
      </c>
      <c r="CN24" s="280">
        <v>0</v>
      </c>
      <c r="CO24" s="277">
        <v>0</v>
      </c>
      <c r="CP24" s="279">
        <v>0</v>
      </c>
      <c r="CQ24" s="280">
        <v>0</v>
      </c>
      <c r="CR24" s="280">
        <v>2</v>
      </c>
      <c r="CS24" s="280">
        <v>8</v>
      </c>
      <c r="CT24" s="280">
        <v>5</v>
      </c>
      <c r="CU24" s="280">
        <v>1</v>
      </c>
      <c r="CV24" s="277">
        <v>16</v>
      </c>
      <c r="CW24" s="282">
        <v>16</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43</v>
      </c>
      <c r="DU24" s="280">
        <v>131</v>
      </c>
      <c r="DV24" s="277">
        <v>174</v>
      </c>
      <c r="DW24" s="279">
        <v>0</v>
      </c>
      <c r="DX24" s="280">
        <v>184</v>
      </c>
      <c r="DY24" s="280">
        <v>238</v>
      </c>
      <c r="DZ24" s="280">
        <v>133</v>
      </c>
      <c r="EA24" s="280">
        <v>89</v>
      </c>
      <c r="EB24" s="280">
        <v>70</v>
      </c>
      <c r="EC24" s="277">
        <v>714</v>
      </c>
      <c r="ED24" s="282">
        <v>888</v>
      </c>
      <c r="EE24" s="276">
        <v>6</v>
      </c>
      <c r="EF24" s="280">
        <v>6</v>
      </c>
      <c r="EG24" s="277">
        <v>12</v>
      </c>
      <c r="EH24" s="279">
        <v>0</v>
      </c>
      <c r="EI24" s="280">
        <v>29</v>
      </c>
      <c r="EJ24" s="280">
        <v>25</v>
      </c>
      <c r="EK24" s="280">
        <v>25</v>
      </c>
      <c r="EL24" s="280">
        <v>28</v>
      </c>
      <c r="EM24" s="280">
        <v>8</v>
      </c>
      <c r="EN24" s="277">
        <v>115</v>
      </c>
      <c r="EO24" s="282">
        <v>127</v>
      </c>
      <c r="EP24" s="276">
        <v>50</v>
      </c>
      <c r="EQ24" s="280">
        <v>145</v>
      </c>
      <c r="ER24" s="277">
        <v>195</v>
      </c>
      <c r="ES24" s="279">
        <v>0</v>
      </c>
      <c r="ET24" s="280">
        <v>339</v>
      </c>
      <c r="EU24" s="280">
        <v>314</v>
      </c>
      <c r="EV24" s="280">
        <v>156</v>
      </c>
      <c r="EW24" s="280">
        <v>97</v>
      </c>
      <c r="EX24" s="280">
        <v>72</v>
      </c>
      <c r="EY24" s="277">
        <v>978</v>
      </c>
      <c r="EZ24" s="282">
        <v>1173</v>
      </c>
    </row>
    <row r="25" spans="2:156" ht="21" customHeight="1" x14ac:dyDescent="0.2">
      <c r="B25" s="261" t="s">
        <v>23</v>
      </c>
      <c r="C25" s="276">
        <v>0</v>
      </c>
      <c r="D25" s="280">
        <v>0</v>
      </c>
      <c r="E25" s="376">
        <v>0</v>
      </c>
      <c r="F25" s="279">
        <v>0</v>
      </c>
      <c r="G25" s="280">
        <v>147</v>
      </c>
      <c r="H25" s="280">
        <v>134</v>
      </c>
      <c r="I25" s="280">
        <v>69</v>
      </c>
      <c r="J25" s="280">
        <v>67</v>
      </c>
      <c r="K25" s="280">
        <v>35</v>
      </c>
      <c r="L25" s="281">
        <v>452</v>
      </c>
      <c r="M25" s="282">
        <v>452</v>
      </c>
      <c r="N25" s="276">
        <v>0</v>
      </c>
      <c r="O25" s="280">
        <v>0</v>
      </c>
      <c r="P25" s="277">
        <v>0</v>
      </c>
      <c r="Q25" s="279">
        <v>0</v>
      </c>
      <c r="R25" s="280">
        <v>1</v>
      </c>
      <c r="S25" s="280">
        <v>5</v>
      </c>
      <c r="T25" s="280">
        <v>5</v>
      </c>
      <c r="U25" s="280">
        <v>14</v>
      </c>
      <c r="V25" s="280">
        <v>17</v>
      </c>
      <c r="W25" s="277">
        <v>42</v>
      </c>
      <c r="X25" s="282">
        <v>42</v>
      </c>
      <c r="Y25" s="276">
        <v>37</v>
      </c>
      <c r="Z25" s="280">
        <v>49</v>
      </c>
      <c r="AA25" s="277">
        <v>86</v>
      </c>
      <c r="AB25" s="279">
        <v>0</v>
      </c>
      <c r="AC25" s="280">
        <v>90</v>
      </c>
      <c r="AD25" s="280">
        <v>135</v>
      </c>
      <c r="AE25" s="280">
        <v>55</v>
      </c>
      <c r="AF25" s="280">
        <v>82</v>
      </c>
      <c r="AG25" s="280">
        <v>40</v>
      </c>
      <c r="AH25" s="277">
        <v>402</v>
      </c>
      <c r="AI25" s="282">
        <v>488</v>
      </c>
      <c r="AJ25" s="276">
        <v>4</v>
      </c>
      <c r="AK25" s="280">
        <v>6</v>
      </c>
      <c r="AL25" s="277">
        <v>10</v>
      </c>
      <c r="AM25" s="279">
        <v>0</v>
      </c>
      <c r="AN25" s="280">
        <v>10</v>
      </c>
      <c r="AO25" s="280">
        <v>23</v>
      </c>
      <c r="AP25" s="280">
        <v>8</v>
      </c>
      <c r="AQ25" s="280">
        <v>10</v>
      </c>
      <c r="AR25" s="280">
        <v>8</v>
      </c>
      <c r="AS25" s="277">
        <v>59</v>
      </c>
      <c r="AT25" s="282">
        <v>69</v>
      </c>
      <c r="AU25" s="276">
        <v>15</v>
      </c>
      <c r="AV25" s="280">
        <v>12</v>
      </c>
      <c r="AW25" s="277">
        <v>27</v>
      </c>
      <c r="AX25" s="279">
        <v>0</v>
      </c>
      <c r="AY25" s="280">
        <v>163</v>
      </c>
      <c r="AZ25" s="280">
        <v>141</v>
      </c>
      <c r="BA25" s="280">
        <v>117</v>
      </c>
      <c r="BB25" s="280">
        <v>188</v>
      </c>
      <c r="BC25" s="280">
        <v>114</v>
      </c>
      <c r="BD25" s="281">
        <v>723</v>
      </c>
      <c r="BE25" s="282">
        <v>750</v>
      </c>
      <c r="BF25" s="276">
        <v>0</v>
      </c>
      <c r="BG25" s="280">
        <v>0</v>
      </c>
      <c r="BH25" s="277">
        <v>0</v>
      </c>
      <c r="BI25" s="279">
        <v>0</v>
      </c>
      <c r="BJ25" s="280">
        <v>286</v>
      </c>
      <c r="BK25" s="280">
        <v>248</v>
      </c>
      <c r="BL25" s="280">
        <v>114</v>
      </c>
      <c r="BM25" s="280">
        <v>85</v>
      </c>
      <c r="BN25" s="280">
        <v>33</v>
      </c>
      <c r="BO25" s="277">
        <v>766</v>
      </c>
      <c r="BP25" s="282">
        <v>766</v>
      </c>
      <c r="BQ25" s="276">
        <v>2</v>
      </c>
      <c r="BR25" s="280">
        <v>10</v>
      </c>
      <c r="BS25" s="277">
        <v>12</v>
      </c>
      <c r="BT25" s="279">
        <v>0</v>
      </c>
      <c r="BU25" s="280">
        <v>38</v>
      </c>
      <c r="BV25" s="280">
        <v>45</v>
      </c>
      <c r="BW25" s="280">
        <v>34</v>
      </c>
      <c r="BX25" s="280">
        <v>26</v>
      </c>
      <c r="BY25" s="280">
        <v>5</v>
      </c>
      <c r="BZ25" s="277">
        <v>148</v>
      </c>
      <c r="CA25" s="282">
        <v>160</v>
      </c>
      <c r="CB25" s="276">
        <v>1</v>
      </c>
      <c r="CC25" s="280">
        <v>3</v>
      </c>
      <c r="CD25" s="277">
        <v>4</v>
      </c>
      <c r="CE25" s="279">
        <v>0</v>
      </c>
      <c r="CF25" s="280">
        <v>25</v>
      </c>
      <c r="CG25" s="280">
        <v>38</v>
      </c>
      <c r="CH25" s="280">
        <v>45</v>
      </c>
      <c r="CI25" s="280">
        <v>34</v>
      </c>
      <c r="CJ25" s="280">
        <v>14</v>
      </c>
      <c r="CK25" s="277">
        <v>156</v>
      </c>
      <c r="CL25" s="282">
        <v>160</v>
      </c>
      <c r="CM25" s="276">
        <v>1</v>
      </c>
      <c r="CN25" s="280">
        <v>0</v>
      </c>
      <c r="CO25" s="277">
        <v>1</v>
      </c>
      <c r="CP25" s="279">
        <v>0</v>
      </c>
      <c r="CQ25" s="280">
        <v>2</v>
      </c>
      <c r="CR25" s="280">
        <v>3</v>
      </c>
      <c r="CS25" s="280">
        <v>3</v>
      </c>
      <c r="CT25" s="280">
        <v>5</v>
      </c>
      <c r="CU25" s="280">
        <v>3</v>
      </c>
      <c r="CV25" s="277">
        <v>16</v>
      </c>
      <c r="CW25" s="282">
        <v>17</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85</v>
      </c>
      <c r="DU25" s="280">
        <v>216</v>
      </c>
      <c r="DV25" s="277">
        <v>301</v>
      </c>
      <c r="DW25" s="279">
        <v>0</v>
      </c>
      <c r="DX25" s="280">
        <v>269</v>
      </c>
      <c r="DY25" s="280">
        <v>363</v>
      </c>
      <c r="DZ25" s="280">
        <v>189</v>
      </c>
      <c r="EA25" s="280">
        <v>191</v>
      </c>
      <c r="EB25" s="280">
        <v>92</v>
      </c>
      <c r="EC25" s="277">
        <v>1104</v>
      </c>
      <c r="ED25" s="282">
        <v>1405</v>
      </c>
      <c r="EE25" s="276">
        <v>8</v>
      </c>
      <c r="EF25" s="280">
        <v>3</v>
      </c>
      <c r="EG25" s="277">
        <v>11</v>
      </c>
      <c r="EH25" s="279">
        <v>0</v>
      </c>
      <c r="EI25" s="280">
        <v>48</v>
      </c>
      <c r="EJ25" s="280">
        <v>36</v>
      </c>
      <c r="EK25" s="280">
        <v>30</v>
      </c>
      <c r="EL25" s="280">
        <v>72</v>
      </c>
      <c r="EM25" s="280">
        <v>38</v>
      </c>
      <c r="EN25" s="277">
        <v>224</v>
      </c>
      <c r="EO25" s="282">
        <v>235</v>
      </c>
      <c r="EP25" s="276">
        <v>121</v>
      </c>
      <c r="EQ25" s="280">
        <v>256</v>
      </c>
      <c r="ER25" s="277">
        <v>377</v>
      </c>
      <c r="ES25" s="279">
        <v>0</v>
      </c>
      <c r="ET25" s="280">
        <v>540</v>
      </c>
      <c r="EU25" s="280">
        <v>491</v>
      </c>
      <c r="EV25" s="280">
        <v>246</v>
      </c>
      <c r="EW25" s="280">
        <v>210</v>
      </c>
      <c r="EX25" s="280">
        <v>97</v>
      </c>
      <c r="EY25" s="277">
        <v>1584</v>
      </c>
      <c r="EZ25" s="282">
        <v>1961</v>
      </c>
    </row>
    <row r="26" spans="2:156" ht="21" customHeight="1" x14ac:dyDescent="0.2">
      <c r="B26" s="261" t="s">
        <v>24</v>
      </c>
      <c r="C26" s="276">
        <v>0</v>
      </c>
      <c r="D26" s="280">
        <v>0</v>
      </c>
      <c r="E26" s="376">
        <v>0</v>
      </c>
      <c r="F26" s="279">
        <v>0</v>
      </c>
      <c r="G26" s="280">
        <v>70</v>
      </c>
      <c r="H26" s="280">
        <v>58</v>
      </c>
      <c r="I26" s="280">
        <v>43</v>
      </c>
      <c r="J26" s="280">
        <v>34</v>
      </c>
      <c r="K26" s="280">
        <v>33</v>
      </c>
      <c r="L26" s="281">
        <v>238</v>
      </c>
      <c r="M26" s="282">
        <v>238</v>
      </c>
      <c r="N26" s="276">
        <v>0</v>
      </c>
      <c r="O26" s="280">
        <v>0</v>
      </c>
      <c r="P26" s="277">
        <v>0</v>
      </c>
      <c r="Q26" s="279">
        <v>0</v>
      </c>
      <c r="R26" s="280">
        <v>0</v>
      </c>
      <c r="S26" s="280">
        <v>3</v>
      </c>
      <c r="T26" s="280">
        <v>7</v>
      </c>
      <c r="U26" s="280">
        <v>8</v>
      </c>
      <c r="V26" s="280">
        <v>21</v>
      </c>
      <c r="W26" s="277">
        <v>39</v>
      </c>
      <c r="X26" s="282">
        <v>39</v>
      </c>
      <c r="Y26" s="276">
        <v>15</v>
      </c>
      <c r="Z26" s="280">
        <v>29</v>
      </c>
      <c r="AA26" s="277">
        <v>44</v>
      </c>
      <c r="AB26" s="279">
        <v>0</v>
      </c>
      <c r="AC26" s="280">
        <v>55</v>
      </c>
      <c r="AD26" s="280">
        <v>59</v>
      </c>
      <c r="AE26" s="280">
        <v>38</v>
      </c>
      <c r="AF26" s="280">
        <v>30</v>
      </c>
      <c r="AG26" s="280">
        <v>24</v>
      </c>
      <c r="AH26" s="277">
        <v>206</v>
      </c>
      <c r="AI26" s="282">
        <v>250</v>
      </c>
      <c r="AJ26" s="276">
        <v>0</v>
      </c>
      <c r="AK26" s="280">
        <v>1</v>
      </c>
      <c r="AL26" s="277">
        <v>1</v>
      </c>
      <c r="AM26" s="279">
        <v>0</v>
      </c>
      <c r="AN26" s="280">
        <v>3</v>
      </c>
      <c r="AO26" s="280">
        <v>8</v>
      </c>
      <c r="AP26" s="280">
        <v>2</v>
      </c>
      <c r="AQ26" s="280">
        <v>3</v>
      </c>
      <c r="AR26" s="280">
        <v>3</v>
      </c>
      <c r="AS26" s="277">
        <v>19</v>
      </c>
      <c r="AT26" s="282">
        <v>20</v>
      </c>
      <c r="AU26" s="276">
        <v>19</v>
      </c>
      <c r="AV26" s="280">
        <v>14</v>
      </c>
      <c r="AW26" s="277">
        <v>33</v>
      </c>
      <c r="AX26" s="279">
        <v>0</v>
      </c>
      <c r="AY26" s="280">
        <v>80</v>
      </c>
      <c r="AZ26" s="280">
        <v>69</v>
      </c>
      <c r="BA26" s="280">
        <v>67</v>
      </c>
      <c r="BB26" s="280">
        <v>82</v>
      </c>
      <c r="BC26" s="280">
        <v>65</v>
      </c>
      <c r="BD26" s="281">
        <v>363</v>
      </c>
      <c r="BE26" s="282">
        <v>396</v>
      </c>
      <c r="BF26" s="276">
        <v>0</v>
      </c>
      <c r="BG26" s="280">
        <v>0</v>
      </c>
      <c r="BH26" s="277">
        <v>0</v>
      </c>
      <c r="BI26" s="279">
        <v>0</v>
      </c>
      <c r="BJ26" s="280">
        <v>124</v>
      </c>
      <c r="BK26" s="280">
        <v>80</v>
      </c>
      <c r="BL26" s="280">
        <v>37</v>
      </c>
      <c r="BM26" s="280">
        <v>22</v>
      </c>
      <c r="BN26" s="280">
        <v>6</v>
      </c>
      <c r="BO26" s="277">
        <v>269</v>
      </c>
      <c r="BP26" s="282">
        <v>269</v>
      </c>
      <c r="BQ26" s="276">
        <v>7</v>
      </c>
      <c r="BR26" s="280">
        <v>6</v>
      </c>
      <c r="BS26" s="277">
        <v>13</v>
      </c>
      <c r="BT26" s="279">
        <v>0</v>
      </c>
      <c r="BU26" s="280">
        <v>37</v>
      </c>
      <c r="BV26" s="280">
        <v>32</v>
      </c>
      <c r="BW26" s="280">
        <v>20</v>
      </c>
      <c r="BX26" s="280">
        <v>9</v>
      </c>
      <c r="BY26" s="280">
        <v>11</v>
      </c>
      <c r="BZ26" s="277">
        <v>109</v>
      </c>
      <c r="CA26" s="282">
        <v>122</v>
      </c>
      <c r="CB26" s="276">
        <v>2</v>
      </c>
      <c r="CC26" s="280">
        <v>1</v>
      </c>
      <c r="CD26" s="277">
        <v>3</v>
      </c>
      <c r="CE26" s="279">
        <v>0</v>
      </c>
      <c r="CF26" s="280">
        <v>20</v>
      </c>
      <c r="CG26" s="280">
        <v>20</v>
      </c>
      <c r="CH26" s="280">
        <v>23</v>
      </c>
      <c r="CI26" s="280">
        <v>19</v>
      </c>
      <c r="CJ26" s="280">
        <v>5</v>
      </c>
      <c r="CK26" s="277">
        <v>87</v>
      </c>
      <c r="CL26" s="282">
        <v>90</v>
      </c>
      <c r="CM26" s="276">
        <v>0</v>
      </c>
      <c r="CN26" s="280">
        <v>0</v>
      </c>
      <c r="CO26" s="277">
        <v>0</v>
      </c>
      <c r="CP26" s="279">
        <v>0</v>
      </c>
      <c r="CQ26" s="280">
        <v>3</v>
      </c>
      <c r="CR26" s="280">
        <v>3</v>
      </c>
      <c r="CS26" s="280">
        <v>2</v>
      </c>
      <c r="CT26" s="280">
        <v>2</v>
      </c>
      <c r="CU26" s="280">
        <v>2</v>
      </c>
      <c r="CV26" s="277">
        <v>12</v>
      </c>
      <c r="CW26" s="282">
        <v>12</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81</v>
      </c>
      <c r="DU26" s="280">
        <v>79</v>
      </c>
      <c r="DV26" s="277">
        <v>160</v>
      </c>
      <c r="DW26" s="279">
        <v>0</v>
      </c>
      <c r="DX26" s="280">
        <v>141</v>
      </c>
      <c r="DY26" s="280">
        <v>169</v>
      </c>
      <c r="DZ26" s="280">
        <v>103</v>
      </c>
      <c r="EA26" s="280">
        <v>67</v>
      </c>
      <c r="EB26" s="280">
        <v>48</v>
      </c>
      <c r="EC26" s="277">
        <v>528</v>
      </c>
      <c r="ED26" s="282">
        <v>688</v>
      </c>
      <c r="EE26" s="276">
        <v>13</v>
      </c>
      <c r="EF26" s="280">
        <v>8</v>
      </c>
      <c r="EG26" s="277">
        <v>21</v>
      </c>
      <c r="EH26" s="279">
        <v>0</v>
      </c>
      <c r="EI26" s="280">
        <v>33</v>
      </c>
      <c r="EJ26" s="280">
        <v>30</v>
      </c>
      <c r="EK26" s="280">
        <v>23</v>
      </c>
      <c r="EL26" s="280">
        <v>40</v>
      </c>
      <c r="EM26" s="280">
        <v>22</v>
      </c>
      <c r="EN26" s="277">
        <v>148</v>
      </c>
      <c r="EO26" s="282">
        <v>169</v>
      </c>
      <c r="EP26" s="276">
        <v>102</v>
      </c>
      <c r="EQ26" s="280">
        <v>97</v>
      </c>
      <c r="ER26" s="277">
        <v>199</v>
      </c>
      <c r="ES26" s="279">
        <v>0</v>
      </c>
      <c r="ET26" s="280">
        <v>281</v>
      </c>
      <c r="EU26" s="280">
        <v>210</v>
      </c>
      <c r="EV26" s="280">
        <v>128</v>
      </c>
      <c r="EW26" s="280">
        <v>72</v>
      </c>
      <c r="EX26" s="280">
        <v>56</v>
      </c>
      <c r="EY26" s="277">
        <v>747</v>
      </c>
      <c r="EZ26" s="282">
        <v>946</v>
      </c>
    </row>
    <row r="27" spans="2:156" ht="21" customHeight="1" x14ac:dyDescent="0.2">
      <c r="B27" s="261" t="s">
        <v>25</v>
      </c>
      <c r="C27" s="276">
        <v>0</v>
      </c>
      <c r="D27" s="280">
        <v>0</v>
      </c>
      <c r="E27" s="376">
        <v>0</v>
      </c>
      <c r="F27" s="279">
        <v>0</v>
      </c>
      <c r="G27" s="280">
        <v>107</v>
      </c>
      <c r="H27" s="280">
        <v>75</v>
      </c>
      <c r="I27" s="280">
        <v>55</v>
      </c>
      <c r="J27" s="280">
        <v>43</v>
      </c>
      <c r="K27" s="280">
        <v>34</v>
      </c>
      <c r="L27" s="281">
        <v>314</v>
      </c>
      <c r="M27" s="282">
        <v>314</v>
      </c>
      <c r="N27" s="276">
        <v>0</v>
      </c>
      <c r="O27" s="280">
        <v>0</v>
      </c>
      <c r="P27" s="277">
        <v>0</v>
      </c>
      <c r="Q27" s="279">
        <v>0</v>
      </c>
      <c r="R27" s="280">
        <v>4</v>
      </c>
      <c r="S27" s="280">
        <v>8</v>
      </c>
      <c r="T27" s="280">
        <v>14</v>
      </c>
      <c r="U27" s="280">
        <v>17</v>
      </c>
      <c r="V27" s="280">
        <v>16</v>
      </c>
      <c r="W27" s="277">
        <v>59</v>
      </c>
      <c r="X27" s="282">
        <v>59</v>
      </c>
      <c r="Y27" s="276">
        <v>22</v>
      </c>
      <c r="Z27" s="280">
        <v>42</v>
      </c>
      <c r="AA27" s="277">
        <v>64</v>
      </c>
      <c r="AB27" s="279">
        <v>0</v>
      </c>
      <c r="AC27" s="280">
        <v>81</v>
      </c>
      <c r="AD27" s="280">
        <v>80</v>
      </c>
      <c r="AE27" s="280">
        <v>48</v>
      </c>
      <c r="AF27" s="280">
        <v>36</v>
      </c>
      <c r="AG27" s="280">
        <v>28</v>
      </c>
      <c r="AH27" s="277">
        <v>273</v>
      </c>
      <c r="AI27" s="282">
        <v>337</v>
      </c>
      <c r="AJ27" s="276">
        <v>1</v>
      </c>
      <c r="AK27" s="280">
        <v>6</v>
      </c>
      <c r="AL27" s="277">
        <v>7</v>
      </c>
      <c r="AM27" s="279">
        <v>0</v>
      </c>
      <c r="AN27" s="280">
        <v>1</v>
      </c>
      <c r="AO27" s="280">
        <v>9</v>
      </c>
      <c r="AP27" s="280">
        <v>10</v>
      </c>
      <c r="AQ27" s="280">
        <v>4</v>
      </c>
      <c r="AR27" s="280">
        <v>4</v>
      </c>
      <c r="AS27" s="277">
        <v>28</v>
      </c>
      <c r="AT27" s="282">
        <v>35</v>
      </c>
      <c r="AU27" s="276">
        <v>10</v>
      </c>
      <c r="AV27" s="280">
        <v>13</v>
      </c>
      <c r="AW27" s="277">
        <v>23</v>
      </c>
      <c r="AX27" s="279">
        <v>0</v>
      </c>
      <c r="AY27" s="280">
        <v>59</v>
      </c>
      <c r="AZ27" s="280">
        <v>79</v>
      </c>
      <c r="BA27" s="280">
        <v>57</v>
      </c>
      <c r="BB27" s="280">
        <v>78</v>
      </c>
      <c r="BC27" s="280">
        <v>54</v>
      </c>
      <c r="BD27" s="281">
        <v>327</v>
      </c>
      <c r="BE27" s="282">
        <v>350</v>
      </c>
      <c r="BF27" s="276">
        <v>0</v>
      </c>
      <c r="BG27" s="280">
        <v>0</v>
      </c>
      <c r="BH27" s="277">
        <v>0</v>
      </c>
      <c r="BI27" s="279">
        <v>0</v>
      </c>
      <c r="BJ27" s="280">
        <v>135</v>
      </c>
      <c r="BK27" s="280">
        <v>79</v>
      </c>
      <c r="BL27" s="280">
        <v>57</v>
      </c>
      <c r="BM27" s="280">
        <v>38</v>
      </c>
      <c r="BN27" s="280">
        <v>7</v>
      </c>
      <c r="BO27" s="277">
        <v>316</v>
      </c>
      <c r="BP27" s="282">
        <v>316</v>
      </c>
      <c r="BQ27" s="276">
        <v>12</v>
      </c>
      <c r="BR27" s="280">
        <v>17</v>
      </c>
      <c r="BS27" s="277">
        <v>29</v>
      </c>
      <c r="BT27" s="279">
        <v>0</v>
      </c>
      <c r="BU27" s="280">
        <v>35</v>
      </c>
      <c r="BV27" s="280">
        <v>51</v>
      </c>
      <c r="BW27" s="280">
        <v>23</v>
      </c>
      <c r="BX27" s="280">
        <v>13</v>
      </c>
      <c r="BY27" s="280">
        <v>4</v>
      </c>
      <c r="BZ27" s="277">
        <v>126</v>
      </c>
      <c r="CA27" s="282">
        <v>155</v>
      </c>
      <c r="CB27" s="276">
        <v>0</v>
      </c>
      <c r="CC27" s="280">
        <v>2</v>
      </c>
      <c r="CD27" s="277">
        <v>2</v>
      </c>
      <c r="CE27" s="279">
        <v>0</v>
      </c>
      <c r="CF27" s="280">
        <v>16</v>
      </c>
      <c r="CG27" s="280">
        <v>21</v>
      </c>
      <c r="CH27" s="280">
        <v>23</v>
      </c>
      <c r="CI27" s="280">
        <v>13</v>
      </c>
      <c r="CJ27" s="280">
        <v>5</v>
      </c>
      <c r="CK27" s="277">
        <v>78</v>
      </c>
      <c r="CL27" s="282">
        <v>80</v>
      </c>
      <c r="CM27" s="276">
        <v>0</v>
      </c>
      <c r="CN27" s="280">
        <v>0</v>
      </c>
      <c r="CO27" s="277">
        <v>0</v>
      </c>
      <c r="CP27" s="279">
        <v>0</v>
      </c>
      <c r="CQ27" s="280">
        <v>5</v>
      </c>
      <c r="CR27" s="280">
        <v>7</v>
      </c>
      <c r="CS27" s="280">
        <v>2</v>
      </c>
      <c r="CT27" s="280">
        <v>8</v>
      </c>
      <c r="CU27" s="280">
        <v>2</v>
      </c>
      <c r="CV27" s="277">
        <v>24</v>
      </c>
      <c r="CW27" s="282">
        <v>24</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81</v>
      </c>
      <c r="DU27" s="280">
        <v>141</v>
      </c>
      <c r="DV27" s="277">
        <v>222</v>
      </c>
      <c r="DW27" s="279">
        <v>0</v>
      </c>
      <c r="DX27" s="280">
        <v>123</v>
      </c>
      <c r="DY27" s="280">
        <v>214</v>
      </c>
      <c r="DZ27" s="280">
        <v>128</v>
      </c>
      <c r="EA27" s="280">
        <v>104</v>
      </c>
      <c r="EB27" s="280">
        <v>47</v>
      </c>
      <c r="EC27" s="277">
        <v>616</v>
      </c>
      <c r="ED27" s="282">
        <v>838</v>
      </c>
      <c r="EE27" s="276">
        <v>4</v>
      </c>
      <c r="EF27" s="280">
        <v>3</v>
      </c>
      <c r="EG27" s="277">
        <v>7</v>
      </c>
      <c r="EH27" s="279">
        <v>0</v>
      </c>
      <c r="EI27" s="280">
        <v>14</v>
      </c>
      <c r="EJ27" s="280">
        <v>12</v>
      </c>
      <c r="EK27" s="280">
        <v>14</v>
      </c>
      <c r="EL27" s="280">
        <v>23</v>
      </c>
      <c r="EM27" s="280">
        <v>12</v>
      </c>
      <c r="EN27" s="277">
        <v>75</v>
      </c>
      <c r="EO27" s="282">
        <v>82</v>
      </c>
      <c r="EP27" s="276">
        <v>102</v>
      </c>
      <c r="EQ27" s="280">
        <v>164</v>
      </c>
      <c r="ER27" s="277">
        <v>266</v>
      </c>
      <c r="ES27" s="279">
        <v>0</v>
      </c>
      <c r="ET27" s="280">
        <v>346</v>
      </c>
      <c r="EU27" s="280">
        <v>275</v>
      </c>
      <c r="EV27" s="280">
        <v>151</v>
      </c>
      <c r="EW27" s="280">
        <v>116</v>
      </c>
      <c r="EX27" s="280">
        <v>56</v>
      </c>
      <c r="EY27" s="277">
        <v>944</v>
      </c>
      <c r="EZ27" s="282">
        <v>1210</v>
      </c>
    </row>
    <row r="28" spans="2:156" ht="21" customHeight="1" x14ac:dyDescent="0.2">
      <c r="B28" s="261" t="s">
        <v>26</v>
      </c>
      <c r="C28" s="276">
        <v>0</v>
      </c>
      <c r="D28" s="280">
        <v>0</v>
      </c>
      <c r="E28" s="376">
        <v>0</v>
      </c>
      <c r="F28" s="279">
        <v>0</v>
      </c>
      <c r="G28" s="280">
        <v>86</v>
      </c>
      <c r="H28" s="280">
        <v>67</v>
      </c>
      <c r="I28" s="280">
        <v>57</v>
      </c>
      <c r="J28" s="280">
        <v>38</v>
      </c>
      <c r="K28" s="280">
        <v>44</v>
      </c>
      <c r="L28" s="281">
        <v>292</v>
      </c>
      <c r="M28" s="282">
        <v>292</v>
      </c>
      <c r="N28" s="276">
        <v>0</v>
      </c>
      <c r="O28" s="280">
        <v>0</v>
      </c>
      <c r="P28" s="277">
        <v>0</v>
      </c>
      <c r="Q28" s="279">
        <v>0</v>
      </c>
      <c r="R28" s="280">
        <v>0</v>
      </c>
      <c r="S28" s="280">
        <v>1</v>
      </c>
      <c r="T28" s="280">
        <v>2</v>
      </c>
      <c r="U28" s="280">
        <v>10</v>
      </c>
      <c r="V28" s="280">
        <v>15</v>
      </c>
      <c r="W28" s="277">
        <v>28</v>
      </c>
      <c r="X28" s="282">
        <v>28</v>
      </c>
      <c r="Y28" s="276">
        <v>14</v>
      </c>
      <c r="Z28" s="280">
        <v>14</v>
      </c>
      <c r="AA28" s="277">
        <v>28</v>
      </c>
      <c r="AB28" s="279">
        <v>0</v>
      </c>
      <c r="AC28" s="280">
        <v>59</v>
      </c>
      <c r="AD28" s="280">
        <v>62</v>
      </c>
      <c r="AE28" s="280">
        <v>41</v>
      </c>
      <c r="AF28" s="280">
        <v>42</v>
      </c>
      <c r="AG28" s="280">
        <v>35</v>
      </c>
      <c r="AH28" s="277">
        <v>239</v>
      </c>
      <c r="AI28" s="282">
        <v>267</v>
      </c>
      <c r="AJ28" s="276">
        <v>0</v>
      </c>
      <c r="AK28" s="280">
        <v>0</v>
      </c>
      <c r="AL28" s="277">
        <v>0</v>
      </c>
      <c r="AM28" s="279">
        <v>0</v>
      </c>
      <c r="AN28" s="280">
        <v>1</v>
      </c>
      <c r="AO28" s="280">
        <v>4</v>
      </c>
      <c r="AP28" s="280">
        <v>5</v>
      </c>
      <c r="AQ28" s="280">
        <v>4</v>
      </c>
      <c r="AR28" s="280">
        <v>2</v>
      </c>
      <c r="AS28" s="277">
        <v>16</v>
      </c>
      <c r="AT28" s="282">
        <v>16</v>
      </c>
      <c r="AU28" s="276">
        <v>10</v>
      </c>
      <c r="AV28" s="280">
        <v>8</v>
      </c>
      <c r="AW28" s="277">
        <v>18</v>
      </c>
      <c r="AX28" s="279">
        <v>0</v>
      </c>
      <c r="AY28" s="280">
        <v>73</v>
      </c>
      <c r="AZ28" s="280">
        <v>64</v>
      </c>
      <c r="BA28" s="280">
        <v>72</v>
      </c>
      <c r="BB28" s="280">
        <v>54</v>
      </c>
      <c r="BC28" s="280">
        <v>49</v>
      </c>
      <c r="BD28" s="281">
        <v>312</v>
      </c>
      <c r="BE28" s="282">
        <v>330</v>
      </c>
      <c r="BF28" s="276">
        <v>0</v>
      </c>
      <c r="BG28" s="280">
        <v>0</v>
      </c>
      <c r="BH28" s="277">
        <v>0</v>
      </c>
      <c r="BI28" s="279">
        <v>0</v>
      </c>
      <c r="BJ28" s="280">
        <v>122</v>
      </c>
      <c r="BK28" s="280">
        <v>82</v>
      </c>
      <c r="BL28" s="280">
        <v>55</v>
      </c>
      <c r="BM28" s="280">
        <v>25</v>
      </c>
      <c r="BN28" s="280">
        <v>14</v>
      </c>
      <c r="BO28" s="277">
        <v>298</v>
      </c>
      <c r="BP28" s="282">
        <v>298</v>
      </c>
      <c r="BQ28" s="276">
        <v>6</v>
      </c>
      <c r="BR28" s="280">
        <v>5</v>
      </c>
      <c r="BS28" s="277">
        <v>11</v>
      </c>
      <c r="BT28" s="279">
        <v>0</v>
      </c>
      <c r="BU28" s="280">
        <v>17</v>
      </c>
      <c r="BV28" s="280">
        <v>28</v>
      </c>
      <c r="BW28" s="280">
        <v>13</v>
      </c>
      <c r="BX28" s="280">
        <v>10</v>
      </c>
      <c r="BY28" s="280">
        <v>5</v>
      </c>
      <c r="BZ28" s="277">
        <v>73</v>
      </c>
      <c r="CA28" s="282">
        <v>84</v>
      </c>
      <c r="CB28" s="276">
        <v>1</v>
      </c>
      <c r="CC28" s="280">
        <v>2</v>
      </c>
      <c r="CD28" s="277">
        <v>3</v>
      </c>
      <c r="CE28" s="279">
        <v>0</v>
      </c>
      <c r="CF28" s="280">
        <v>18</v>
      </c>
      <c r="CG28" s="280">
        <v>23</v>
      </c>
      <c r="CH28" s="280">
        <v>15</v>
      </c>
      <c r="CI28" s="280">
        <v>17</v>
      </c>
      <c r="CJ28" s="280">
        <v>8</v>
      </c>
      <c r="CK28" s="277">
        <v>81</v>
      </c>
      <c r="CL28" s="282">
        <v>84</v>
      </c>
      <c r="CM28" s="276">
        <v>0</v>
      </c>
      <c r="CN28" s="280">
        <v>0</v>
      </c>
      <c r="CO28" s="277">
        <v>0</v>
      </c>
      <c r="CP28" s="279">
        <v>0</v>
      </c>
      <c r="CQ28" s="280">
        <v>1</v>
      </c>
      <c r="CR28" s="280">
        <v>3</v>
      </c>
      <c r="CS28" s="280">
        <v>3</v>
      </c>
      <c r="CT28" s="280">
        <v>2</v>
      </c>
      <c r="CU28" s="280">
        <v>0</v>
      </c>
      <c r="CV28" s="277">
        <v>9</v>
      </c>
      <c r="CW28" s="282">
        <v>9</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47</v>
      </c>
      <c r="DU28" s="280">
        <v>88</v>
      </c>
      <c r="DV28" s="277">
        <v>135</v>
      </c>
      <c r="DW28" s="279">
        <v>0</v>
      </c>
      <c r="DX28" s="280">
        <v>146</v>
      </c>
      <c r="DY28" s="280">
        <v>168</v>
      </c>
      <c r="DZ28" s="280">
        <v>111</v>
      </c>
      <c r="EA28" s="280">
        <v>83</v>
      </c>
      <c r="EB28" s="280">
        <v>64</v>
      </c>
      <c r="EC28" s="277">
        <v>572</v>
      </c>
      <c r="ED28" s="282">
        <v>707</v>
      </c>
      <c r="EE28" s="276">
        <v>9</v>
      </c>
      <c r="EF28" s="280">
        <v>5</v>
      </c>
      <c r="EG28" s="277">
        <v>14</v>
      </c>
      <c r="EH28" s="279">
        <v>0</v>
      </c>
      <c r="EI28" s="280">
        <v>26</v>
      </c>
      <c r="EJ28" s="280">
        <v>18</v>
      </c>
      <c r="EK28" s="280">
        <v>23</v>
      </c>
      <c r="EL28" s="280">
        <v>10</v>
      </c>
      <c r="EM28" s="280">
        <v>8</v>
      </c>
      <c r="EN28" s="277">
        <v>85</v>
      </c>
      <c r="EO28" s="282">
        <v>99</v>
      </c>
      <c r="EP28" s="276">
        <v>69</v>
      </c>
      <c r="EQ28" s="280">
        <v>100</v>
      </c>
      <c r="ER28" s="277">
        <v>169</v>
      </c>
      <c r="ES28" s="279">
        <v>0</v>
      </c>
      <c r="ET28" s="280">
        <v>280</v>
      </c>
      <c r="EU28" s="280">
        <v>228</v>
      </c>
      <c r="EV28" s="280">
        <v>136</v>
      </c>
      <c r="EW28" s="280">
        <v>89</v>
      </c>
      <c r="EX28" s="280">
        <v>64</v>
      </c>
      <c r="EY28" s="277">
        <v>797</v>
      </c>
      <c r="EZ28" s="282">
        <v>966</v>
      </c>
    </row>
    <row r="29" spans="2:156" ht="21" customHeight="1" x14ac:dyDescent="0.2">
      <c r="B29" s="261" t="s">
        <v>27</v>
      </c>
      <c r="C29" s="276">
        <v>0</v>
      </c>
      <c r="D29" s="280">
        <v>0</v>
      </c>
      <c r="E29" s="376">
        <v>0</v>
      </c>
      <c r="F29" s="279">
        <v>0</v>
      </c>
      <c r="G29" s="280">
        <v>58</v>
      </c>
      <c r="H29" s="280">
        <v>52</v>
      </c>
      <c r="I29" s="280">
        <v>44</v>
      </c>
      <c r="J29" s="280">
        <v>32</v>
      </c>
      <c r="K29" s="280">
        <v>32</v>
      </c>
      <c r="L29" s="281">
        <v>218</v>
      </c>
      <c r="M29" s="282">
        <v>218</v>
      </c>
      <c r="N29" s="276">
        <v>0</v>
      </c>
      <c r="O29" s="280">
        <v>0</v>
      </c>
      <c r="P29" s="277">
        <v>0</v>
      </c>
      <c r="Q29" s="279">
        <v>0</v>
      </c>
      <c r="R29" s="280">
        <v>1</v>
      </c>
      <c r="S29" s="280">
        <v>6</v>
      </c>
      <c r="T29" s="280">
        <v>4</v>
      </c>
      <c r="U29" s="280">
        <v>11</v>
      </c>
      <c r="V29" s="280">
        <v>15</v>
      </c>
      <c r="W29" s="277">
        <v>37</v>
      </c>
      <c r="X29" s="282">
        <v>37</v>
      </c>
      <c r="Y29" s="276">
        <v>25</v>
      </c>
      <c r="Z29" s="280">
        <v>41</v>
      </c>
      <c r="AA29" s="277">
        <v>66</v>
      </c>
      <c r="AB29" s="279">
        <v>0</v>
      </c>
      <c r="AC29" s="280">
        <v>45</v>
      </c>
      <c r="AD29" s="280">
        <v>38</v>
      </c>
      <c r="AE29" s="280">
        <v>40</v>
      </c>
      <c r="AF29" s="280">
        <v>27</v>
      </c>
      <c r="AG29" s="280">
        <v>25</v>
      </c>
      <c r="AH29" s="277">
        <v>175</v>
      </c>
      <c r="AI29" s="282">
        <v>241</v>
      </c>
      <c r="AJ29" s="276">
        <v>0</v>
      </c>
      <c r="AK29" s="280">
        <v>1</v>
      </c>
      <c r="AL29" s="277">
        <v>1</v>
      </c>
      <c r="AM29" s="279">
        <v>0</v>
      </c>
      <c r="AN29" s="280">
        <v>0</v>
      </c>
      <c r="AO29" s="280">
        <v>1</v>
      </c>
      <c r="AP29" s="280">
        <v>0</v>
      </c>
      <c r="AQ29" s="280">
        <v>0</v>
      </c>
      <c r="AR29" s="280">
        <v>1</v>
      </c>
      <c r="AS29" s="277">
        <v>2</v>
      </c>
      <c r="AT29" s="282">
        <v>3</v>
      </c>
      <c r="AU29" s="276">
        <v>8</v>
      </c>
      <c r="AV29" s="280">
        <v>16</v>
      </c>
      <c r="AW29" s="277">
        <v>24</v>
      </c>
      <c r="AX29" s="279">
        <v>0</v>
      </c>
      <c r="AY29" s="280">
        <v>56</v>
      </c>
      <c r="AZ29" s="280">
        <v>60</v>
      </c>
      <c r="BA29" s="280">
        <v>75</v>
      </c>
      <c r="BB29" s="280">
        <v>67</v>
      </c>
      <c r="BC29" s="280">
        <v>47</v>
      </c>
      <c r="BD29" s="281">
        <v>305</v>
      </c>
      <c r="BE29" s="282">
        <v>329</v>
      </c>
      <c r="BF29" s="276">
        <v>0</v>
      </c>
      <c r="BG29" s="280">
        <v>0</v>
      </c>
      <c r="BH29" s="277">
        <v>0</v>
      </c>
      <c r="BI29" s="279">
        <v>0</v>
      </c>
      <c r="BJ29" s="280">
        <v>119</v>
      </c>
      <c r="BK29" s="280">
        <v>70</v>
      </c>
      <c r="BL29" s="280">
        <v>48</v>
      </c>
      <c r="BM29" s="280">
        <v>31</v>
      </c>
      <c r="BN29" s="280">
        <v>11</v>
      </c>
      <c r="BO29" s="277">
        <v>279</v>
      </c>
      <c r="BP29" s="282">
        <v>279</v>
      </c>
      <c r="BQ29" s="276">
        <v>9</v>
      </c>
      <c r="BR29" s="280">
        <v>30</v>
      </c>
      <c r="BS29" s="277">
        <v>39</v>
      </c>
      <c r="BT29" s="279">
        <v>0</v>
      </c>
      <c r="BU29" s="280">
        <v>17</v>
      </c>
      <c r="BV29" s="280">
        <v>27</v>
      </c>
      <c r="BW29" s="280">
        <v>12</v>
      </c>
      <c r="BX29" s="280">
        <v>4</v>
      </c>
      <c r="BY29" s="280">
        <v>6</v>
      </c>
      <c r="BZ29" s="277">
        <v>66</v>
      </c>
      <c r="CA29" s="282">
        <v>105</v>
      </c>
      <c r="CB29" s="276">
        <v>1</v>
      </c>
      <c r="CC29" s="280">
        <v>1</v>
      </c>
      <c r="CD29" s="277">
        <v>2</v>
      </c>
      <c r="CE29" s="279">
        <v>0</v>
      </c>
      <c r="CF29" s="280">
        <v>10</v>
      </c>
      <c r="CG29" s="280">
        <v>12</v>
      </c>
      <c r="CH29" s="280">
        <v>23</v>
      </c>
      <c r="CI29" s="280">
        <v>9</v>
      </c>
      <c r="CJ29" s="280">
        <v>6</v>
      </c>
      <c r="CK29" s="277">
        <v>60</v>
      </c>
      <c r="CL29" s="282">
        <v>62</v>
      </c>
      <c r="CM29" s="276">
        <v>0</v>
      </c>
      <c r="CN29" s="280">
        <v>0</v>
      </c>
      <c r="CO29" s="277">
        <v>0</v>
      </c>
      <c r="CP29" s="279">
        <v>0</v>
      </c>
      <c r="CQ29" s="280">
        <v>4</v>
      </c>
      <c r="CR29" s="280">
        <v>1</v>
      </c>
      <c r="CS29" s="280">
        <v>3</v>
      </c>
      <c r="CT29" s="280">
        <v>1</v>
      </c>
      <c r="CU29" s="280">
        <v>0</v>
      </c>
      <c r="CV29" s="277">
        <v>9</v>
      </c>
      <c r="CW29" s="282">
        <v>9</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83</v>
      </c>
      <c r="DU29" s="280">
        <v>140</v>
      </c>
      <c r="DV29" s="277">
        <v>223</v>
      </c>
      <c r="DW29" s="279">
        <v>0</v>
      </c>
      <c r="DX29" s="280">
        <v>79</v>
      </c>
      <c r="DY29" s="280">
        <v>120</v>
      </c>
      <c r="DZ29" s="280">
        <v>93</v>
      </c>
      <c r="EA29" s="280">
        <v>58</v>
      </c>
      <c r="EB29" s="280">
        <v>43</v>
      </c>
      <c r="EC29" s="277">
        <v>393</v>
      </c>
      <c r="ED29" s="282">
        <v>616</v>
      </c>
      <c r="EE29" s="276">
        <v>9</v>
      </c>
      <c r="EF29" s="280">
        <v>15</v>
      </c>
      <c r="EG29" s="277">
        <v>24</v>
      </c>
      <c r="EH29" s="279">
        <v>0</v>
      </c>
      <c r="EI29" s="280">
        <v>38</v>
      </c>
      <c r="EJ29" s="280">
        <v>29</v>
      </c>
      <c r="EK29" s="280">
        <v>36</v>
      </c>
      <c r="EL29" s="280">
        <v>38</v>
      </c>
      <c r="EM29" s="280">
        <v>15</v>
      </c>
      <c r="EN29" s="277">
        <v>156</v>
      </c>
      <c r="EO29" s="282">
        <v>180</v>
      </c>
      <c r="EP29" s="276">
        <v>109</v>
      </c>
      <c r="EQ29" s="280">
        <v>167</v>
      </c>
      <c r="ER29" s="277">
        <v>276</v>
      </c>
      <c r="ES29" s="279">
        <v>0</v>
      </c>
      <c r="ET29" s="280">
        <v>213</v>
      </c>
      <c r="EU29" s="280">
        <v>151</v>
      </c>
      <c r="EV29" s="280">
        <v>113</v>
      </c>
      <c r="EW29" s="280">
        <v>65</v>
      </c>
      <c r="EX29" s="280">
        <v>46</v>
      </c>
      <c r="EY29" s="277">
        <v>588</v>
      </c>
      <c r="EZ29" s="282">
        <v>864</v>
      </c>
    </row>
    <row r="30" spans="2:156" ht="21" customHeight="1" x14ac:dyDescent="0.2">
      <c r="B30" s="261" t="s">
        <v>28</v>
      </c>
      <c r="C30" s="276">
        <v>0</v>
      </c>
      <c r="D30" s="280">
        <v>0</v>
      </c>
      <c r="E30" s="376">
        <v>0</v>
      </c>
      <c r="F30" s="279">
        <v>0</v>
      </c>
      <c r="G30" s="280">
        <v>11</v>
      </c>
      <c r="H30" s="280">
        <v>16</v>
      </c>
      <c r="I30" s="280">
        <v>8</v>
      </c>
      <c r="J30" s="280">
        <v>8</v>
      </c>
      <c r="K30" s="280">
        <v>7</v>
      </c>
      <c r="L30" s="281">
        <v>50</v>
      </c>
      <c r="M30" s="282">
        <v>50</v>
      </c>
      <c r="N30" s="276">
        <v>0</v>
      </c>
      <c r="O30" s="280">
        <v>0</v>
      </c>
      <c r="P30" s="277">
        <v>0</v>
      </c>
      <c r="Q30" s="279">
        <v>0</v>
      </c>
      <c r="R30" s="280">
        <v>0</v>
      </c>
      <c r="S30" s="280">
        <v>1</v>
      </c>
      <c r="T30" s="280">
        <v>1</v>
      </c>
      <c r="U30" s="280">
        <v>1</v>
      </c>
      <c r="V30" s="280">
        <v>4</v>
      </c>
      <c r="W30" s="277">
        <v>7</v>
      </c>
      <c r="X30" s="282">
        <v>7</v>
      </c>
      <c r="Y30" s="276">
        <v>1</v>
      </c>
      <c r="Z30" s="280">
        <v>2</v>
      </c>
      <c r="AA30" s="277">
        <v>3</v>
      </c>
      <c r="AB30" s="279">
        <v>0</v>
      </c>
      <c r="AC30" s="280">
        <v>7</v>
      </c>
      <c r="AD30" s="280">
        <v>17</v>
      </c>
      <c r="AE30" s="280">
        <v>13</v>
      </c>
      <c r="AF30" s="280">
        <v>10</v>
      </c>
      <c r="AG30" s="280">
        <v>8</v>
      </c>
      <c r="AH30" s="277">
        <v>55</v>
      </c>
      <c r="AI30" s="282">
        <v>58</v>
      </c>
      <c r="AJ30" s="276">
        <v>0</v>
      </c>
      <c r="AK30" s="280">
        <v>0</v>
      </c>
      <c r="AL30" s="277">
        <v>0</v>
      </c>
      <c r="AM30" s="279">
        <v>0</v>
      </c>
      <c r="AN30" s="280">
        <v>1</v>
      </c>
      <c r="AO30" s="280">
        <v>0</v>
      </c>
      <c r="AP30" s="280">
        <v>0</v>
      </c>
      <c r="AQ30" s="280">
        <v>0</v>
      </c>
      <c r="AR30" s="280">
        <v>2</v>
      </c>
      <c r="AS30" s="277">
        <v>3</v>
      </c>
      <c r="AT30" s="282">
        <v>3</v>
      </c>
      <c r="AU30" s="276">
        <v>1</v>
      </c>
      <c r="AV30" s="280">
        <v>2</v>
      </c>
      <c r="AW30" s="277">
        <v>3</v>
      </c>
      <c r="AX30" s="279">
        <v>0</v>
      </c>
      <c r="AY30" s="280">
        <v>9</v>
      </c>
      <c r="AZ30" s="280">
        <v>20</v>
      </c>
      <c r="BA30" s="280">
        <v>22</v>
      </c>
      <c r="BB30" s="280">
        <v>26</v>
      </c>
      <c r="BC30" s="280">
        <v>10</v>
      </c>
      <c r="BD30" s="281">
        <v>87</v>
      </c>
      <c r="BE30" s="282">
        <v>90</v>
      </c>
      <c r="BF30" s="276">
        <v>0</v>
      </c>
      <c r="BG30" s="280">
        <v>0</v>
      </c>
      <c r="BH30" s="277">
        <v>0</v>
      </c>
      <c r="BI30" s="279">
        <v>0</v>
      </c>
      <c r="BJ30" s="280">
        <v>36</v>
      </c>
      <c r="BK30" s="280">
        <v>27</v>
      </c>
      <c r="BL30" s="280">
        <v>21</v>
      </c>
      <c r="BM30" s="280">
        <v>11</v>
      </c>
      <c r="BN30" s="280">
        <v>6</v>
      </c>
      <c r="BO30" s="277">
        <v>101</v>
      </c>
      <c r="BP30" s="282">
        <v>101</v>
      </c>
      <c r="BQ30" s="276">
        <v>1</v>
      </c>
      <c r="BR30" s="280">
        <v>3</v>
      </c>
      <c r="BS30" s="277">
        <v>4</v>
      </c>
      <c r="BT30" s="279">
        <v>0</v>
      </c>
      <c r="BU30" s="280">
        <v>5</v>
      </c>
      <c r="BV30" s="280">
        <v>16</v>
      </c>
      <c r="BW30" s="280">
        <v>7</v>
      </c>
      <c r="BX30" s="280">
        <v>9</v>
      </c>
      <c r="BY30" s="280">
        <v>4</v>
      </c>
      <c r="BZ30" s="277">
        <v>41</v>
      </c>
      <c r="CA30" s="282">
        <v>45</v>
      </c>
      <c r="CB30" s="276">
        <v>0</v>
      </c>
      <c r="CC30" s="280">
        <v>1</v>
      </c>
      <c r="CD30" s="277">
        <v>1</v>
      </c>
      <c r="CE30" s="279">
        <v>0</v>
      </c>
      <c r="CF30" s="280">
        <v>5</v>
      </c>
      <c r="CG30" s="280">
        <v>7</v>
      </c>
      <c r="CH30" s="280">
        <v>9</v>
      </c>
      <c r="CI30" s="280">
        <v>2</v>
      </c>
      <c r="CJ30" s="280">
        <v>3</v>
      </c>
      <c r="CK30" s="277">
        <v>26</v>
      </c>
      <c r="CL30" s="282">
        <v>27</v>
      </c>
      <c r="CM30" s="276">
        <v>0</v>
      </c>
      <c r="CN30" s="280">
        <v>0</v>
      </c>
      <c r="CO30" s="277">
        <v>0</v>
      </c>
      <c r="CP30" s="279">
        <v>0</v>
      </c>
      <c r="CQ30" s="280">
        <v>0</v>
      </c>
      <c r="CR30" s="280">
        <v>2</v>
      </c>
      <c r="CS30" s="280">
        <v>5</v>
      </c>
      <c r="CT30" s="280">
        <v>2</v>
      </c>
      <c r="CU30" s="280">
        <v>0</v>
      </c>
      <c r="CV30" s="277">
        <v>9</v>
      </c>
      <c r="CW30" s="282">
        <v>9</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8</v>
      </c>
      <c r="DU30" s="280">
        <v>17</v>
      </c>
      <c r="DV30" s="277">
        <v>25</v>
      </c>
      <c r="DW30" s="279">
        <v>0</v>
      </c>
      <c r="DX30" s="280">
        <v>35</v>
      </c>
      <c r="DY30" s="280">
        <v>62</v>
      </c>
      <c r="DZ30" s="280">
        <v>36</v>
      </c>
      <c r="EA30" s="280">
        <v>26</v>
      </c>
      <c r="EB30" s="280">
        <v>14</v>
      </c>
      <c r="EC30" s="277">
        <v>173</v>
      </c>
      <c r="ED30" s="282">
        <v>198</v>
      </c>
      <c r="EE30" s="276">
        <v>0</v>
      </c>
      <c r="EF30" s="280">
        <v>0</v>
      </c>
      <c r="EG30" s="277">
        <v>0</v>
      </c>
      <c r="EH30" s="279">
        <v>0</v>
      </c>
      <c r="EI30" s="280">
        <v>2</v>
      </c>
      <c r="EJ30" s="280">
        <v>8</v>
      </c>
      <c r="EK30" s="280">
        <v>5</v>
      </c>
      <c r="EL30" s="280">
        <v>9</v>
      </c>
      <c r="EM30" s="280">
        <v>1</v>
      </c>
      <c r="EN30" s="277">
        <v>25</v>
      </c>
      <c r="EO30" s="282">
        <v>25</v>
      </c>
      <c r="EP30" s="276">
        <v>9</v>
      </c>
      <c r="EQ30" s="280">
        <v>18</v>
      </c>
      <c r="ER30" s="277">
        <v>27</v>
      </c>
      <c r="ES30" s="279">
        <v>0</v>
      </c>
      <c r="ET30" s="280">
        <v>70</v>
      </c>
      <c r="EU30" s="280">
        <v>80</v>
      </c>
      <c r="EV30" s="280">
        <v>42</v>
      </c>
      <c r="EW30" s="280">
        <v>30</v>
      </c>
      <c r="EX30" s="280">
        <v>14</v>
      </c>
      <c r="EY30" s="277">
        <v>236</v>
      </c>
      <c r="EZ30" s="282">
        <v>263</v>
      </c>
    </row>
    <row r="31" spans="2:156" ht="21" customHeight="1" x14ac:dyDescent="0.2">
      <c r="B31" s="261" t="s">
        <v>29</v>
      </c>
      <c r="C31" s="276">
        <v>0</v>
      </c>
      <c r="D31" s="280">
        <v>0</v>
      </c>
      <c r="E31" s="376">
        <v>0</v>
      </c>
      <c r="F31" s="279">
        <v>0</v>
      </c>
      <c r="G31" s="280">
        <v>26</v>
      </c>
      <c r="H31" s="280">
        <v>19</v>
      </c>
      <c r="I31" s="280">
        <v>11</v>
      </c>
      <c r="J31" s="280">
        <v>11</v>
      </c>
      <c r="K31" s="280">
        <v>8</v>
      </c>
      <c r="L31" s="281">
        <v>75</v>
      </c>
      <c r="M31" s="282">
        <v>75</v>
      </c>
      <c r="N31" s="276">
        <v>0</v>
      </c>
      <c r="O31" s="280">
        <v>0</v>
      </c>
      <c r="P31" s="277">
        <v>0</v>
      </c>
      <c r="Q31" s="279">
        <v>0</v>
      </c>
      <c r="R31" s="280">
        <v>0</v>
      </c>
      <c r="S31" s="280">
        <v>0</v>
      </c>
      <c r="T31" s="280">
        <v>0</v>
      </c>
      <c r="U31" s="280">
        <v>2</v>
      </c>
      <c r="V31" s="280">
        <v>7</v>
      </c>
      <c r="W31" s="277">
        <v>9</v>
      </c>
      <c r="X31" s="282">
        <v>9</v>
      </c>
      <c r="Y31" s="276">
        <v>3</v>
      </c>
      <c r="Z31" s="280">
        <v>5</v>
      </c>
      <c r="AA31" s="277">
        <v>8</v>
      </c>
      <c r="AB31" s="279">
        <v>0</v>
      </c>
      <c r="AC31" s="280">
        <v>21</v>
      </c>
      <c r="AD31" s="280">
        <v>18</v>
      </c>
      <c r="AE31" s="280">
        <v>17</v>
      </c>
      <c r="AF31" s="280">
        <v>8</v>
      </c>
      <c r="AG31" s="280">
        <v>7</v>
      </c>
      <c r="AH31" s="277">
        <v>71</v>
      </c>
      <c r="AI31" s="282">
        <v>79</v>
      </c>
      <c r="AJ31" s="276">
        <v>0</v>
      </c>
      <c r="AK31" s="280">
        <v>0</v>
      </c>
      <c r="AL31" s="277">
        <v>0</v>
      </c>
      <c r="AM31" s="279">
        <v>0</v>
      </c>
      <c r="AN31" s="280">
        <v>2</v>
      </c>
      <c r="AO31" s="280">
        <v>2</v>
      </c>
      <c r="AP31" s="280">
        <v>0</v>
      </c>
      <c r="AQ31" s="280">
        <v>3</v>
      </c>
      <c r="AR31" s="280">
        <v>0</v>
      </c>
      <c r="AS31" s="277">
        <v>7</v>
      </c>
      <c r="AT31" s="282">
        <v>7</v>
      </c>
      <c r="AU31" s="276">
        <v>0</v>
      </c>
      <c r="AV31" s="280">
        <v>2</v>
      </c>
      <c r="AW31" s="277">
        <v>2</v>
      </c>
      <c r="AX31" s="279">
        <v>0</v>
      </c>
      <c r="AY31" s="280">
        <v>19</v>
      </c>
      <c r="AZ31" s="280">
        <v>30</v>
      </c>
      <c r="BA31" s="280">
        <v>16</v>
      </c>
      <c r="BB31" s="280">
        <v>19</v>
      </c>
      <c r="BC31" s="280">
        <v>11</v>
      </c>
      <c r="BD31" s="281">
        <v>95</v>
      </c>
      <c r="BE31" s="282">
        <v>97</v>
      </c>
      <c r="BF31" s="276">
        <v>0</v>
      </c>
      <c r="BG31" s="280">
        <v>0</v>
      </c>
      <c r="BH31" s="277">
        <v>0</v>
      </c>
      <c r="BI31" s="279">
        <v>0</v>
      </c>
      <c r="BJ31" s="280">
        <v>39</v>
      </c>
      <c r="BK31" s="280">
        <v>42</v>
      </c>
      <c r="BL31" s="280">
        <v>27</v>
      </c>
      <c r="BM31" s="280">
        <v>15</v>
      </c>
      <c r="BN31" s="280">
        <v>6</v>
      </c>
      <c r="BO31" s="277">
        <v>129</v>
      </c>
      <c r="BP31" s="282">
        <v>129</v>
      </c>
      <c r="BQ31" s="276">
        <v>1</v>
      </c>
      <c r="BR31" s="280">
        <v>0</v>
      </c>
      <c r="BS31" s="277">
        <v>1</v>
      </c>
      <c r="BT31" s="279">
        <v>0</v>
      </c>
      <c r="BU31" s="280">
        <v>16</v>
      </c>
      <c r="BV31" s="280">
        <v>14</v>
      </c>
      <c r="BW31" s="280">
        <v>9</v>
      </c>
      <c r="BX31" s="280">
        <v>3</v>
      </c>
      <c r="BY31" s="280">
        <v>0</v>
      </c>
      <c r="BZ31" s="277">
        <v>42</v>
      </c>
      <c r="CA31" s="282">
        <v>43</v>
      </c>
      <c r="CB31" s="276">
        <v>0</v>
      </c>
      <c r="CC31" s="280">
        <v>0</v>
      </c>
      <c r="CD31" s="277">
        <v>0</v>
      </c>
      <c r="CE31" s="279">
        <v>0</v>
      </c>
      <c r="CF31" s="280">
        <v>4</v>
      </c>
      <c r="CG31" s="280">
        <v>10</v>
      </c>
      <c r="CH31" s="280">
        <v>15</v>
      </c>
      <c r="CI31" s="280">
        <v>5</v>
      </c>
      <c r="CJ31" s="280">
        <v>8</v>
      </c>
      <c r="CK31" s="277">
        <v>42</v>
      </c>
      <c r="CL31" s="282">
        <v>42</v>
      </c>
      <c r="CM31" s="276">
        <v>0</v>
      </c>
      <c r="CN31" s="280">
        <v>0</v>
      </c>
      <c r="CO31" s="277">
        <v>0</v>
      </c>
      <c r="CP31" s="279">
        <v>0</v>
      </c>
      <c r="CQ31" s="280">
        <v>4</v>
      </c>
      <c r="CR31" s="280">
        <v>5</v>
      </c>
      <c r="CS31" s="280">
        <v>1</v>
      </c>
      <c r="CT31" s="280">
        <v>0</v>
      </c>
      <c r="CU31" s="280">
        <v>1</v>
      </c>
      <c r="CV31" s="277">
        <v>11</v>
      </c>
      <c r="CW31" s="282">
        <v>1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19</v>
      </c>
      <c r="DU31" s="280">
        <v>29</v>
      </c>
      <c r="DV31" s="277">
        <v>48</v>
      </c>
      <c r="DW31" s="279">
        <v>0</v>
      </c>
      <c r="DX31" s="280">
        <v>42</v>
      </c>
      <c r="DY31" s="280">
        <v>63</v>
      </c>
      <c r="DZ31" s="280">
        <v>48</v>
      </c>
      <c r="EA31" s="280">
        <v>38</v>
      </c>
      <c r="EB31" s="280">
        <v>21</v>
      </c>
      <c r="EC31" s="277">
        <v>212</v>
      </c>
      <c r="ED31" s="282">
        <v>260</v>
      </c>
      <c r="EE31" s="276">
        <v>2</v>
      </c>
      <c r="EF31" s="280">
        <v>0</v>
      </c>
      <c r="EG31" s="277">
        <v>2</v>
      </c>
      <c r="EH31" s="279">
        <v>0</v>
      </c>
      <c r="EI31" s="280">
        <v>8</v>
      </c>
      <c r="EJ31" s="280">
        <v>7</v>
      </c>
      <c r="EK31" s="280">
        <v>5</v>
      </c>
      <c r="EL31" s="280">
        <v>8</v>
      </c>
      <c r="EM31" s="280">
        <v>4</v>
      </c>
      <c r="EN31" s="277">
        <v>32</v>
      </c>
      <c r="EO31" s="282">
        <v>34</v>
      </c>
      <c r="EP31" s="276">
        <v>24</v>
      </c>
      <c r="EQ31" s="280">
        <v>36</v>
      </c>
      <c r="ER31" s="277">
        <v>60</v>
      </c>
      <c r="ES31" s="279">
        <v>0</v>
      </c>
      <c r="ET31" s="280">
        <v>90</v>
      </c>
      <c r="EU31" s="280">
        <v>89</v>
      </c>
      <c r="EV31" s="280">
        <v>56</v>
      </c>
      <c r="EW31" s="280">
        <v>35</v>
      </c>
      <c r="EX31" s="280">
        <v>20</v>
      </c>
      <c r="EY31" s="277">
        <v>290</v>
      </c>
      <c r="EZ31" s="282">
        <v>350</v>
      </c>
    </row>
    <row r="32" spans="2:156" ht="21" customHeight="1" x14ac:dyDescent="0.2">
      <c r="B32" s="261" t="s">
        <v>30</v>
      </c>
      <c r="C32" s="276">
        <v>0</v>
      </c>
      <c r="D32" s="280">
        <v>0</v>
      </c>
      <c r="E32" s="376">
        <v>0</v>
      </c>
      <c r="F32" s="279">
        <v>0</v>
      </c>
      <c r="G32" s="280">
        <v>25</v>
      </c>
      <c r="H32" s="280">
        <v>16</v>
      </c>
      <c r="I32" s="280">
        <v>14</v>
      </c>
      <c r="J32" s="280">
        <v>12</v>
      </c>
      <c r="K32" s="280">
        <v>6</v>
      </c>
      <c r="L32" s="281">
        <v>73</v>
      </c>
      <c r="M32" s="282">
        <v>73</v>
      </c>
      <c r="N32" s="276">
        <v>0</v>
      </c>
      <c r="O32" s="280">
        <v>0</v>
      </c>
      <c r="P32" s="277">
        <v>0</v>
      </c>
      <c r="Q32" s="279">
        <v>0</v>
      </c>
      <c r="R32" s="280">
        <v>1</v>
      </c>
      <c r="S32" s="280">
        <v>0</v>
      </c>
      <c r="T32" s="280">
        <v>1</v>
      </c>
      <c r="U32" s="280">
        <v>9</v>
      </c>
      <c r="V32" s="280">
        <v>4</v>
      </c>
      <c r="W32" s="277">
        <v>15</v>
      </c>
      <c r="X32" s="282">
        <v>15</v>
      </c>
      <c r="Y32" s="276">
        <v>3</v>
      </c>
      <c r="Z32" s="280">
        <v>5</v>
      </c>
      <c r="AA32" s="277">
        <v>8</v>
      </c>
      <c r="AB32" s="279">
        <v>0</v>
      </c>
      <c r="AC32" s="280">
        <v>22</v>
      </c>
      <c r="AD32" s="280">
        <v>17</v>
      </c>
      <c r="AE32" s="280">
        <v>16</v>
      </c>
      <c r="AF32" s="280">
        <v>20</v>
      </c>
      <c r="AG32" s="280">
        <v>5</v>
      </c>
      <c r="AH32" s="277">
        <v>80</v>
      </c>
      <c r="AI32" s="282">
        <v>88</v>
      </c>
      <c r="AJ32" s="276">
        <v>0</v>
      </c>
      <c r="AK32" s="280">
        <v>0</v>
      </c>
      <c r="AL32" s="277">
        <v>0</v>
      </c>
      <c r="AM32" s="279">
        <v>0</v>
      </c>
      <c r="AN32" s="280">
        <v>1</v>
      </c>
      <c r="AO32" s="280">
        <v>0</v>
      </c>
      <c r="AP32" s="280">
        <v>5</v>
      </c>
      <c r="AQ32" s="280">
        <v>1</v>
      </c>
      <c r="AR32" s="280">
        <v>0</v>
      </c>
      <c r="AS32" s="277">
        <v>7</v>
      </c>
      <c r="AT32" s="282">
        <v>7</v>
      </c>
      <c r="AU32" s="276">
        <v>1</v>
      </c>
      <c r="AV32" s="280">
        <v>0</v>
      </c>
      <c r="AW32" s="277">
        <v>1</v>
      </c>
      <c r="AX32" s="279">
        <v>0</v>
      </c>
      <c r="AY32" s="280">
        <v>23</v>
      </c>
      <c r="AZ32" s="280">
        <v>14</v>
      </c>
      <c r="BA32" s="280">
        <v>21</v>
      </c>
      <c r="BB32" s="280">
        <v>21</v>
      </c>
      <c r="BC32" s="280">
        <v>8</v>
      </c>
      <c r="BD32" s="281">
        <v>87</v>
      </c>
      <c r="BE32" s="282">
        <v>88</v>
      </c>
      <c r="BF32" s="276">
        <v>0</v>
      </c>
      <c r="BG32" s="280">
        <v>0</v>
      </c>
      <c r="BH32" s="277">
        <v>0</v>
      </c>
      <c r="BI32" s="279">
        <v>0</v>
      </c>
      <c r="BJ32" s="280">
        <v>33</v>
      </c>
      <c r="BK32" s="280">
        <v>30</v>
      </c>
      <c r="BL32" s="280">
        <v>13</v>
      </c>
      <c r="BM32" s="280">
        <v>12</v>
      </c>
      <c r="BN32" s="280">
        <v>2</v>
      </c>
      <c r="BO32" s="277">
        <v>90</v>
      </c>
      <c r="BP32" s="282">
        <v>90</v>
      </c>
      <c r="BQ32" s="276">
        <v>2</v>
      </c>
      <c r="BR32" s="280">
        <v>4</v>
      </c>
      <c r="BS32" s="277">
        <v>6</v>
      </c>
      <c r="BT32" s="279">
        <v>0</v>
      </c>
      <c r="BU32" s="280">
        <v>6</v>
      </c>
      <c r="BV32" s="280">
        <v>10</v>
      </c>
      <c r="BW32" s="280">
        <v>6</v>
      </c>
      <c r="BX32" s="280">
        <v>4</v>
      </c>
      <c r="BY32" s="280">
        <v>0</v>
      </c>
      <c r="BZ32" s="277">
        <v>26</v>
      </c>
      <c r="CA32" s="282">
        <v>32</v>
      </c>
      <c r="CB32" s="276">
        <v>0</v>
      </c>
      <c r="CC32" s="280">
        <v>1</v>
      </c>
      <c r="CD32" s="277">
        <v>1</v>
      </c>
      <c r="CE32" s="279">
        <v>0</v>
      </c>
      <c r="CF32" s="280">
        <v>6</v>
      </c>
      <c r="CG32" s="280">
        <v>6</v>
      </c>
      <c r="CH32" s="280">
        <v>4</v>
      </c>
      <c r="CI32" s="280">
        <v>4</v>
      </c>
      <c r="CJ32" s="280">
        <v>1</v>
      </c>
      <c r="CK32" s="277">
        <v>21</v>
      </c>
      <c r="CL32" s="282">
        <v>22</v>
      </c>
      <c r="CM32" s="276">
        <v>0</v>
      </c>
      <c r="CN32" s="280">
        <v>0</v>
      </c>
      <c r="CO32" s="277">
        <v>0</v>
      </c>
      <c r="CP32" s="279">
        <v>0</v>
      </c>
      <c r="CQ32" s="280">
        <v>0</v>
      </c>
      <c r="CR32" s="280">
        <v>3</v>
      </c>
      <c r="CS32" s="280">
        <v>0</v>
      </c>
      <c r="CT32" s="280">
        <v>1</v>
      </c>
      <c r="CU32" s="280">
        <v>1</v>
      </c>
      <c r="CV32" s="277">
        <v>5</v>
      </c>
      <c r="CW32" s="282">
        <v>5</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4</v>
      </c>
      <c r="DU32" s="280">
        <v>24</v>
      </c>
      <c r="DV32" s="277">
        <v>58</v>
      </c>
      <c r="DW32" s="279">
        <v>0</v>
      </c>
      <c r="DX32" s="280">
        <v>52</v>
      </c>
      <c r="DY32" s="280">
        <v>53</v>
      </c>
      <c r="DZ32" s="280">
        <v>48</v>
      </c>
      <c r="EA32" s="280">
        <v>36</v>
      </c>
      <c r="EB32" s="280">
        <v>13</v>
      </c>
      <c r="EC32" s="277">
        <v>202</v>
      </c>
      <c r="ED32" s="282">
        <v>260</v>
      </c>
      <c r="EE32" s="276">
        <v>1</v>
      </c>
      <c r="EF32" s="280">
        <v>1</v>
      </c>
      <c r="EG32" s="277">
        <v>2</v>
      </c>
      <c r="EH32" s="279">
        <v>0</v>
      </c>
      <c r="EI32" s="280">
        <v>7</v>
      </c>
      <c r="EJ32" s="280">
        <v>6</v>
      </c>
      <c r="EK32" s="280">
        <v>4</v>
      </c>
      <c r="EL32" s="280">
        <v>2</v>
      </c>
      <c r="EM32" s="280">
        <v>1</v>
      </c>
      <c r="EN32" s="277">
        <v>20</v>
      </c>
      <c r="EO32" s="282">
        <v>22</v>
      </c>
      <c r="EP32" s="276">
        <v>38</v>
      </c>
      <c r="EQ32" s="280">
        <v>29</v>
      </c>
      <c r="ER32" s="277">
        <v>67</v>
      </c>
      <c r="ES32" s="279">
        <v>0</v>
      </c>
      <c r="ET32" s="280">
        <v>86</v>
      </c>
      <c r="EU32" s="280">
        <v>68</v>
      </c>
      <c r="EV32" s="280">
        <v>52</v>
      </c>
      <c r="EW32" s="280">
        <v>39</v>
      </c>
      <c r="EX32" s="280">
        <v>12</v>
      </c>
      <c r="EY32" s="277">
        <v>257</v>
      </c>
      <c r="EZ32" s="282">
        <v>324</v>
      </c>
    </row>
    <row r="33" spans="2:156" ht="21" customHeight="1" x14ac:dyDescent="0.2">
      <c r="B33" s="261" t="s">
        <v>31</v>
      </c>
      <c r="C33" s="276">
        <v>0</v>
      </c>
      <c r="D33" s="280">
        <v>0</v>
      </c>
      <c r="E33" s="376">
        <v>0</v>
      </c>
      <c r="F33" s="279">
        <v>0</v>
      </c>
      <c r="G33" s="280">
        <v>12</v>
      </c>
      <c r="H33" s="280">
        <v>10</v>
      </c>
      <c r="I33" s="280">
        <v>9</v>
      </c>
      <c r="J33" s="280">
        <v>7</v>
      </c>
      <c r="K33" s="280">
        <v>7</v>
      </c>
      <c r="L33" s="281">
        <v>45</v>
      </c>
      <c r="M33" s="282">
        <v>45</v>
      </c>
      <c r="N33" s="276">
        <v>0</v>
      </c>
      <c r="O33" s="280">
        <v>0</v>
      </c>
      <c r="P33" s="277">
        <v>0</v>
      </c>
      <c r="Q33" s="279">
        <v>0</v>
      </c>
      <c r="R33" s="280">
        <v>0</v>
      </c>
      <c r="S33" s="280">
        <v>1</v>
      </c>
      <c r="T33" s="280">
        <v>6</v>
      </c>
      <c r="U33" s="280">
        <v>5</v>
      </c>
      <c r="V33" s="280">
        <v>4</v>
      </c>
      <c r="W33" s="277">
        <v>16</v>
      </c>
      <c r="X33" s="282">
        <v>16</v>
      </c>
      <c r="Y33" s="276">
        <v>5</v>
      </c>
      <c r="Z33" s="280">
        <v>6</v>
      </c>
      <c r="AA33" s="277">
        <v>11</v>
      </c>
      <c r="AB33" s="279">
        <v>0</v>
      </c>
      <c r="AC33" s="280">
        <v>16</v>
      </c>
      <c r="AD33" s="280">
        <v>20</v>
      </c>
      <c r="AE33" s="280">
        <v>14</v>
      </c>
      <c r="AF33" s="280">
        <v>17</v>
      </c>
      <c r="AG33" s="280">
        <v>10</v>
      </c>
      <c r="AH33" s="277">
        <v>77</v>
      </c>
      <c r="AI33" s="282">
        <v>88</v>
      </c>
      <c r="AJ33" s="276">
        <v>0</v>
      </c>
      <c r="AK33" s="280">
        <v>0</v>
      </c>
      <c r="AL33" s="277">
        <v>0</v>
      </c>
      <c r="AM33" s="279">
        <v>0</v>
      </c>
      <c r="AN33" s="280">
        <v>1</v>
      </c>
      <c r="AO33" s="280">
        <v>2</v>
      </c>
      <c r="AP33" s="280">
        <v>2</v>
      </c>
      <c r="AQ33" s="280">
        <v>3</v>
      </c>
      <c r="AR33" s="280">
        <v>1</v>
      </c>
      <c r="AS33" s="277">
        <v>9</v>
      </c>
      <c r="AT33" s="282">
        <v>9</v>
      </c>
      <c r="AU33" s="276">
        <v>2</v>
      </c>
      <c r="AV33" s="280">
        <v>0</v>
      </c>
      <c r="AW33" s="277">
        <v>2</v>
      </c>
      <c r="AX33" s="279">
        <v>0</v>
      </c>
      <c r="AY33" s="280">
        <v>11</v>
      </c>
      <c r="AZ33" s="280">
        <v>14</v>
      </c>
      <c r="BA33" s="280">
        <v>12</v>
      </c>
      <c r="BB33" s="280">
        <v>11</v>
      </c>
      <c r="BC33" s="280">
        <v>9</v>
      </c>
      <c r="BD33" s="281">
        <v>57</v>
      </c>
      <c r="BE33" s="282">
        <v>59</v>
      </c>
      <c r="BF33" s="276">
        <v>0</v>
      </c>
      <c r="BG33" s="280">
        <v>0</v>
      </c>
      <c r="BH33" s="277">
        <v>0</v>
      </c>
      <c r="BI33" s="279">
        <v>0</v>
      </c>
      <c r="BJ33" s="280">
        <v>38</v>
      </c>
      <c r="BK33" s="280">
        <v>38</v>
      </c>
      <c r="BL33" s="280">
        <v>20</v>
      </c>
      <c r="BM33" s="280">
        <v>12</v>
      </c>
      <c r="BN33" s="280">
        <v>3</v>
      </c>
      <c r="BO33" s="277">
        <v>111</v>
      </c>
      <c r="BP33" s="282">
        <v>111</v>
      </c>
      <c r="BQ33" s="276">
        <v>0</v>
      </c>
      <c r="BR33" s="280">
        <v>0</v>
      </c>
      <c r="BS33" s="277">
        <v>0</v>
      </c>
      <c r="BT33" s="279">
        <v>0</v>
      </c>
      <c r="BU33" s="280">
        <v>3</v>
      </c>
      <c r="BV33" s="280">
        <v>6</v>
      </c>
      <c r="BW33" s="280">
        <v>3</v>
      </c>
      <c r="BX33" s="280">
        <v>3</v>
      </c>
      <c r="BY33" s="280">
        <v>1</v>
      </c>
      <c r="BZ33" s="277">
        <v>16</v>
      </c>
      <c r="CA33" s="282">
        <v>16</v>
      </c>
      <c r="CB33" s="276">
        <v>0</v>
      </c>
      <c r="CC33" s="280">
        <v>0</v>
      </c>
      <c r="CD33" s="277">
        <v>0</v>
      </c>
      <c r="CE33" s="279">
        <v>0</v>
      </c>
      <c r="CF33" s="280">
        <v>6</v>
      </c>
      <c r="CG33" s="280">
        <v>9</v>
      </c>
      <c r="CH33" s="280">
        <v>11</v>
      </c>
      <c r="CI33" s="280">
        <v>6</v>
      </c>
      <c r="CJ33" s="280">
        <v>2</v>
      </c>
      <c r="CK33" s="277">
        <v>34</v>
      </c>
      <c r="CL33" s="282">
        <v>34</v>
      </c>
      <c r="CM33" s="276">
        <v>0</v>
      </c>
      <c r="CN33" s="280">
        <v>0</v>
      </c>
      <c r="CO33" s="277">
        <v>0</v>
      </c>
      <c r="CP33" s="279">
        <v>0</v>
      </c>
      <c r="CQ33" s="280">
        <v>1</v>
      </c>
      <c r="CR33" s="280">
        <v>2</v>
      </c>
      <c r="CS33" s="280">
        <v>0</v>
      </c>
      <c r="CT33" s="280">
        <v>0</v>
      </c>
      <c r="CU33" s="280">
        <v>1</v>
      </c>
      <c r="CV33" s="277">
        <v>4</v>
      </c>
      <c r="CW33" s="282">
        <v>4</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19</v>
      </c>
      <c r="DU33" s="280">
        <v>56</v>
      </c>
      <c r="DV33" s="277">
        <v>75</v>
      </c>
      <c r="DW33" s="279">
        <v>0</v>
      </c>
      <c r="DX33" s="280">
        <v>62</v>
      </c>
      <c r="DY33" s="280">
        <v>56</v>
      </c>
      <c r="DZ33" s="280">
        <v>38</v>
      </c>
      <c r="EA33" s="280">
        <v>34</v>
      </c>
      <c r="EB33" s="280">
        <v>14</v>
      </c>
      <c r="EC33" s="277">
        <v>204</v>
      </c>
      <c r="ED33" s="282">
        <v>279</v>
      </c>
      <c r="EE33" s="276">
        <v>1</v>
      </c>
      <c r="EF33" s="280">
        <v>1</v>
      </c>
      <c r="EG33" s="277">
        <v>2</v>
      </c>
      <c r="EH33" s="279">
        <v>0</v>
      </c>
      <c r="EI33" s="280">
        <v>9</v>
      </c>
      <c r="EJ33" s="280">
        <v>6</v>
      </c>
      <c r="EK33" s="280">
        <v>6</v>
      </c>
      <c r="EL33" s="280">
        <v>3</v>
      </c>
      <c r="EM33" s="280">
        <v>1</v>
      </c>
      <c r="EN33" s="277">
        <v>25</v>
      </c>
      <c r="EO33" s="282">
        <v>27</v>
      </c>
      <c r="EP33" s="276">
        <v>24</v>
      </c>
      <c r="EQ33" s="280">
        <v>60</v>
      </c>
      <c r="ER33" s="277">
        <v>84</v>
      </c>
      <c r="ES33" s="279">
        <v>0</v>
      </c>
      <c r="ET33" s="280">
        <v>104</v>
      </c>
      <c r="EU33" s="280">
        <v>81</v>
      </c>
      <c r="EV33" s="280">
        <v>41</v>
      </c>
      <c r="EW33" s="280">
        <v>31</v>
      </c>
      <c r="EX33" s="280">
        <v>14</v>
      </c>
      <c r="EY33" s="277">
        <v>271</v>
      </c>
      <c r="EZ33" s="282">
        <v>355</v>
      </c>
    </row>
    <row r="34" spans="2:156" ht="21" customHeight="1" x14ac:dyDescent="0.2">
      <c r="B34" s="261" t="s">
        <v>32</v>
      </c>
      <c r="C34" s="276">
        <v>0</v>
      </c>
      <c r="D34" s="280">
        <v>0</v>
      </c>
      <c r="E34" s="376">
        <v>0</v>
      </c>
      <c r="F34" s="279">
        <v>0</v>
      </c>
      <c r="G34" s="280">
        <v>29</v>
      </c>
      <c r="H34" s="280">
        <v>19</v>
      </c>
      <c r="I34" s="280">
        <v>17</v>
      </c>
      <c r="J34" s="280">
        <v>10</v>
      </c>
      <c r="K34" s="280">
        <v>11</v>
      </c>
      <c r="L34" s="281">
        <v>86</v>
      </c>
      <c r="M34" s="282">
        <v>86</v>
      </c>
      <c r="N34" s="276">
        <v>0</v>
      </c>
      <c r="O34" s="280">
        <v>0</v>
      </c>
      <c r="P34" s="277">
        <v>0</v>
      </c>
      <c r="Q34" s="279">
        <v>0</v>
      </c>
      <c r="R34" s="280">
        <v>0</v>
      </c>
      <c r="S34" s="280">
        <v>1</v>
      </c>
      <c r="T34" s="280">
        <v>3</v>
      </c>
      <c r="U34" s="280">
        <v>2</v>
      </c>
      <c r="V34" s="280">
        <v>8</v>
      </c>
      <c r="W34" s="277">
        <v>14</v>
      </c>
      <c r="X34" s="282">
        <v>14</v>
      </c>
      <c r="Y34" s="276">
        <v>3</v>
      </c>
      <c r="Z34" s="280">
        <v>7</v>
      </c>
      <c r="AA34" s="277">
        <v>10</v>
      </c>
      <c r="AB34" s="279">
        <v>0</v>
      </c>
      <c r="AC34" s="280">
        <v>27</v>
      </c>
      <c r="AD34" s="280">
        <v>24</v>
      </c>
      <c r="AE34" s="280">
        <v>18</v>
      </c>
      <c r="AF34" s="280">
        <v>13</v>
      </c>
      <c r="AG34" s="280">
        <v>11</v>
      </c>
      <c r="AH34" s="277">
        <v>93</v>
      </c>
      <c r="AI34" s="282">
        <v>103</v>
      </c>
      <c r="AJ34" s="276">
        <v>0</v>
      </c>
      <c r="AK34" s="280">
        <v>0</v>
      </c>
      <c r="AL34" s="277">
        <v>0</v>
      </c>
      <c r="AM34" s="279">
        <v>0</v>
      </c>
      <c r="AN34" s="280">
        <v>4</v>
      </c>
      <c r="AO34" s="280">
        <v>2</v>
      </c>
      <c r="AP34" s="280">
        <v>1</v>
      </c>
      <c r="AQ34" s="280">
        <v>4</v>
      </c>
      <c r="AR34" s="280">
        <v>2</v>
      </c>
      <c r="AS34" s="277">
        <v>13</v>
      </c>
      <c r="AT34" s="282">
        <v>13</v>
      </c>
      <c r="AU34" s="276">
        <v>2</v>
      </c>
      <c r="AV34" s="280">
        <v>3</v>
      </c>
      <c r="AW34" s="277">
        <v>5</v>
      </c>
      <c r="AX34" s="279">
        <v>0</v>
      </c>
      <c r="AY34" s="280">
        <v>15</v>
      </c>
      <c r="AZ34" s="280">
        <v>18</v>
      </c>
      <c r="BA34" s="280">
        <v>23</v>
      </c>
      <c r="BB34" s="280">
        <v>25</v>
      </c>
      <c r="BC34" s="280">
        <v>22</v>
      </c>
      <c r="BD34" s="281">
        <v>103</v>
      </c>
      <c r="BE34" s="282">
        <v>108</v>
      </c>
      <c r="BF34" s="276">
        <v>0</v>
      </c>
      <c r="BG34" s="280">
        <v>0</v>
      </c>
      <c r="BH34" s="277">
        <v>0</v>
      </c>
      <c r="BI34" s="279">
        <v>0</v>
      </c>
      <c r="BJ34" s="280">
        <v>48</v>
      </c>
      <c r="BK34" s="280">
        <v>47</v>
      </c>
      <c r="BL34" s="280">
        <v>27</v>
      </c>
      <c r="BM34" s="280">
        <v>17</v>
      </c>
      <c r="BN34" s="280">
        <v>7</v>
      </c>
      <c r="BO34" s="277">
        <v>146</v>
      </c>
      <c r="BP34" s="282">
        <v>146</v>
      </c>
      <c r="BQ34" s="276">
        <v>1</v>
      </c>
      <c r="BR34" s="280">
        <v>0</v>
      </c>
      <c r="BS34" s="277">
        <v>1</v>
      </c>
      <c r="BT34" s="279">
        <v>0</v>
      </c>
      <c r="BU34" s="280">
        <v>6</v>
      </c>
      <c r="BV34" s="280">
        <v>12</v>
      </c>
      <c r="BW34" s="280">
        <v>6</v>
      </c>
      <c r="BX34" s="280">
        <v>4</v>
      </c>
      <c r="BY34" s="280">
        <v>4</v>
      </c>
      <c r="BZ34" s="277">
        <v>32</v>
      </c>
      <c r="CA34" s="282">
        <v>33</v>
      </c>
      <c r="CB34" s="276">
        <v>0</v>
      </c>
      <c r="CC34" s="280">
        <v>1</v>
      </c>
      <c r="CD34" s="277">
        <v>1</v>
      </c>
      <c r="CE34" s="279">
        <v>0</v>
      </c>
      <c r="CF34" s="280">
        <v>2</v>
      </c>
      <c r="CG34" s="280">
        <v>12</v>
      </c>
      <c r="CH34" s="280">
        <v>9</v>
      </c>
      <c r="CI34" s="280">
        <v>5</v>
      </c>
      <c r="CJ34" s="280">
        <v>5</v>
      </c>
      <c r="CK34" s="277">
        <v>33</v>
      </c>
      <c r="CL34" s="282">
        <v>34</v>
      </c>
      <c r="CM34" s="276">
        <v>0</v>
      </c>
      <c r="CN34" s="280">
        <v>1</v>
      </c>
      <c r="CO34" s="277">
        <v>1</v>
      </c>
      <c r="CP34" s="279">
        <v>0</v>
      </c>
      <c r="CQ34" s="280">
        <v>1</v>
      </c>
      <c r="CR34" s="280">
        <v>1</v>
      </c>
      <c r="CS34" s="280">
        <v>1</v>
      </c>
      <c r="CT34" s="280">
        <v>3</v>
      </c>
      <c r="CU34" s="280">
        <v>0</v>
      </c>
      <c r="CV34" s="277">
        <v>6</v>
      </c>
      <c r="CW34" s="282">
        <v>7</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7</v>
      </c>
      <c r="DU34" s="280">
        <v>46</v>
      </c>
      <c r="DV34" s="277">
        <v>63</v>
      </c>
      <c r="DW34" s="279">
        <v>0</v>
      </c>
      <c r="DX34" s="280">
        <v>71</v>
      </c>
      <c r="DY34" s="280">
        <v>81</v>
      </c>
      <c r="DZ34" s="280">
        <v>51</v>
      </c>
      <c r="EA34" s="280">
        <v>34</v>
      </c>
      <c r="EB34" s="280">
        <v>24</v>
      </c>
      <c r="EC34" s="277">
        <v>261</v>
      </c>
      <c r="ED34" s="282">
        <v>324</v>
      </c>
      <c r="EE34" s="276">
        <v>3</v>
      </c>
      <c r="EF34" s="280">
        <v>3</v>
      </c>
      <c r="EG34" s="277">
        <v>6</v>
      </c>
      <c r="EH34" s="279">
        <v>0</v>
      </c>
      <c r="EI34" s="280">
        <v>7</v>
      </c>
      <c r="EJ34" s="280">
        <v>5</v>
      </c>
      <c r="EK34" s="280">
        <v>5</v>
      </c>
      <c r="EL34" s="280">
        <v>7</v>
      </c>
      <c r="EM34" s="280">
        <v>6</v>
      </c>
      <c r="EN34" s="277">
        <v>30</v>
      </c>
      <c r="EO34" s="282">
        <v>36</v>
      </c>
      <c r="EP34" s="276">
        <v>20</v>
      </c>
      <c r="EQ34" s="280">
        <v>46</v>
      </c>
      <c r="ER34" s="277">
        <v>66</v>
      </c>
      <c r="ES34" s="279">
        <v>0</v>
      </c>
      <c r="ET34" s="280">
        <v>131</v>
      </c>
      <c r="EU34" s="280">
        <v>118</v>
      </c>
      <c r="EV34" s="280">
        <v>64</v>
      </c>
      <c r="EW34" s="280">
        <v>33</v>
      </c>
      <c r="EX34" s="280">
        <v>25</v>
      </c>
      <c r="EY34" s="277">
        <v>371</v>
      </c>
      <c r="EZ34" s="282">
        <v>437</v>
      </c>
    </row>
    <row r="35" spans="2:156" ht="21" customHeight="1" x14ac:dyDescent="0.2">
      <c r="B35" s="261" t="s">
        <v>33</v>
      </c>
      <c r="C35" s="276">
        <v>0</v>
      </c>
      <c r="D35" s="280">
        <v>0</v>
      </c>
      <c r="E35" s="376">
        <v>0</v>
      </c>
      <c r="F35" s="279">
        <v>0</v>
      </c>
      <c r="G35" s="280">
        <v>17</v>
      </c>
      <c r="H35" s="280">
        <v>17</v>
      </c>
      <c r="I35" s="280">
        <v>11</v>
      </c>
      <c r="J35" s="280">
        <v>4</v>
      </c>
      <c r="K35" s="280">
        <v>11</v>
      </c>
      <c r="L35" s="281">
        <v>60</v>
      </c>
      <c r="M35" s="282">
        <v>60</v>
      </c>
      <c r="N35" s="276">
        <v>0</v>
      </c>
      <c r="O35" s="280">
        <v>0</v>
      </c>
      <c r="P35" s="277">
        <v>0</v>
      </c>
      <c r="Q35" s="279">
        <v>0</v>
      </c>
      <c r="R35" s="280">
        <v>0</v>
      </c>
      <c r="S35" s="280">
        <v>0</v>
      </c>
      <c r="T35" s="280">
        <v>2</v>
      </c>
      <c r="U35" s="280">
        <v>2</v>
      </c>
      <c r="V35" s="280">
        <v>4</v>
      </c>
      <c r="W35" s="277">
        <v>8</v>
      </c>
      <c r="X35" s="282">
        <v>8</v>
      </c>
      <c r="Y35" s="276">
        <v>1</v>
      </c>
      <c r="Z35" s="280">
        <v>3</v>
      </c>
      <c r="AA35" s="277">
        <v>4</v>
      </c>
      <c r="AB35" s="279">
        <v>0</v>
      </c>
      <c r="AC35" s="280">
        <v>18</v>
      </c>
      <c r="AD35" s="280">
        <v>17</v>
      </c>
      <c r="AE35" s="280">
        <v>6</v>
      </c>
      <c r="AF35" s="280">
        <v>6</v>
      </c>
      <c r="AG35" s="280">
        <v>8</v>
      </c>
      <c r="AH35" s="277">
        <v>55</v>
      </c>
      <c r="AI35" s="282">
        <v>59</v>
      </c>
      <c r="AJ35" s="276">
        <v>13</v>
      </c>
      <c r="AK35" s="280">
        <v>19</v>
      </c>
      <c r="AL35" s="277">
        <v>32</v>
      </c>
      <c r="AM35" s="279">
        <v>0</v>
      </c>
      <c r="AN35" s="280">
        <v>34</v>
      </c>
      <c r="AO35" s="280">
        <v>21</v>
      </c>
      <c r="AP35" s="280">
        <v>10</v>
      </c>
      <c r="AQ35" s="280">
        <v>3</v>
      </c>
      <c r="AR35" s="280">
        <v>4</v>
      </c>
      <c r="AS35" s="277">
        <v>72</v>
      </c>
      <c r="AT35" s="282">
        <v>104</v>
      </c>
      <c r="AU35" s="276">
        <v>8</v>
      </c>
      <c r="AV35" s="280">
        <v>9</v>
      </c>
      <c r="AW35" s="277">
        <v>17</v>
      </c>
      <c r="AX35" s="279">
        <v>0</v>
      </c>
      <c r="AY35" s="280">
        <v>23</v>
      </c>
      <c r="AZ35" s="280">
        <v>37</v>
      </c>
      <c r="BA35" s="280">
        <v>34</v>
      </c>
      <c r="BB35" s="280">
        <v>11</v>
      </c>
      <c r="BC35" s="280">
        <v>16</v>
      </c>
      <c r="BD35" s="281">
        <v>121</v>
      </c>
      <c r="BE35" s="282">
        <v>138</v>
      </c>
      <c r="BF35" s="276">
        <v>0</v>
      </c>
      <c r="BG35" s="280">
        <v>0</v>
      </c>
      <c r="BH35" s="277">
        <v>0</v>
      </c>
      <c r="BI35" s="279">
        <v>0</v>
      </c>
      <c r="BJ35" s="280">
        <v>13</v>
      </c>
      <c r="BK35" s="280">
        <v>10</v>
      </c>
      <c r="BL35" s="280">
        <v>3</v>
      </c>
      <c r="BM35" s="280">
        <v>4</v>
      </c>
      <c r="BN35" s="280">
        <v>4</v>
      </c>
      <c r="BO35" s="277">
        <v>34</v>
      </c>
      <c r="BP35" s="282">
        <v>34</v>
      </c>
      <c r="BQ35" s="276">
        <v>5</v>
      </c>
      <c r="BR35" s="280">
        <v>14</v>
      </c>
      <c r="BS35" s="277">
        <v>19</v>
      </c>
      <c r="BT35" s="279">
        <v>0</v>
      </c>
      <c r="BU35" s="280">
        <v>31</v>
      </c>
      <c r="BV35" s="280">
        <v>17</v>
      </c>
      <c r="BW35" s="280">
        <v>11</v>
      </c>
      <c r="BX35" s="280">
        <v>2</v>
      </c>
      <c r="BY35" s="280">
        <v>1</v>
      </c>
      <c r="BZ35" s="277">
        <v>62</v>
      </c>
      <c r="CA35" s="282">
        <v>81</v>
      </c>
      <c r="CB35" s="276">
        <v>0</v>
      </c>
      <c r="CC35" s="280">
        <v>0</v>
      </c>
      <c r="CD35" s="277">
        <v>0</v>
      </c>
      <c r="CE35" s="279">
        <v>0</v>
      </c>
      <c r="CF35" s="280">
        <v>5</v>
      </c>
      <c r="CG35" s="280">
        <v>9</v>
      </c>
      <c r="CH35" s="280">
        <v>5</v>
      </c>
      <c r="CI35" s="280">
        <v>4</v>
      </c>
      <c r="CJ35" s="280">
        <v>0</v>
      </c>
      <c r="CK35" s="277">
        <v>23</v>
      </c>
      <c r="CL35" s="282">
        <v>23</v>
      </c>
      <c r="CM35" s="276">
        <v>0</v>
      </c>
      <c r="CN35" s="280">
        <v>0</v>
      </c>
      <c r="CO35" s="277">
        <v>0</v>
      </c>
      <c r="CP35" s="279">
        <v>0</v>
      </c>
      <c r="CQ35" s="280">
        <v>1</v>
      </c>
      <c r="CR35" s="280">
        <v>1</v>
      </c>
      <c r="CS35" s="280">
        <v>2</v>
      </c>
      <c r="CT35" s="280">
        <v>0</v>
      </c>
      <c r="CU35" s="280">
        <v>1</v>
      </c>
      <c r="CV35" s="277">
        <v>5</v>
      </c>
      <c r="CW35" s="282">
        <v>5</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8</v>
      </c>
      <c r="DU35" s="280">
        <v>28</v>
      </c>
      <c r="DV35" s="277">
        <v>46</v>
      </c>
      <c r="DW35" s="279">
        <v>0</v>
      </c>
      <c r="DX35" s="280">
        <v>66</v>
      </c>
      <c r="DY35" s="280">
        <v>47</v>
      </c>
      <c r="DZ35" s="280">
        <v>28</v>
      </c>
      <c r="EA35" s="280">
        <v>12</v>
      </c>
      <c r="EB35" s="280">
        <v>21</v>
      </c>
      <c r="EC35" s="277">
        <v>174</v>
      </c>
      <c r="ED35" s="282">
        <v>220</v>
      </c>
      <c r="EE35" s="276">
        <v>5</v>
      </c>
      <c r="EF35" s="280">
        <v>3</v>
      </c>
      <c r="EG35" s="277">
        <v>8</v>
      </c>
      <c r="EH35" s="279">
        <v>0</v>
      </c>
      <c r="EI35" s="280">
        <v>14</v>
      </c>
      <c r="EJ35" s="280">
        <v>15</v>
      </c>
      <c r="EK35" s="280">
        <v>13</v>
      </c>
      <c r="EL35" s="280">
        <v>8</v>
      </c>
      <c r="EM35" s="280">
        <v>2</v>
      </c>
      <c r="EN35" s="277">
        <v>52</v>
      </c>
      <c r="EO35" s="282">
        <v>60</v>
      </c>
      <c r="EP35" s="276">
        <v>34</v>
      </c>
      <c r="EQ35" s="280">
        <v>54</v>
      </c>
      <c r="ER35" s="277">
        <v>88</v>
      </c>
      <c r="ES35" s="279">
        <v>0</v>
      </c>
      <c r="ET35" s="280">
        <v>112</v>
      </c>
      <c r="EU35" s="280">
        <v>69</v>
      </c>
      <c r="EV35" s="280">
        <v>37</v>
      </c>
      <c r="EW35" s="280">
        <v>14</v>
      </c>
      <c r="EX35" s="280">
        <v>18</v>
      </c>
      <c r="EY35" s="277">
        <v>250</v>
      </c>
      <c r="EZ35" s="282">
        <v>338</v>
      </c>
    </row>
    <row r="36" spans="2:156" ht="21" customHeight="1" x14ac:dyDescent="0.2">
      <c r="B36" s="261" t="s">
        <v>34</v>
      </c>
      <c r="C36" s="276">
        <v>0</v>
      </c>
      <c r="D36" s="280">
        <v>0</v>
      </c>
      <c r="E36" s="376">
        <v>0</v>
      </c>
      <c r="F36" s="279">
        <v>0</v>
      </c>
      <c r="G36" s="280">
        <v>13</v>
      </c>
      <c r="H36" s="280">
        <v>6</v>
      </c>
      <c r="I36" s="280">
        <v>9</v>
      </c>
      <c r="J36" s="280">
        <v>6</v>
      </c>
      <c r="K36" s="280">
        <v>1</v>
      </c>
      <c r="L36" s="281">
        <v>35</v>
      </c>
      <c r="M36" s="282">
        <v>35</v>
      </c>
      <c r="N36" s="276">
        <v>0</v>
      </c>
      <c r="O36" s="280">
        <v>0</v>
      </c>
      <c r="P36" s="277">
        <v>0</v>
      </c>
      <c r="Q36" s="279">
        <v>0</v>
      </c>
      <c r="R36" s="280">
        <v>0</v>
      </c>
      <c r="S36" s="280">
        <v>1</v>
      </c>
      <c r="T36" s="280">
        <v>0</v>
      </c>
      <c r="U36" s="280">
        <v>2</v>
      </c>
      <c r="V36" s="280">
        <v>5</v>
      </c>
      <c r="W36" s="277">
        <v>8</v>
      </c>
      <c r="X36" s="282">
        <v>8</v>
      </c>
      <c r="Y36" s="276">
        <v>1</v>
      </c>
      <c r="Z36" s="280">
        <v>7</v>
      </c>
      <c r="AA36" s="277">
        <v>8</v>
      </c>
      <c r="AB36" s="279">
        <v>0</v>
      </c>
      <c r="AC36" s="280">
        <v>11</v>
      </c>
      <c r="AD36" s="280">
        <v>13</v>
      </c>
      <c r="AE36" s="280">
        <v>10</v>
      </c>
      <c r="AF36" s="280">
        <v>7</v>
      </c>
      <c r="AG36" s="280">
        <v>5</v>
      </c>
      <c r="AH36" s="277">
        <v>46</v>
      </c>
      <c r="AI36" s="282">
        <v>54</v>
      </c>
      <c r="AJ36" s="276">
        <v>0</v>
      </c>
      <c r="AK36" s="280">
        <v>0</v>
      </c>
      <c r="AL36" s="277">
        <v>0</v>
      </c>
      <c r="AM36" s="279">
        <v>0</v>
      </c>
      <c r="AN36" s="280">
        <v>5</v>
      </c>
      <c r="AO36" s="280">
        <v>5</v>
      </c>
      <c r="AP36" s="280">
        <v>3</v>
      </c>
      <c r="AQ36" s="280">
        <v>1</v>
      </c>
      <c r="AR36" s="280">
        <v>2</v>
      </c>
      <c r="AS36" s="277">
        <v>16</v>
      </c>
      <c r="AT36" s="282">
        <v>16</v>
      </c>
      <c r="AU36" s="276">
        <v>5</v>
      </c>
      <c r="AV36" s="280">
        <v>4</v>
      </c>
      <c r="AW36" s="277">
        <v>9</v>
      </c>
      <c r="AX36" s="279">
        <v>0</v>
      </c>
      <c r="AY36" s="280">
        <v>31</v>
      </c>
      <c r="AZ36" s="280">
        <v>27</v>
      </c>
      <c r="BA36" s="280">
        <v>17</v>
      </c>
      <c r="BB36" s="280">
        <v>22</v>
      </c>
      <c r="BC36" s="280">
        <v>16</v>
      </c>
      <c r="BD36" s="281">
        <v>113</v>
      </c>
      <c r="BE36" s="282">
        <v>122</v>
      </c>
      <c r="BF36" s="276">
        <v>0</v>
      </c>
      <c r="BG36" s="280">
        <v>0</v>
      </c>
      <c r="BH36" s="277">
        <v>0</v>
      </c>
      <c r="BI36" s="279">
        <v>0</v>
      </c>
      <c r="BJ36" s="280">
        <v>28</v>
      </c>
      <c r="BK36" s="280">
        <v>20</v>
      </c>
      <c r="BL36" s="280">
        <v>13</v>
      </c>
      <c r="BM36" s="280">
        <v>12</v>
      </c>
      <c r="BN36" s="280">
        <v>1</v>
      </c>
      <c r="BO36" s="277">
        <v>74</v>
      </c>
      <c r="BP36" s="282">
        <v>74</v>
      </c>
      <c r="BQ36" s="276">
        <v>2</v>
      </c>
      <c r="BR36" s="280">
        <v>3</v>
      </c>
      <c r="BS36" s="277">
        <v>5</v>
      </c>
      <c r="BT36" s="279">
        <v>0</v>
      </c>
      <c r="BU36" s="280">
        <v>9</v>
      </c>
      <c r="BV36" s="280">
        <v>2</v>
      </c>
      <c r="BW36" s="280">
        <v>1</v>
      </c>
      <c r="BX36" s="280">
        <v>5</v>
      </c>
      <c r="BY36" s="280">
        <v>0</v>
      </c>
      <c r="BZ36" s="277">
        <v>17</v>
      </c>
      <c r="CA36" s="282">
        <v>22</v>
      </c>
      <c r="CB36" s="276">
        <v>0</v>
      </c>
      <c r="CC36" s="280">
        <v>0</v>
      </c>
      <c r="CD36" s="277">
        <v>0</v>
      </c>
      <c r="CE36" s="279">
        <v>0</v>
      </c>
      <c r="CF36" s="280">
        <v>5</v>
      </c>
      <c r="CG36" s="280">
        <v>1</v>
      </c>
      <c r="CH36" s="280">
        <v>2</v>
      </c>
      <c r="CI36" s="280">
        <v>1</v>
      </c>
      <c r="CJ36" s="280">
        <v>2</v>
      </c>
      <c r="CK36" s="277">
        <v>11</v>
      </c>
      <c r="CL36" s="282">
        <v>11</v>
      </c>
      <c r="CM36" s="276">
        <v>0</v>
      </c>
      <c r="CN36" s="280">
        <v>0</v>
      </c>
      <c r="CO36" s="277">
        <v>0</v>
      </c>
      <c r="CP36" s="279">
        <v>0</v>
      </c>
      <c r="CQ36" s="280">
        <v>1</v>
      </c>
      <c r="CR36" s="280">
        <v>0</v>
      </c>
      <c r="CS36" s="280">
        <v>0</v>
      </c>
      <c r="CT36" s="280">
        <v>2</v>
      </c>
      <c r="CU36" s="280">
        <v>0</v>
      </c>
      <c r="CV36" s="277">
        <v>3</v>
      </c>
      <c r="CW36" s="282">
        <v>3</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13</v>
      </c>
      <c r="DU36" s="280">
        <v>17</v>
      </c>
      <c r="DV36" s="277">
        <v>30</v>
      </c>
      <c r="DW36" s="279">
        <v>0</v>
      </c>
      <c r="DX36" s="280">
        <v>48</v>
      </c>
      <c r="DY36" s="280">
        <v>46</v>
      </c>
      <c r="DZ36" s="280">
        <v>27</v>
      </c>
      <c r="EA36" s="280">
        <v>24</v>
      </c>
      <c r="EB36" s="280">
        <v>11</v>
      </c>
      <c r="EC36" s="277">
        <v>156</v>
      </c>
      <c r="ED36" s="282">
        <v>186</v>
      </c>
      <c r="EE36" s="276">
        <v>3</v>
      </c>
      <c r="EF36" s="280">
        <v>1</v>
      </c>
      <c r="EG36" s="277">
        <v>4</v>
      </c>
      <c r="EH36" s="279">
        <v>0</v>
      </c>
      <c r="EI36" s="280">
        <v>10</v>
      </c>
      <c r="EJ36" s="280">
        <v>6</v>
      </c>
      <c r="EK36" s="280">
        <v>3</v>
      </c>
      <c r="EL36" s="280">
        <v>7</v>
      </c>
      <c r="EM36" s="280">
        <v>3</v>
      </c>
      <c r="EN36" s="277">
        <v>29</v>
      </c>
      <c r="EO36" s="282">
        <v>33</v>
      </c>
      <c r="EP36" s="276">
        <v>15</v>
      </c>
      <c r="EQ36" s="280">
        <v>22</v>
      </c>
      <c r="ER36" s="277">
        <v>37</v>
      </c>
      <c r="ES36" s="279">
        <v>0</v>
      </c>
      <c r="ET36" s="280">
        <v>75</v>
      </c>
      <c r="EU36" s="280">
        <v>50</v>
      </c>
      <c r="EV36" s="280">
        <v>25</v>
      </c>
      <c r="EW36" s="280">
        <v>24</v>
      </c>
      <c r="EX36" s="280">
        <v>8</v>
      </c>
      <c r="EY36" s="277">
        <v>182</v>
      </c>
      <c r="EZ36" s="282">
        <v>219</v>
      </c>
    </row>
    <row r="37" spans="2:156" ht="21" customHeight="1" x14ac:dyDescent="0.2">
      <c r="B37" s="261" t="s">
        <v>35</v>
      </c>
      <c r="C37" s="276">
        <v>0</v>
      </c>
      <c r="D37" s="280">
        <v>0</v>
      </c>
      <c r="E37" s="376">
        <v>0</v>
      </c>
      <c r="F37" s="279">
        <v>0</v>
      </c>
      <c r="G37" s="280">
        <v>113</v>
      </c>
      <c r="H37" s="280">
        <v>59</v>
      </c>
      <c r="I37" s="280">
        <v>35</v>
      </c>
      <c r="J37" s="280">
        <v>39</v>
      </c>
      <c r="K37" s="280">
        <v>16</v>
      </c>
      <c r="L37" s="281">
        <v>262</v>
      </c>
      <c r="M37" s="282">
        <v>262</v>
      </c>
      <c r="N37" s="276">
        <v>0</v>
      </c>
      <c r="O37" s="280">
        <v>0</v>
      </c>
      <c r="P37" s="277">
        <v>0</v>
      </c>
      <c r="Q37" s="279">
        <v>0</v>
      </c>
      <c r="R37" s="280">
        <v>1</v>
      </c>
      <c r="S37" s="280">
        <v>6</v>
      </c>
      <c r="T37" s="280">
        <v>4</v>
      </c>
      <c r="U37" s="280">
        <v>10</v>
      </c>
      <c r="V37" s="280">
        <v>11</v>
      </c>
      <c r="W37" s="277">
        <v>32</v>
      </c>
      <c r="X37" s="282">
        <v>32</v>
      </c>
      <c r="Y37" s="276">
        <v>2</v>
      </c>
      <c r="Z37" s="280">
        <v>8</v>
      </c>
      <c r="AA37" s="277">
        <v>10</v>
      </c>
      <c r="AB37" s="279">
        <v>0</v>
      </c>
      <c r="AC37" s="280">
        <v>51</v>
      </c>
      <c r="AD37" s="280">
        <v>39</v>
      </c>
      <c r="AE37" s="280">
        <v>27</v>
      </c>
      <c r="AF37" s="280">
        <v>28</v>
      </c>
      <c r="AG37" s="280">
        <v>12</v>
      </c>
      <c r="AH37" s="277">
        <v>157</v>
      </c>
      <c r="AI37" s="282">
        <v>167</v>
      </c>
      <c r="AJ37" s="276">
        <v>2</v>
      </c>
      <c r="AK37" s="280">
        <v>7</v>
      </c>
      <c r="AL37" s="277">
        <v>9</v>
      </c>
      <c r="AM37" s="279">
        <v>0</v>
      </c>
      <c r="AN37" s="280">
        <v>23</v>
      </c>
      <c r="AO37" s="280">
        <v>11</v>
      </c>
      <c r="AP37" s="280">
        <v>5</v>
      </c>
      <c r="AQ37" s="280">
        <v>10</v>
      </c>
      <c r="AR37" s="280">
        <v>3</v>
      </c>
      <c r="AS37" s="277">
        <v>52</v>
      </c>
      <c r="AT37" s="282">
        <v>61</v>
      </c>
      <c r="AU37" s="276">
        <v>19</v>
      </c>
      <c r="AV37" s="280">
        <v>21</v>
      </c>
      <c r="AW37" s="277">
        <v>40</v>
      </c>
      <c r="AX37" s="279">
        <v>0</v>
      </c>
      <c r="AY37" s="280">
        <v>96</v>
      </c>
      <c r="AZ37" s="280">
        <v>74</v>
      </c>
      <c r="BA37" s="280">
        <v>77</v>
      </c>
      <c r="BB37" s="280">
        <v>94</v>
      </c>
      <c r="BC37" s="280">
        <v>44</v>
      </c>
      <c r="BD37" s="281">
        <v>385</v>
      </c>
      <c r="BE37" s="282">
        <v>425</v>
      </c>
      <c r="BF37" s="276">
        <v>0</v>
      </c>
      <c r="BG37" s="280">
        <v>0</v>
      </c>
      <c r="BH37" s="277">
        <v>0</v>
      </c>
      <c r="BI37" s="279">
        <v>0</v>
      </c>
      <c r="BJ37" s="280">
        <v>148</v>
      </c>
      <c r="BK37" s="280">
        <v>76</v>
      </c>
      <c r="BL37" s="280">
        <v>44</v>
      </c>
      <c r="BM37" s="280">
        <v>31</v>
      </c>
      <c r="BN37" s="280">
        <v>13</v>
      </c>
      <c r="BO37" s="277">
        <v>312</v>
      </c>
      <c r="BP37" s="282">
        <v>312</v>
      </c>
      <c r="BQ37" s="276">
        <v>10</v>
      </c>
      <c r="BR37" s="280">
        <v>23</v>
      </c>
      <c r="BS37" s="277">
        <v>33</v>
      </c>
      <c r="BT37" s="279">
        <v>0</v>
      </c>
      <c r="BU37" s="280">
        <v>65</v>
      </c>
      <c r="BV37" s="280">
        <v>28</v>
      </c>
      <c r="BW37" s="280">
        <v>9</v>
      </c>
      <c r="BX37" s="280">
        <v>13</v>
      </c>
      <c r="BY37" s="280">
        <v>1</v>
      </c>
      <c r="BZ37" s="277">
        <v>116</v>
      </c>
      <c r="CA37" s="282">
        <v>149</v>
      </c>
      <c r="CB37" s="276">
        <v>0</v>
      </c>
      <c r="CC37" s="280">
        <v>0</v>
      </c>
      <c r="CD37" s="277">
        <v>0</v>
      </c>
      <c r="CE37" s="279">
        <v>0</v>
      </c>
      <c r="CF37" s="280">
        <v>12</v>
      </c>
      <c r="CG37" s="280">
        <v>10</v>
      </c>
      <c r="CH37" s="280">
        <v>9</v>
      </c>
      <c r="CI37" s="280">
        <v>13</v>
      </c>
      <c r="CJ37" s="280">
        <v>1</v>
      </c>
      <c r="CK37" s="277">
        <v>45</v>
      </c>
      <c r="CL37" s="282">
        <v>45</v>
      </c>
      <c r="CM37" s="276">
        <v>0</v>
      </c>
      <c r="CN37" s="280">
        <v>0</v>
      </c>
      <c r="CO37" s="277">
        <v>0</v>
      </c>
      <c r="CP37" s="279">
        <v>0</v>
      </c>
      <c r="CQ37" s="280">
        <v>4</v>
      </c>
      <c r="CR37" s="280">
        <v>1</v>
      </c>
      <c r="CS37" s="280">
        <v>2</v>
      </c>
      <c r="CT37" s="280">
        <v>3</v>
      </c>
      <c r="CU37" s="280">
        <v>0</v>
      </c>
      <c r="CV37" s="277">
        <v>10</v>
      </c>
      <c r="CW37" s="282">
        <v>1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46</v>
      </c>
      <c r="DU37" s="280">
        <v>79</v>
      </c>
      <c r="DV37" s="277">
        <v>125</v>
      </c>
      <c r="DW37" s="279">
        <v>0</v>
      </c>
      <c r="DX37" s="280">
        <v>188</v>
      </c>
      <c r="DY37" s="280">
        <v>149</v>
      </c>
      <c r="DZ37" s="280">
        <v>83</v>
      </c>
      <c r="EA37" s="280">
        <v>77</v>
      </c>
      <c r="EB37" s="280">
        <v>36</v>
      </c>
      <c r="EC37" s="277">
        <v>533</v>
      </c>
      <c r="ED37" s="282">
        <v>658</v>
      </c>
      <c r="EE37" s="276">
        <v>18</v>
      </c>
      <c r="EF37" s="280">
        <v>12</v>
      </c>
      <c r="EG37" s="277">
        <v>30</v>
      </c>
      <c r="EH37" s="279">
        <v>0</v>
      </c>
      <c r="EI37" s="280">
        <v>40</v>
      </c>
      <c r="EJ37" s="280">
        <v>21</v>
      </c>
      <c r="EK37" s="280">
        <v>25</v>
      </c>
      <c r="EL37" s="280">
        <v>34</v>
      </c>
      <c r="EM37" s="280">
        <v>9</v>
      </c>
      <c r="EN37" s="277">
        <v>129</v>
      </c>
      <c r="EO37" s="282">
        <v>159</v>
      </c>
      <c r="EP37" s="276">
        <v>55</v>
      </c>
      <c r="EQ37" s="280">
        <v>101</v>
      </c>
      <c r="ER37" s="277">
        <v>156</v>
      </c>
      <c r="ES37" s="279">
        <v>0</v>
      </c>
      <c r="ET37" s="280">
        <v>332</v>
      </c>
      <c r="EU37" s="280">
        <v>190</v>
      </c>
      <c r="EV37" s="280">
        <v>90</v>
      </c>
      <c r="EW37" s="280">
        <v>83</v>
      </c>
      <c r="EX37" s="280">
        <v>34</v>
      </c>
      <c r="EY37" s="277">
        <v>729</v>
      </c>
      <c r="EZ37" s="282">
        <v>885</v>
      </c>
    </row>
    <row r="38" spans="2:156" ht="21" customHeight="1" x14ac:dyDescent="0.2">
      <c r="B38" s="261" t="s">
        <v>36</v>
      </c>
      <c r="C38" s="276">
        <v>0</v>
      </c>
      <c r="D38" s="280">
        <v>0</v>
      </c>
      <c r="E38" s="376">
        <v>0</v>
      </c>
      <c r="F38" s="279">
        <v>0</v>
      </c>
      <c r="G38" s="280">
        <v>60</v>
      </c>
      <c r="H38" s="280">
        <v>66</v>
      </c>
      <c r="I38" s="280">
        <v>33</v>
      </c>
      <c r="J38" s="280">
        <v>39</v>
      </c>
      <c r="K38" s="280">
        <v>34</v>
      </c>
      <c r="L38" s="281">
        <v>232</v>
      </c>
      <c r="M38" s="282">
        <v>232</v>
      </c>
      <c r="N38" s="276">
        <v>0</v>
      </c>
      <c r="O38" s="280">
        <v>0</v>
      </c>
      <c r="P38" s="277">
        <v>0</v>
      </c>
      <c r="Q38" s="279">
        <v>0</v>
      </c>
      <c r="R38" s="280">
        <v>7</v>
      </c>
      <c r="S38" s="280">
        <v>6</v>
      </c>
      <c r="T38" s="280">
        <v>4</v>
      </c>
      <c r="U38" s="280">
        <v>7</v>
      </c>
      <c r="V38" s="280">
        <v>11</v>
      </c>
      <c r="W38" s="277">
        <v>35</v>
      </c>
      <c r="X38" s="282">
        <v>35</v>
      </c>
      <c r="Y38" s="276">
        <v>11</v>
      </c>
      <c r="Z38" s="280">
        <v>21</v>
      </c>
      <c r="AA38" s="277">
        <v>32</v>
      </c>
      <c r="AB38" s="279">
        <v>0</v>
      </c>
      <c r="AC38" s="280">
        <v>50</v>
      </c>
      <c r="AD38" s="280">
        <v>56</v>
      </c>
      <c r="AE38" s="280">
        <v>31</v>
      </c>
      <c r="AF38" s="280">
        <v>29</v>
      </c>
      <c r="AG38" s="280">
        <v>28</v>
      </c>
      <c r="AH38" s="277">
        <v>194</v>
      </c>
      <c r="AI38" s="282">
        <v>226</v>
      </c>
      <c r="AJ38" s="276">
        <v>4</v>
      </c>
      <c r="AK38" s="280">
        <v>9</v>
      </c>
      <c r="AL38" s="277">
        <v>13</v>
      </c>
      <c r="AM38" s="279">
        <v>0</v>
      </c>
      <c r="AN38" s="280">
        <v>15</v>
      </c>
      <c r="AO38" s="280">
        <v>15</v>
      </c>
      <c r="AP38" s="280">
        <v>5</v>
      </c>
      <c r="AQ38" s="280">
        <v>8</v>
      </c>
      <c r="AR38" s="280">
        <v>7</v>
      </c>
      <c r="AS38" s="277">
        <v>50</v>
      </c>
      <c r="AT38" s="282">
        <v>63</v>
      </c>
      <c r="AU38" s="276">
        <v>4</v>
      </c>
      <c r="AV38" s="280">
        <v>7</v>
      </c>
      <c r="AW38" s="277">
        <v>11</v>
      </c>
      <c r="AX38" s="279">
        <v>0</v>
      </c>
      <c r="AY38" s="280">
        <v>33</v>
      </c>
      <c r="AZ38" s="280">
        <v>61</v>
      </c>
      <c r="BA38" s="280">
        <v>64</v>
      </c>
      <c r="BB38" s="280">
        <v>63</v>
      </c>
      <c r="BC38" s="280">
        <v>49</v>
      </c>
      <c r="BD38" s="281">
        <v>270</v>
      </c>
      <c r="BE38" s="282">
        <v>281</v>
      </c>
      <c r="BF38" s="276">
        <v>0</v>
      </c>
      <c r="BG38" s="280">
        <v>0</v>
      </c>
      <c r="BH38" s="277">
        <v>0</v>
      </c>
      <c r="BI38" s="279">
        <v>0</v>
      </c>
      <c r="BJ38" s="280">
        <v>86</v>
      </c>
      <c r="BK38" s="280">
        <v>96</v>
      </c>
      <c r="BL38" s="280">
        <v>35</v>
      </c>
      <c r="BM38" s="280">
        <v>30</v>
      </c>
      <c r="BN38" s="280">
        <v>17</v>
      </c>
      <c r="BO38" s="277">
        <v>264</v>
      </c>
      <c r="BP38" s="282">
        <v>264</v>
      </c>
      <c r="BQ38" s="276">
        <v>4</v>
      </c>
      <c r="BR38" s="280">
        <v>8</v>
      </c>
      <c r="BS38" s="277">
        <v>12</v>
      </c>
      <c r="BT38" s="279">
        <v>0</v>
      </c>
      <c r="BU38" s="280">
        <v>27</v>
      </c>
      <c r="BV38" s="280">
        <v>23</v>
      </c>
      <c r="BW38" s="280">
        <v>17</v>
      </c>
      <c r="BX38" s="280">
        <v>6</v>
      </c>
      <c r="BY38" s="280">
        <v>3</v>
      </c>
      <c r="BZ38" s="277">
        <v>76</v>
      </c>
      <c r="CA38" s="282">
        <v>88</v>
      </c>
      <c r="CB38" s="276">
        <v>0</v>
      </c>
      <c r="CC38" s="280">
        <v>0</v>
      </c>
      <c r="CD38" s="277">
        <v>0</v>
      </c>
      <c r="CE38" s="279">
        <v>0</v>
      </c>
      <c r="CF38" s="280">
        <v>10</v>
      </c>
      <c r="CG38" s="280">
        <v>23</v>
      </c>
      <c r="CH38" s="280">
        <v>21</v>
      </c>
      <c r="CI38" s="280">
        <v>20</v>
      </c>
      <c r="CJ38" s="280">
        <v>10</v>
      </c>
      <c r="CK38" s="277">
        <v>84</v>
      </c>
      <c r="CL38" s="282">
        <v>84</v>
      </c>
      <c r="CM38" s="276">
        <v>0</v>
      </c>
      <c r="CN38" s="280">
        <v>0</v>
      </c>
      <c r="CO38" s="277">
        <v>0</v>
      </c>
      <c r="CP38" s="279">
        <v>0</v>
      </c>
      <c r="CQ38" s="280">
        <v>1</v>
      </c>
      <c r="CR38" s="280">
        <v>0</v>
      </c>
      <c r="CS38" s="280">
        <v>0</v>
      </c>
      <c r="CT38" s="280">
        <v>0</v>
      </c>
      <c r="CU38" s="280">
        <v>0</v>
      </c>
      <c r="CV38" s="277">
        <v>1</v>
      </c>
      <c r="CW38" s="282">
        <v>1</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36</v>
      </c>
      <c r="DU38" s="280">
        <v>94</v>
      </c>
      <c r="DV38" s="277">
        <v>130</v>
      </c>
      <c r="DW38" s="279">
        <v>0</v>
      </c>
      <c r="DX38" s="280">
        <v>170</v>
      </c>
      <c r="DY38" s="280">
        <v>174</v>
      </c>
      <c r="DZ38" s="280">
        <v>83</v>
      </c>
      <c r="EA38" s="280">
        <v>88</v>
      </c>
      <c r="EB38" s="280">
        <v>54</v>
      </c>
      <c r="EC38" s="277">
        <v>569</v>
      </c>
      <c r="ED38" s="282">
        <v>699</v>
      </c>
      <c r="EE38" s="276">
        <v>2</v>
      </c>
      <c r="EF38" s="280">
        <v>1</v>
      </c>
      <c r="EG38" s="277">
        <v>3</v>
      </c>
      <c r="EH38" s="279">
        <v>0</v>
      </c>
      <c r="EI38" s="280">
        <v>10</v>
      </c>
      <c r="EJ38" s="280">
        <v>13</v>
      </c>
      <c r="EK38" s="280">
        <v>15</v>
      </c>
      <c r="EL38" s="280">
        <v>10</v>
      </c>
      <c r="EM38" s="280">
        <v>4</v>
      </c>
      <c r="EN38" s="277">
        <v>52</v>
      </c>
      <c r="EO38" s="282">
        <v>55</v>
      </c>
      <c r="EP38" s="276">
        <v>46</v>
      </c>
      <c r="EQ38" s="280">
        <v>112</v>
      </c>
      <c r="ER38" s="277">
        <v>158</v>
      </c>
      <c r="ES38" s="279">
        <v>0</v>
      </c>
      <c r="ET38" s="280">
        <v>280</v>
      </c>
      <c r="EU38" s="280">
        <v>240</v>
      </c>
      <c r="EV38" s="280">
        <v>108</v>
      </c>
      <c r="EW38" s="280">
        <v>104</v>
      </c>
      <c r="EX38" s="280">
        <v>69</v>
      </c>
      <c r="EY38" s="277">
        <v>801</v>
      </c>
      <c r="EZ38" s="282">
        <v>959</v>
      </c>
    </row>
    <row r="39" spans="2:156" ht="21" customHeight="1" thickBot="1" x14ac:dyDescent="0.25">
      <c r="B39" s="262" t="s">
        <v>37</v>
      </c>
      <c r="C39" s="283">
        <v>0</v>
      </c>
      <c r="D39" s="287">
        <v>0</v>
      </c>
      <c r="E39" s="377">
        <v>0</v>
      </c>
      <c r="F39" s="286">
        <v>0</v>
      </c>
      <c r="G39" s="287">
        <v>2</v>
      </c>
      <c r="H39" s="287">
        <v>6</v>
      </c>
      <c r="I39" s="287">
        <v>4</v>
      </c>
      <c r="J39" s="287">
        <v>3</v>
      </c>
      <c r="K39" s="287">
        <v>3</v>
      </c>
      <c r="L39" s="288">
        <v>18</v>
      </c>
      <c r="M39" s="289">
        <v>18</v>
      </c>
      <c r="N39" s="283">
        <v>0</v>
      </c>
      <c r="O39" s="287">
        <v>0</v>
      </c>
      <c r="P39" s="284">
        <v>0</v>
      </c>
      <c r="Q39" s="286">
        <v>0</v>
      </c>
      <c r="R39" s="287">
        <v>0</v>
      </c>
      <c r="S39" s="287">
        <v>0</v>
      </c>
      <c r="T39" s="287">
        <v>0</v>
      </c>
      <c r="U39" s="287">
        <v>0</v>
      </c>
      <c r="V39" s="287">
        <v>0</v>
      </c>
      <c r="W39" s="284">
        <v>0</v>
      </c>
      <c r="X39" s="289">
        <v>0</v>
      </c>
      <c r="Y39" s="283">
        <v>1</v>
      </c>
      <c r="Z39" s="287">
        <v>2</v>
      </c>
      <c r="AA39" s="284">
        <v>3</v>
      </c>
      <c r="AB39" s="286">
        <v>0</v>
      </c>
      <c r="AC39" s="287">
        <v>4</v>
      </c>
      <c r="AD39" s="287">
        <v>3</v>
      </c>
      <c r="AE39" s="287">
        <v>2</v>
      </c>
      <c r="AF39" s="287">
        <v>5</v>
      </c>
      <c r="AG39" s="287">
        <v>1</v>
      </c>
      <c r="AH39" s="284">
        <v>15</v>
      </c>
      <c r="AI39" s="289">
        <v>18</v>
      </c>
      <c r="AJ39" s="283">
        <v>0</v>
      </c>
      <c r="AK39" s="287">
        <v>0</v>
      </c>
      <c r="AL39" s="284">
        <v>0</v>
      </c>
      <c r="AM39" s="286">
        <v>0</v>
      </c>
      <c r="AN39" s="287">
        <v>0</v>
      </c>
      <c r="AO39" s="287">
        <v>1</v>
      </c>
      <c r="AP39" s="287">
        <v>0</v>
      </c>
      <c r="AQ39" s="287">
        <v>2</v>
      </c>
      <c r="AR39" s="287">
        <v>0</v>
      </c>
      <c r="AS39" s="284">
        <v>3</v>
      </c>
      <c r="AT39" s="289">
        <v>3</v>
      </c>
      <c r="AU39" s="283">
        <v>1</v>
      </c>
      <c r="AV39" s="287">
        <v>0</v>
      </c>
      <c r="AW39" s="284">
        <v>1</v>
      </c>
      <c r="AX39" s="286">
        <v>0</v>
      </c>
      <c r="AY39" s="287">
        <v>2</v>
      </c>
      <c r="AZ39" s="287">
        <v>1</v>
      </c>
      <c r="BA39" s="287">
        <v>4</v>
      </c>
      <c r="BB39" s="287">
        <v>7</v>
      </c>
      <c r="BC39" s="287">
        <v>3</v>
      </c>
      <c r="BD39" s="288">
        <v>17</v>
      </c>
      <c r="BE39" s="289">
        <v>18</v>
      </c>
      <c r="BF39" s="283">
        <v>0</v>
      </c>
      <c r="BG39" s="287">
        <v>0</v>
      </c>
      <c r="BH39" s="284">
        <v>0</v>
      </c>
      <c r="BI39" s="286">
        <v>0</v>
      </c>
      <c r="BJ39" s="287">
        <v>7</v>
      </c>
      <c r="BK39" s="287">
        <v>3</v>
      </c>
      <c r="BL39" s="287">
        <v>7</v>
      </c>
      <c r="BM39" s="287">
        <v>4</v>
      </c>
      <c r="BN39" s="287">
        <v>2</v>
      </c>
      <c r="BO39" s="284">
        <v>23</v>
      </c>
      <c r="BP39" s="289">
        <v>23</v>
      </c>
      <c r="BQ39" s="283">
        <v>2</v>
      </c>
      <c r="BR39" s="287">
        <v>1</v>
      </c>
      <c r="BS39" s="284">
        <v>3</v>
      </c>
      <c r="BT39" s="286">
        <v>0</v>
      </c>
      <c r="BU39" s="287">
        <v>8</v>
      </c>
      <c r="BV39" s="287">
        <v>1</v>
      </c>
      <c r="BW39" s="287">
        <v>3</v>
      </c>
      <c r="BX39" s="287">
        <v>2</v>
      </c>
      <c r="BY39" s="287">
        <v>0</v>
      </c>
      <c r="BZ39" s="284">
        <v>14</v>
      </c>
      <c r="CA39" s="289">
        <v>17</v>
      </c>
      <c r="CB39" s="283">
        <v>0</v>
      </c>
      <c r="CC39" s="287">
        <v>0</v>
      </c>
      <c r="CD39" s="284">
        <v>0</v>
      </c>
      <c r="CE39" s="286">
        <v>0</v>
      </c>
      <c r="CF39" s="287">
        <v>0</v>
      </c>
      <c r="CG39" s="287">
        <v>2</v>
      </c>
      <c r="CH39" s="287">
        <v>7</v>
      </c>
      <c r="CI39" s="287">
        <v>2</v>
      </c>
      <c r="CJ39" s="287">
        <v>0</v>
      </c>
      <c r="CK39" s="284">
        <v>11</v>
      </c>
      <c r="CL39" s="289">
        <v>11</v>
      </c>
      <c r="CM39" s="283">
        <v>0</v>
      </c>
      <c r="CN39" s="287">
        <v>0</v>
      </c>
      <c r="CO39" s="284">
        <v>0</v>
      </c>
      <c r="CP39" s="286">
        <v>0</v>
      </c>
      <c r="CQ39" s="287">
        <v>0</v>
      </c>
      <c r="CR39" s="287">
        <v>0</v>
      </c>
      <c r="CS39" s="287">
        <v>1</v>
      </c>
      <c r="CT39" s="287">
        <v>1</v>
      </c>
      <c r="CU39" s="287">
        <v>1</v>
      </c>
      <c r="CV39" s="284">
        <v>3</v>
      </c>
      <c r="CW39" s="289">
        <v>3</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12</v>
      </c>
      <c r="DU39" s="287">
        <v>4</v>
      </c>
      <c r="DV39" s="284">
        <v>16</v>
      </c>
      <c r="DW39" s="286">
        <v>0</v>
      </c>
      <c r="DX39" s="287">
        <v>18</v>
      </c>
      <c r="DY39" s="287">
        <v>15</v>
      </c>
      <c r="DZ39" s="287">
        <v>20</v>
      </c>
      <c r="EA39" s="287">
        <v>11</v>
      </c>
      <c r="EB39" s="287">
        <v>4</v>
      </c>
      <c r="EC39" s="284">
        <v>68</v>
      </c>
      <c r="ED39" s="289">
        <v>84</v>
      </c>
      <c r="EE39" s="283">
        <v>0</v>
      </c>
      <c r="EF39" s="287">
        <v>0</v>
      </c>
      <c r="EG39" s="284">
        <v>0</v>
      </c>
      <c r="EH39" s="286">
        <v>0</v>
      </c>
      <c r="EI39" s="287">
        <v>0</v>
      </c>
      <c r="EJ39" s="287">
        <v>0</v>
      </c>
      <c r="EK39" s="287">
        <v>0</v>
      </c>
      <c r="EL39" s="287">
        <v>2</v>
      </c>
      <c r="EM39" s="287">
        <v>0</v>
      </c>
      <c r="EN39" s="284">
        <v>2</v>
      </c>
      <c r="EO39" s="289">
        <v>2</v>
      </c>
      <c r="EP39" s="283">
        <v>14</v>
      </c>
      <c r="EQ39" s="287">
        <v>5</v>
      </c>
      <c r="ER39" s="284">
        <v>19</v>
      </c>
      <c r="ES39" s="286">
        <v>0</v>
      </c>
      <c r="ET39" s="287">
        <v>26</v>
      </c>
      <c r="EU39" s="287">
        <v>18</v>
      </c>
      <c r="EV39" s="287">
        <v>23</v>
      </c>
      <c r="EW39" s="287">
        <v>12</v>
      </c>
      <c r="EX39" s="287">
        <v>4</v>
      </c>
      <c r="EY39" s="284">
        <v>83</v>
      </c>
      <c r="EZ39" s="289">
        <v>102</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255" customWidth="1"/>
    <col min="2" max="2" width="10.6640625" style="255" customWidth="1"/>
    <col min="3"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2">
        <f>第１表!F2</f>
        <v>5</v>
      </c>
      <c r="J1" s="522"/>
      <c r="K1" s="248">
        <f>第１表!G2</f>
        <v>6</v>
      </c>
      <c r="L1" s="527">
        <f>IF(K1&lt;3,K1+12-2,K1-2)</f>
        <v>4</v>
      </c>
      <c r="M1" s="527"/>
    </row>
    <row r="2" spans="2:156" ht="24" customHeight="1" thickBot="1" x14ac:dyDescent="0.25">
      <c r="B2" s="290" t="s">
        <v>130</v>
      </c>
      <c r="G2" s="247"/>
      <c r="H2" s="248"/>
      <c r="J2" s="320"/>
      <c r="K2" s="320"/>
    </row>
    <row r="3" spans="2:156" ht="21" customHeight="1" thickBot="1" x14ac:dyDescent="0.25">
      <c r="B3" s="535"/>
      <c r="C3" s="538" t="s">
        <v>70</v>
      </c>
      <c r="D3" s="539"/>
      <c r="E3" s="539"/>
      <c r="F3" s="539"/>
      <c r="G3" s="539"/>
      <c r="H3" s="539"/>
      <c r="I3" s="539"/>
      <c r="J3" s="539"/>
      <c r="K3" s="539"/>
      <c r="L3" s="539"/>
      <c r="M3" s="540"/>
      <c r="N3" s="538" t="s">
        <v>71</v>
      </c>
      <c r="O3" s="539"/>
      <c r="P3" s="539"/>
      <c r="Q3" s="539"/>
      <c r="R3" s="539"/>
      <c r="S3" s="539"/>
      <c r="T3" s="539"/>
      <c r="U3" s="539"/>
      <c r="V3" s="539"/>
      <c r="W3" s="539"/>
      <c r="X3" s="540"/>
      <c r="Y3" s="538" t="s">
        <v>72</v>
      </c>
      <c r="Z3" s="539"/>
      <c r="AA3" s="539"/>
      <c r="AB3" s="539"/>
      <c r="AC3" s="539"/>
      <c r="AD3" s="539"/>
      <c r="AE3" s="539"/>
      <c r="AF3" s="539"/>
      <c r="AG3" s="539"/>
      <c r="AH3" s="539"/>
      <c r="AI3" s="540"/>
      <c r="AJ3" s="538" t="s">
        <v>73</v>
      </c>
      <c r="AK3" s="539"/>
      <c r="AL3" s="539"/>
      <c r="AM3" s="539"/>
      <c r="AN3" s="539"/>
      <c r="AO3" s="539"/>
      <c r="AP3" s="539"/>
      <c r="AQ3" s="539"/>
      <c r="AR3" s="539"/>
      <c r="AS3" s="539"/>
      <c r="AT3" s="540"/>
      <c r="AU3" s="538" t="s">
        <v>74</v>
      </c>
      <c r="AV3" s="539"/>
      <c r="AW3" s="539"/>
      <c r="AX3" s="539"/>
      <c r="AY3" s="539"/>
      <c r="AZ3" s="539"/>
      <c r="BA3" s="539"/>
      <c r="BB3" s="539"/>
      <c r="BC3" s="539"/>
      <c r="BD3" s="539"/>
      <c r="BE3" s="540"/>
      <c r="BF3" s="538" t="s">
        <v>75</v>
      </c>
      <c r="BG3" s="539"/>
      <c r="BH3" s="539"/>
      <c r="BI3" s="539"/>
      <c r="BJ3" s="539"/>
      <c r="BK3" s="539"/>
      <c r="BL3" s="539"/>
      <c r="BM3" s="539"/>
      <c r="BN3" s="539"/>
      <c r="BO3" s="539"/>
      <c r="BP3" s="540"/>
      <c r="BQ3" s="538" t="s">
        <v>76</v>
      </c>
      <c r="BR3" s="539"/>
      <c r="BS3" s="539"/>
      <c r="BT3" s="539"/>
      <c r="BU3" s="539"/>
      <c r="BV3" s="539"/>
      <c r="BW3" s="539"/>
      <c r="BX3" s="539"/>
      <c r="BY3" s="539"/>
      <c r="BZ3" s="539"/>
      <c r="CA3" s="540"/>
      <c r="CB3" s="538" t="s">
        <v>77</v>
      </c>
      <c r="CC3" s="539"/>
      <c r="CD3" s="539"/>
      <c r="CE3" s="539"/>
      <c r="CF3" s="539"/>
      <c r="CG3" s="539"/>
      <c r="CH3" s="539"/>
      <c r="CI3" s="539"/>
      <c r="CJ3" s="539"/>
      <c r="CK3" s="539"/>
      <c r="CL3" s="540"/>
      <c r="CM3" s="538" t="s">
        <v>78</v>
      </c>
      <c r="CN3" s="539"/>
      <c r="CO3" s="539"/>
      <c r="CP3" s="539"/>
      <c r="CQ3" s="539"/>
      <c r="CR3" s="539"/>
      <c r="CS3" s="539"/>
      <c r="CT3" s="539"/>
      <c r="CU3" s="539"/>
      <c r="CV3" s="539"/>
      <c r="CW3" s="540"/>
      <c r="CX3" s="538" t="s">
        <v>79</v>
      </c>
      <c r="CY3" s="539"/>
      <c r="CZ3" s="539"/>
      <c r="DA3" s="539"/>
      <c r="DB3" s="539"/>
      <c r="DC3" s="539"/>
      <c r="DD3" s="539"/>
      <c r="DE3" s="539"/>
      <c r="DF3" s="539"/>
      <c r="DG3" s="539"/>
      <c r="DH3" s="540"/>
      <c r="DI3" s="538" t="s">
        <v>151</v>
      </c>
      <c r="DJ3" s="539"/>
      <c r="DK3" s="539"/>
      <c r="DL3" s="539"/>
      <c r="DM3" s="539"/>
      <c r="DN3" s="539"/>
      <c r="DO3" s="539"/>
      <c r="DP3" s="539"/>
      <c r="DQ3" s="539"/>
      <c r="DR3" s="539"/>
      <c r="DS3" s="540"/>
      <c r="DT3" s="538" t="s">
        <v>80</v>
      </c>
      <c r="DU3" s="539"/>
      <c r="DV3" s="539"/>
      <c r="DW3" s="539"/>
      <c r="DX3" s="539"/>
      <c r="DY3" s="539"/>
      <c r="DZ3" s="539"/>
      <c r="EA3" s="539"/>
      <c r="EB3" s="539"/>
      <c r="EC3" s="539"/>
      <c r="ED3" s="540"/>
      <c r="EE3" s="538" t="s">
        <v>68</v>
      </c>
      <c r="EF3" s="539"/>
      <c r="EG3" s="539"/>
      <c r="EH3" s="539"/>
      <c r="EI3" s="539"/>
      <c r="EJ3" s="539"/>
      <c r="EK3" s="539"/>
      <c r="EL3" s="539"/>
      <c r="EM3" s="539"/>
      <c r="EN3" s="539"/>
      <c r="EO3" s="540"/>
      <c r="EP3" s="541" t="s">
        <v>69</v>
      </c>
      <c r="EQ3" s="542"/>
      <c r="ER3" s="542"/>
      <c r="ES3" s="542"/>
      <c r="ET3" s="542"/>
      <c r="EU3" s="542"/>
      <c r="EV3" s="542"/>
      <c r="EW3" s="542"/>
      <c r="EX3" s="542"/>
      <c r="EY3" s="542"/>
      <c r="EZ3" s="543"/>
    </row>
    <row r="4" spans="2:156" ht="21" customHeight="1" x14ac:dyDescent="0.2">
      <c r="B4" s="536"/>
      <c r="C4" s="530" t="s">
        <v>61</v>
      </c>
      <c r="D4" s="531"/>
      <c r="E4" s="532"/>
      <c r="F4" s="533" t="s">
        <v>62</v>
      </c>
      <c r="G4" s="531"/>
      <c r="H4" s="531"/>
      <c r="I4" s="531"/>
      <c r="J4" s="531"/>
      <c r="K4" s="531"/>
      <c r="L4" s="534"/>
      <c r="M4" s="528" t="s">
        <v>52</v>
      </c>
      <c r="N4" s="530" t="s">
        <v>61</v>
      </c>
      <c r="O4" s="531"/>
      <c r="P4" s="532"/>
      <c r="Q4" s="533" t="s">
        <v>62</v>
      </c>
      <c r="R4" s="531"/>
      <c r="S4" s="531"/>
      <c r="T4" s="531"/>
      <c r="U4" s="531"/>
      <c r="V4" s="531"/>
      <c r="W4" s="532"/>
      <c r="X4" s="528" t="s">
        <v>52</v>
      </c>
      <c r="Y4" s="530" t="s">
        <v>61</v>
      </c>
      <c r="Z4" s="531"/>
      <c r="AA4" s="532"/>
      <c r="AB4" s="533" t="s">
        <v>62</v>
      </c>
      <c r="AC4" s="531"/>
      <c r="AD4" s="531"/>
      <c r="AE4" s="531"/>
      <c r="AF4" s="531"/>
      <c r="AG4" s="531"/>
      <c r="AH4" s="532"/>
      <c r="AI4" s="528" t="s">
        <v>52</v>
      </c>
      <c r="AJ4" s="530" t="s">
        <v>61</v>
      </c>
      <c r="AK4" s="531"/>
      <c r="AL4" s="532"/>
      <c r="AM4" s="533" t="s">
        <v>62</v>
      </c>
      <c r="AN4" s="531"/>
      <c r="AO4" s="531"/>
      <c r="AP4" s="531"/>
      <c r="AQ4" s="531"/>
      <c r="AR4" s="531"/>
      <c r="AS4" s="532"/>
      <c r="AT4" s="528" t="s">
        <v>52</v>
      </c>
      <c r="AU4" s="530" t="s">
        <v>61</v>
      </c>
      <c r="AV4" s="531"/>
      <c r="AW4" s="532"/>
      <c r="AX4" s="533" t="s">
        <v>62</v>
      </c>
      <c r="AY4" s="531"/>
      <c r="AZ4" s="531"/>
      <c r="BA4" s="531"/>
      <c r="BB4" s="531"/>
      <c r="BC4" s="531"/>
      <c r="BD4" s="534"/>
      <c r="BE4" s="528" t="s">
        <v>52</v>
      </c>
      <c r="BF4" s="530" t="s">
        <v>61</v>
      </c>
      <c r="BG4" s="531"/>
      <c r="BH4" s="532"/>
      <c r="BI4" s="533" t="s">
        <v>62</v>
      </c>
      <c r="BJ4" s="531"/>
      <c r="BK4" s="531"/>
      <c r="BL4" s="531"/>
      <c r="BM4" s="531"/>
      <c r="BN4" s="531"/>
      <c r="BO4" s="532"/>
      <c r="BP4" s="528" t="s">
        <v>52</v>
      </c>
      <c r="BQ4" s="530" t="s">
        <v>61</v>
      </c>
      <c r="BR4" s="531"/>
      <c r="BS4" s="532"/>
      <c r="BT4" s="533" t="s">
        <v>62</v>
      </c>
      <c r="BU4" s="531"/>
      <c r="BV4" s="531"/>
      <c r="BW4" s="531"/>
      <c r="BX4" s="531"/>
      <c r="BY4" s="531"/>
      <c r="BZ4" s="532"/>
      <c r="CA4" s="528" t="s">
        <v>52</v>
      </c>
      <c r="CB4" s="530" t="s">
        <v>61</v>
      </c>
      <c r="CC4" s="531"/>
      <c r="CD4" s="532"/>
      <c r="CE4" s="533" t="s">
        <v>62</v>
      </c>
      <c r="CF4" s="531"/>
      <c r="CG4" s="531"/>
      <c r="CH4" s="531"/>
      <c r="CI4" s="531"/>
      <c r="CJ4" s="531"/>
      <c r="CK4" s="532"/>
      <c r="CL4" s="528" t="s">
        <v>52</v>
      </c>
      <c r="CM4" s="530" t="s">
        <v>61</v>
      </c>
      <c r="CN4" s="531"/>
      <c r="CO4" s="532"/>
      <c r="CP4" s="533" t="s">
        <v>62</v>
      </c>
      <c r="CQ4" s="531"/>
      <c r="CR4" s="531"/>
      <c r="CS4" s="531"/>
      <c r="CT4" s="531"/>
      <c r="CU4" s="531"/>
      <c r="CV4" s="532"/>
      <c r="CW4" s="528" t="s">
        <v>52</v>
      </c>
      <c r="CX4" s="530" t="s">
        <v>61</v>
      </c>
      <c r="CY4" s="531"/>
      <c r="CZ4" s="532"/>
      <c r="DA4" s="533" t="s">
        <v>62</v>
      </c>
      <c r="DB4" s="531"/>
      <c r="DC4" s="531"/>
      <c r="DD4" s="531"/>
      <c r="DE4" s="531"/>
      <c r="DF4" s="531"/>
      <c r="DG4" s="532"/>
      <c r="DH4" s="528" t="s">
        <v>52</v>
      </c>
      <c r="DI4" s="530" t="s">
        <v>61</v>
      </c>
      <c r="DJ4" s="531"/>
      <c r="DK4" s="532"/>
      <c r="DL4" s="533" t="s">
        <v>62</v>
      </c>
      <c r="DM4" s="531"/>
      <c r="DN4" s="531"/>
      <c r="DO4" s="531"/>
      <c r="DP4" s="531"/>
      <c r="DQ4" s="531"/>
      <c r="DR4" s="532"/>
      <c r="DS4" s="528" t="s">
        <v>52</v>
      </c>
      <c r="DT4" s="530" t="s">
        <v>61</v>
      </c>
      <c r="DU4" s="531"/>
      <c r="DV4" s="532"/>
      <c r="DW4" s="533" t="s">
        <v>62</v>
      </c>
      <c r="DX4" s="531"/>
      <c r="DY4" s="531"/>
      <c r="DZ4" s="531"/>
      <c r="EA4" s="531"/>
      <c r="EB4" s="531"/>
      <c r="EC4" s="532"/>
      <c r="ED4" s="528" t="s">
        <v>52</v>
      </c>
      <c r="EE4" s="530" t="s">
        <v>61</v>
      </c>
      <c r="EF4" s="531"/>
      <c r="EG4" s="532"/>
      <c r="EH4" s="533" t="s">
        <v>62</v>
      </c>
      <c r="EI4" s="531"/>
      <c r="EJ4" s="531"/>
      <c r="EK4" s="531"/>
      <c r="EL4" s="531"/>
      <c r="EM4" s="531"/>
      <c r="EN4" s="532"/>
      <c r="EO4" s="528" t="s">
        <v>52</v>
      </c>
      <c r="EP4" s="530" t="s">
        <v>61</v>
      </c>
      <c r="EQ4" s="531"/>
      <c r="ER4" s="532"/>
      <c r="ES4" s="533" t="s">
        <v>62</v>
      </c>
      <c r="ET4" s="531"/>
      <c r="EU4" s="531"/>
      <c r="EV4" s="531"/>
      <c r="EW4" s="531"/>
      <c r="EX4" s="531"/>
      <c r="EY4" s="532"/>
      <c r="EZ4" s="528" t="s">
        <v>52</v>
      </c>
    </row>
    <row r="5" spans="2:156" ht="30" customHeight="1" thickBot="1" x14ac:dyDescent="0.25">
      <c r="B5" s="537"/>
      <c r="C5" s="321" t="s">
        <v>43</v>
      </c>
      <c r="D5" s="259" t="s">
        <v>44</v>
      </c>
      <c r="E5" s="374" t="s">
        <v>45</v>
      </c>
      <c r="F5" s="267" t="s">
        <v>83</v>
      </c>
      <c r="G5" s="259" t="s">
        <v>47</v>
      </c>
      <c r="H5" s="259" t="s">
        <v>48</v>
      </c>
      <c r="I5" s="259" t="s">
        <v>49</v>
      </c>
      <c r="J5" s="259" t="s">
        <v>50</v>
      </c>
      <c r="K5" s="259" t="s">
        <v>51</v>
      </c>
      <c r="L5" s="268" t="s">
        <v>45</v>
      </c>
      <c r="M5" s="529"/>
      <c r="N5" s="321" t="s">
        <v>43</v>
      </c>
      <c r="O5" s="259" t="s">
        <v>44</v>
      </c>
      <c r="P5" s="265" t="s">
        <v>45</v>
      </c>
      <c r="Q5" s="267" t="s">
        <v>83</v>
      </c>
      <c r="R5" s="259" t="s">
        <v>47</v>
      </c>
      <c r="S5" s="259" t="s">
        <v>48</v>
      </c>
      <c r="T5" s="259" t="s">
        <v>49</v>
      </c>
      <c r="U5" s="259" t="s">
        <v>50</v>
      </c>
      <c r="V5" s="259" t="s">
        <v>51</v>
      </c>
      <c r="W5" s="265" t="s">
        <v>45</v>
      </c>
      <c r="X5" s="529"/>
      <c r="Y5" s="321" t="s">
        <v>43</v>
      </c>
      <c r="Z5" s="259" t="s">
        <v>44</v>
      </c>
      <c r="AA5" s="265" t="s">
        <v>45</v>
      </c>
      <c r="AB5" s="267" t="s">
        <v>83</v>
      </c>
      <c r="AC5" s="259" t="s">
        <v>47</v>
      </c>
      <c r="AD5" s="259" t="s">
        <v>48</v>
      </c>
      <c r="AE5" s="259" t="s">
        <v>49</v>
      </c>
      <c r="AF5" s="259" t="s">
        <v>50</v>
      </c>
      <c r="AG5" s="259" t="s">
        <v>51</v>
      </c>
      <c r="AH5" s="265" t="s">
        <v>45</v>
      </c>
      <c r="AI5" s="529"/>
      <c r="AJ5" s="321" t="s">
        <v>43</v>
      </c>
      <c r="AK5" s="259" t="s">
        <v>44</v>
      </c>
      <c r="AL5" s="265" t="s">
        <v>45</v>
      </c>
      <c r="AM5" s="267" t="s">
        <v>83</v>
      </c>
      <c r="AN5" s="259" t="s">
        <v>47</v>
      </c>
      <c r="AO5" s="259" t="s">
        <v>48</v>
      </c>
      <c r="AP5" s="259" t="s">
        <v>49</v>
      </c>
      <c r="AQ5" s="259" t="s">
        <v>50</v>
      </c>
      <c r="AR5" s="259" t="s">
        <v>51</v>
      </c>
      <c r="AS5" s="265" t="s">
        <v>45</v>
      </c>
      <c r="AT5" s="529"/>
      <c r="AU5" s="321" t="s">
        <v>43</v>
      </c>
      <c r="AV5" s="259" t="s">
        <v>44</v>
      </c>
      <c r="AW5" s="265" t="s">
        <v>45</v>
      </c>
      <c r="AX5" s="267" t="s">
        <v>83</v>
      </c>
      <c r="AY5" s="259" t="s">
        <v>47</v>
      </c>
      <c r="AZ5" s="259" t="s">
        <v>48</v>
      </c>
      <c r="BA5" s="259" t="s">
        <v>49</v>
      </c>
      <c r="BB5" s="259" t="s">
        <v>50</v>
      </c>
      <c r="BC5" s="259" t="s">
        <v>51</v>
      </c>
      <c r="BD5" s="268" t="s">
        <v>45</v>
      </c>
      <c r="BE5" s="529"/>
      <c r="BF5" s="321" t="s">
        <v>43</v>
      </c>
      <c r="BG5" s="259" t="s">
        <v>44</v>
      </c>
      <c r="BH5" s="265" t="s">
        <v>45</v>
      </c>
      <c r="BI5" s="267" t="s">
        <v>83</v>
      </c>
      <c r="BJ5" s="259" t="s">
        <v>47</v>
      </c>
      <c r="BK5" s="259" t="s">
        <v>48</v>
      </c>
      <c r="BL5" s="259" t="s">
        <v>49</v>
      </c>
      <c r="BM5" s="259" t="s">
        <v>50</v>
      </c>
      <c r="BN5" s="259" t="s">
        <v>51</v>
      </c>
      <c r="BO5" s="265" t="s">
        <v>45</v>
      </c>
      <c r="BP5" s="529"/>
      <c r="BQ5" s="321" t="s">
        <v>43</v>
      </c>
      <c r="BR5" s="259" t="s">
        <v>44</v>
      </c>
      <c r="BS5" s="265" t="s">
        <v>45</v>
      </c>
      <c r="BT5" s="267" t="s">
        <v>83</v>
      </c>
      <c r="BU5" s="259" t="s">
        <v>47</v>
      </c>
      <c r="BV5" s="259" t="s">
        <v>48</v>
      </c>
      <c r="BW5" s="259" t="s">
        <v>49</v>
      </c>
      <c r="BX5" s="259" t="s">
        <v>50</v>
      </c>
      <c r="BY5" s="259" t="s">
        <v>51</v>
      </c>
      <c r="BZ5" s="265" t="s">
        <v>45</v>
      </c>
      <c r="CA5" s="529"/>
      <c r="CB5" s="321" t="s">
        <v>43</v>
      </c>
      <c r="CC5" s="259" t="s">
        <v>44</v>
      </c>
      <c r="CD5" s="265" t="s">
        <v>45</v>
      </c>
      <c r="CE5" s="267" t="s">
        <v>83</v>
      </c>
      <c r="CF5" s="259" t="s">
        <v>47</v>
      </c>
      <c r="CG5" s="259" t="s">
        <v>48</v>
      </c>
      <c r="CH5" s="259" t="s">
        <v>49</v>
      </c>
      <c r="CI5" s="259" t="s">
        <v>50</v>
      </c>
      <c r="CJ5" s="259" t="s">
        <v>51</v>
      </c>
      <c r="CK5" s="265" t="s">
        <v>45</v>
      </c>
      <c r="CL5" s="529"/>
      <c r="CM5" s="321" t="s">
        <v>43</v>
      </c>
      <c r="CN5" s="259" t="s">
        <v>44</v>
      </c>
      <c r="CO5" s="265" t="s">
        <v>45</v>
      </c>
      <c r="CP5" s="267" t="s">
        <v>83</v>
      </c>
      <c r="CQ5" s="259" t="s">
        <v>47</v>
      </c>
      <c r="CR5" s="259" t="s">
        <v>48</v>
      </c>
      <c r="CS5" s="259" t="s">
        <v>49</v>
      </c>
      <c r="CT5" s="259" t="s">
        <v>50</v>
      </c>
      <c r="CU5" s="259" t="s">
        <v>51</v>
      </c>
      <c r="CV5" s="265" t="s">
        <v>45</v>
      </c>
      <c r="CW5" s="529"/>
      <c r="CX5" s="321" t="s">
        <v>43</v>
      </c>
      <c r="CY5" s="259" t="s">
        <v>44</v>
      </c>
      <c r="CZ5" s="265" t="s">
        <v>45</v>
      </c>
      <c r="DA5" s="267" t="s">
        <v>83</v>
      </c>
      <c r="DB5" s="259" t="s">
        <v>47</v>
      </c>
      <c r="DC5" s="259" t="s">
        <v>48</v>
      </c>
      <c r="DD5" s="259" t="s">
        <v>49</v>
      </c>
      <c r="DE5" s="259" t="s">
        <v>50</v>
      </c>
      <c r="DF5" s="259" t="s">
        <v>51</v>
      </c>
      <c r="DG5" s="265" t="s">
        <v>45</v>
      </c>
      <c r="DH5" s="529"/>
      <c r="DI5" s="342" t="s">
        <v>43</v>
      </c>
      <c r="DJ5" s="259" t="s">
        <v>44</v>
      </c>
      <c r="DK5" s="265" t="s">
        <v>45</v>
      </c>
      <c r="DL5" s="267" t="s">
        <v>83</v>
      </c>
      <c r="DM5" s="259" t="s">
        <v>47</v>
      </c>
      <c r="DN5" s="259" t="s">
        <v>48</v>
      </c>
      <c r="DO5" s="259" t="s">
        <v>49</v>
      </c>
      <c r="DP5" s="259" t="s">
        <v>50</v>
      </c>
      <c r="DQ5" s="259" t="s">
        <v>51</v>
      </c>
      <c r="DR5" s="265" t="s">
        <v>45</v>
      </c>
      <c r="DS5" s="529"/>
      <c r="DT5" s="321" t="s">
        <v>43</v>
      </c>
      <c r="DU5" s="259" t="s">
        <v>44</v>
      </c>
      <c r="DV5" s="265" t="s">
        <v>45</v>
      </c>
      <c r="DW5" s="267" t="s">
        <v>83</v>
      </c>
      <c r="DX5" s="259" t="s">
        <v>47</v>
      </c>
      <c r="DY5" s="259" t="s">
        <v>48</v>
      </c>
      <c r="DZ5" s="259" t="s">
        <v>49</v>
      </c>
      <c r="EA5" s="259" t="s">
        <v>50</v>
      </c>
      <c r="EB5" s="259" t="s">
        <v>51</v>
      </c>
      <c r="EC5" s="265" t="s">
        <v>45</v>
      </c>
      <c r="ED5" s="529"/>
      <c r="EE5" s="321" t="s">
        <v>43</v>
      </c>
      <c r="EF5" s="259" t="s">
        <v>44</v>
      </c>
      <c r="EG5" s="265" t="s">
        <v>45</v>
      </c>
      <c r="EH5" s="267" t="s">
        <v>83</v>
      </c>
      <c r="EI5" s="259" t="s">
        <v>47</v>
      </c>
      <c r="EJ5" s="259" t="s">
        <v>48</v>
      </c>
      <c r="EK5" s="259" t="s">
        <v>49</v>
      </c>
      <c r="EL5" s="259" t="s">
        <v>50</v>
      </c>
      <c r="EM5" s="259" t="s">
        <v>51</v>
      </c>
      <c r="EN5" s="265" t="s">
        <v>45</v>
      </c>
      <c r="EO5" s="529"/>
      <c r="EP5" s="321" t="s">
        <v>43</v>
      </c>
      <c r="EQ5" s="259" t="s">
        <v>44</v>
      </c>
      <c r="ER5" s="265" t="s">
        <v>45</v>
      </c>
      <c r="ES5" s="267" t="s">
        <v>83</v>
      </c>
      <c r="ET5" s="259" t="s">
        <v>47</v>
      </c>
      <c r="EU5" s="259" t="s">
        <v>48</v>
      </c>
      <c r="EV5" s="259" t="s">
        <v>49</v>
      </c>
      <c r="EW5" s="259" t="s">
        <v>50</v>
      </c>
      <c r="EX5" s="259" t="s">
        <v>51</v>
      </c>
      <c r="EY5" s="265" t="s">
        <v>45</v>
      </c>
      <c r="EZ5" s="529"/>
    </row>
    <row r="6" spans="2:156" ht="21" customHeight="1" x14ac:dyDescent="0.2">
      <c r="B6" s="260" t="s">
        <v>4</v>
      </c>
      <c r="C6" s="269">
        <v>0</v>
      </c>
      <c r="D6" s="273">
        <v>0</v>
      </c>
      <c r="E6" s="375">
        <v>0</v>
      </c>
      <c r="F6" s="272">
        <v>0</v>
      </c>
      <c r="G6" s="273">
        <v>1239</v>
      </c>
      <c r="H6" s="273">
        <v>1324</v>
      </c>
      <c r="I6" s="273">
        <v>778</v>
      </c>
      <c r="J6" s="273">
        <v>589</v>
      </c>
      <c r="K6" s="273">
        <v>398</v>
      </c>
      <c r="L6" s="274">
        <v>4328</v>
      </c>
      <c r="M6" s="275">
        <v>4328</v>
      </c>
      <c r="N6" s="269">
        <v>0</v>
      </c>
      <c r="O6" s="273">
        <v>1</v>
      </c>
      <c r="P6" s="270">
        <v>1</v>
      </c>
      <c r="Q6" s="272">
        <v>0</v>
      </c>
      <c r="R6" s="273">
        <v>13</v>
      </c>
      <c r="S6" s="273">
        <v>41</v>
      </c>
      <c r="T6" s="273">
        <v>61</v>
      </c>
      <c r="U6" s="273">
        <v>136</v>
      </c>
      <c r="V6" s="273">
        <v>208</v>
      </c>
      <c r="W6" s="270">
        <v>459</v>
      </c>
      <c r="X6" s="275">
        <v>460</v>
      </c>
      <c r="Y6" s="269">
        <v>192</v>
      </c>
      <c r="Z6" s="273">
        <v>377</v>
      </c>
      <c r="AA6" s="270">
        <v>569</v>
      </c>
      <c r="AB6" s="272">
        <v>0</v>
      </c>
      <c r="AC6" s="273">
        <v>914</v>
      </c>
      <c r="AD6" s="273">
        <v>1240</v>
      </c>
      <c r="AE6" s="273">
        <v>784</v>
      </c>
      <c r="AF6" s="273">
        <v>624</v>
      </c>
      <c r="AG6" s="273">
        <v>408</v>
      </c>
      <c r="AH6" s="270">
        <v>3970</v>
      </c>
      <c r="AI6" s="275">
        <v>4539</v>
      </c>
      <c r="AJ6" s="269">
        <v>16</v>
      </c>
      <c r="AK6" s="273">
        <v>51</v>
      </c>
      <c r="AL6" s="270">
        <v>67</v>
      </c>
      <c r="AM6" s="272">
        <v>0</v>
      </c>
      <c r="AN6" s="273">
        <v>80</v>
      </c>
      <c r="AO6" s="273">
        <v>129</v>
      </c>
      <c r="AP6" s="273">
        <v>73</v>
      </c>
      <c r="AQ6" s="273">
        <v>77</v>
      </c>
      <c r="AR6" s="273">
        <v>24</v>
      </c>
      <c r="AS6" s="270">
        <v>383</v>
      </c>
      <c r="AT6" s="275">
        <v>450</v>
      </c>
      <c r="AU6" s="269">
        <v>284</v>
      </c>
      <c r="AV6" s="273">
        <v>326</v>
      </c>
      <c r="AW6" s="270">
        <v>610</v>
      </c>
      <c r="AX6" s="272">
        <v>0</v>
      </c>
      <c r="AY6" s="273">
        <v>1332</v>
      </c>
      <c r="AZ6" s="273">
        <v>1558</v>
      </c>
      <c r="BA6" s="273">
        <v>1453</v>
      </c>
      <c r="BB6" s="273">
        <v>1280</v>
      </c>
      <c r="BC6" s="273">
        <v>907</v>
      </c>
      <c r="BD6" s="274">
        <v>6530</v>
      </c>
      <c r="BE6" s="275">
        <v>7140</v>
      </c>
      <c r="BF6" s="269">
        <v>0</v>
      </c>
      <c r="BG6" s="273">
        <v>0</v>
      </c>
      <c r="BH6" s="270">
        <v>0</v>
      </c>
      <c r="BI6" s="272">
        <v>0</v>
      </c>
      <c r="BJ6" s="273">
        <v>1637</v>
      </c>
      <c r="BK6" s="273">
        <v>1444</v>
      </c>
      <c r="BL6" s="273">
        <v>749</v>
      </c>
      <c r="BM6" s="273">
        <v>396</v>
      </c>
      <c r="BN6" s="273">
        <v>153</v>
      </c>
      <c r="BO6" s="270">
        <v>4379</v>
      </c>
      <c r="BP6" s="275">
        <v>4379</v>
      </c>
      <c r="BQ6" s="269">
        <v>134</v>
      </c>
      <c r="BR6" s="273">
        <v>170</v>
      </c>
      <c r="BS6" s="270">
        <v>304</v>
      </c>
      <c r="BT6" s="272">
        <v>0</v>
      </c>
      <c r="BU6" s="273">
        <v>354</v>
      </c>
      <c r="BV6" s="273">
        <v>501</v>
      </c>
      <c r="BW6" s="273">
        <v>314</v>
      </c>
      <c r="BX6" s="273">
        <v>170</v>
      </c>
      <c r="BY6" s="273">
        <v>58</v>
      </c>
      <c r="BZ6" s="270">
        <v>1397</v>
      </c>
      <c r="CA6" s="275">
        <v>1701</v>
      </c>
      <c r="CB6" s="269">
        <v>11</v>
      </c>
      <c r="CC6" s="273">
        <v>21</v>
      </c>
      <c r="CD6" s="270">
        <v>32</v>
      </c>
      <c r="CE6" s="272">
        <v>0</v>
      </c>
      <c r="CF6" s="273">
        <v>169</v>
      </c>
      <c r="CG6" s="273">
        <v>261</v>
      </c>
      <c r="CH6" s="273">
        <v>327</v>
      </c>
      <c r="CI6" s="273">
        <v>219</v>
      </c>
      <c r="CJ6" s="273">
        <v>90</v>
      </c>
      <c r="CK6" s="270">
        <v>1066</v>
      </c>
      <c r="CL6" s="275">
        <v>1098</v>
      </c>
      <c r="CM6" s="269">
        <v>1</v>
      </c>
      <c r="CN6" s="273">
        <v>2</v>
      </c>
      <c r="CO6" s="270">
        <v>3</v>
      </c>
      <c r="CP6" s="272">
        <v>0</v>
      </c>
      <c r="CQ6" s="273">
        <v>17</v>
      </c>
      <c r="CR6" s="273">
        <v>52</v>
      </c>
      <c r="CS6" s="273">
        <v>57</v>
      </c>
      <c r="CT6" s="273">
        <v>41</v>
      </c>
      <c r="CU6" s="273">
        <v>26</v>
      </c>
      <c r="CV6" s="270">
        <v>193</v>
      </c>
      <c r="CW6" s="275">
        <v>196</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15</v>
      </c>
      <c r="DU6" s="273">
        <v>1272</v>
      </c>
      <c r="DV6" s="270">
        <v>1887</v>
      </c>
      <c r="DW6" s="272">
        <v>0</v>
      </c>
      <c r="DX6" s="273">
        <v>1787</v>
      </c>
      <c r="DY6" s="273">
        <v>3107</v>
      </c>
      <c r="DZ6" s="273">
        <v>1871</v>
      </c>
      <c r="EA6" s="273">
        <v>1332</v>
      </c>
      <c r="EB6" s="273">
        <v>754</v>
      </c>
      <c r="EC6" s="270">
        <v>8851</v>
      </c>
      <c r="ED6" s="275">
        <v>10738</v>
      </c>
      <c r="EE6" s="269">
        <v>191</v>
      </c>
      <c r="EF6" s="273">
        <v>128</v>
      </c>
      <c r="EG6" s="270">
        <v>319</v>
      </c>
      <c r="EH6" s="272">
        <v>0</v>
      </c>
      <c r="EI6" s="273">
        <v>545</v>
      </c>
      <c r="EJ6" s="273">
        <v>478</v>
      </c>
      <c r="EK6" s="273">
        <v>467</v>
      </c>
      <c r="EL6" s="273">
        <v>428</v>
      </c>
      <c r="EM6" s="273">
        <v>271</v>
      </c>
      <c r="EN6" s="270">
        <v>2189</v>
      </c>
      <c r="EO6" s="275">
        <v>2508</v>
      </c>
      <c r="EP6" s="269">
        <v>898</v>
      </c>
      <c r="EQ6" s="273">
        <v>1619</v>
      </c>
      <c r="ER6" s="270">
        <v>2517</v>
      </c>
      <c r="ES6" s="272">
        <v>0</v>
      </c>
      <c r="ET6" s="273">
        <v>4269</v>
      </c>
      <c r="EU6" s="273">
        <v>4275</v>
      </c>
      <c r="EV6" s="273">
        <v>2283</v>
      </c>
      <c r="EW6" s="273">
        <v>1453</v>
      </c>
      <c r="EX6" s="273">
        <v>772</v>
      </c>
      <c r="EY6" s="270">
        <v>13052</v>
      </c>
      <c r="EZ6" s="275">
        <v>15569</v>
      </c>
    </row>
    <row r="7" spans="2:156" ht="21" customHeight="1" x14ac:dyDescent="0.2">
      <c r="B7" s="261" t="s">
        <v>5</v>
      </c>
      <c r="C7" s="276">
        <v>0</v>
      </c>
      <c r="D7" s="280">
        <v>0</v>
      </c>
      <c r="E7" s="376">
        <v>0</v>
      </c>
      <c r="F7" s="279">
        <v>0</v>
      </c>
      <c r="G7" s="280">
        <v>509</v>
      </c>
      <c r="H7" s="280">
        <v>647</v>
      </c>
      <c r="I7" s="280">
        <v>362</v>
      </c>
      <c r="J7" s="280">
        <v>270</v>
      </c>
      <c r="K7" s="280">
        <v>183</v>
      </c>
      <c r="L7" s="281">
        <v>1971</v>
      </c>
      <c r="M7" s="282">
        <v>1971</v>
      </c>
      <c r="N7" s="276">
        <v>0</v>
      </c>
      <c r="O7" s="280">
        <v>0</v>
      </c>
      <c r="P7" s="277">
        <v>0</v>
      </c>
      <c r="Q7" s="279">
        <v>0</v>
      </c>
      <c r="R7" s="280">
        <v>3</v>
      </c>
      <c r="S7" s="280">
        <v>19</v>
      </c>
      <c r="T7" s="280">
        <v>27</v>
      </c>
      <c r="U7" s="280">
        <v>61</v>
      </c>
      <c r="V7" s="280">
        <v>96</v>
      </c>
      <c r="W7" s="277">
        <v>206</v>
      </c>
      <c r="X7" s="282">
        <v>206</v>
      </c>
      <c r="Y7" s="276">
        <v>90</v>
      </c>
      <c r="Z7" s="280">
        <v>206</v>
      </c>
      <c r="AA7" s="277">
        <v>296</v>
      </c>
      <c r="AB7" s="279">
        <v>0</v>
      </c>
      <c r="AC7" s="280">
        <v>359</v>
      </c>
      <c r="AD7" s="280">
        <v>646</v>
      </c>
      <c r="AE7" s="280">
        <v>390</v>
      </c>
      <c r="AF7" s="280">
        <v>292</v>
      </c>
      <c r="AG7" s="280">
        <v>179</v>
      </c>
      <c r="AH7" s="277">
        <v>1866</v>
      </c>
      <c r="AI7" s="282">
        <v>2162</v>
      </c>
      <c r="AJ7" s="276">
        <v>7</v>
      </c>
      <c r="AK7" s="280">
        <v>29</v>
      </c>
      <c r="AL7" s="277">
        <v>36</v>
      </c>
      <c r="AM7" s="279">
        <v>0</v>
      </c>
      <c r="AN7" s="280">
        <v>19</v>
      </c>
      <c r="AO7" s="280">
        <v>55</v>
      </c>
      <c r="AP7" s="280">
        <v>30</v>
      </c>
      <c r="AQ7" s="280">
        <v>29</v>
      </c>
      <c r="AR7" s="280">
        <v>8</v>
      </c>
      <c r="AS7" s="277">
        <v>141</v>
      </c>
      <c r="AT7" s="282">
        <v>177</v>
      </c>
      <c r="AU7" s="276">
        <v>127</v>
      </c>
      <c r="AV7" s="280">
        <v>180</v>
      </c>
      <c r="AW7" s="277">
        <v>307</v>
      </c>
      <c r="AX7" s="279">
        <v>0</v>
      </c>
      <c r="AY7" s="280">
        <v>490</v>
      </c>
      <c r="AZ7" s="280">
        <v>705</v>
      </c>
      <c r="BA7" s="280">
        <v>644</v>
      </c>
      <c r="BB7" s="280">
        <v>548</v>
      </c>
      <c r="BC7" s="280">
        <v>408</v>
      </c>
      <c r="BD7" s="281">
        <v>2795</v>
      </c>
      <c r="BE7" s="282">
        <v>3102</v>
      </c>
      <c r="BF7" s="276">
        <v>0</v>
      </c>
      <c r="BG7" s="280">
        <v>0</v>
      </c>
      <c r="BH7" s="277">
        <v>0</v>
      </c>
      <c r="BI7" s="279">
        <v>0</v>
      </c>
      <c r="BJ7" s="280">
        <v>592</v>
      </c>
      <c r="BK7" s="280">
        <v>630</v>
      </c>
      <c r="BL7" s="280">
        <v>310</v>
      </c>
      <c r="BM7" s="280">
        <v>149</v>
      </c>
      <c r="BN7" s="280">
        <v>64</v>
      </c>
      <c r="BO7" s="277">
        <v>1745</v>
      </c>
      <c r="BP7" s="282">
        <v>1745</v>
      </c>
      <c r="BQ7" s="276">
        <v>62</v>
      </c>
      <c r="BR7" s="280">
        <v>88</v>
      </c>
      <c r="BS7" s="277">
        <v>150</v>
      </c>
      <c r="BT7" s="279">
        <v>0</v>
      </c>
      <c r="BU7" s="280">
        <v>127</v>
      </c>
      <c r="BV7" s="280">
        <v>217</v>
      </c>
      <c r="BW7" s="280">
        <v>164</v>
      </c>
      <c r="BX7" s="280">
        <v>76</v>
      </c>
      <c r="BY7" s="280">
        <v>23</v>
      </c>
      <c r="BZ7" s="277">
        <v>607</v>
      </c>
      <c r="CA7" s="282">
        <v>757</v>
      </c>
      <c r="CB7" s="276">
        <v>4</v>
      </c>
      <c r="CC7" s="280">
        <v>9</v>
      </c>
      <c r="CD7" s="277">
        <v>13</v>
      </c>
      <c r="CE7" s="279">
        <v>0</v>
      </c>
      <c r="CF7" s="280">
        <v>50</v>
      </c>
      <c r="CG7" s="280">
        <v>105</v>
      </c>
      <c r="CH7" s="280">
        <v>138</v>
      </c>
      <c r="CI7" s="280">
        <v>75</v>
      </c>
      <c r="CJ7" s="280">
        <v>37</v>
      </c>
      <c r="CK7" s="277">
        <v>405</v>
      </c>
      <c r="CL7" s="282">
        <v>418</v>
      </c>
      <c r="CM7" s="276">
        <v>0</v>
      </c>
      <c r="CN7" s="280">
        <v>1</v>
      </c>
      <c r="CO7" s="277">
        <v>1</v>
      </c>
      <c r="CP7" s="279">
        <v>0</v>
      </c>
      <c r="CQ7" s="280">
        <v>10</v>
      </c>
      <c r="CR7" s="280">
        <v>26</v>
      </c>
      <c r="CS7" s="280">
        <v>34</v>
      </c>
      <c r="CT7" s="280">
        <v>24</v>
      </c>
      <c r="CU7" s="280">
        <v>14</v>
      </c>
      <c r="CV7" s="277">
        <v>108</v>
      </c>
      <c r="CW7" s="282">
        <v>109</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34</v>
      </c>
      <c r="DU7" s="280">
        <v>590</v>
      </c>
      <c r="DV7" s="277">
        <v>824</v>
      </c>
      <c r="DW7" s="279">
        <v>0</v>
      </c>
      <c r="DX7" s="280">
        <v>586</v>
      </c>
      <c r="DY7" s="280">
        <v>1404</v>
      </c>
      <c r="DZ7" s="280">
        <v>839</v>
      </c>
      <c r="EA7" s="280">
        <v>557</v>
      </c>
      <c r="EB7" s="280">
        <v>333</v>
      </c>
      <c r="EC7" s="277">
        <v>3719</v>
      </c>
      <c r="ED7" s="282">
        <v>4543</v>
      </c>
      <c r="EE7" s="276">
        <v>76</v>
      </c>
      <c r="EF7" s="280">
        <v>66</v>
      </c>
      <c r="EG7" s="277">
        <v>142</v>
      </c>
      <c r="EH7" s="279">
        <v>0</v>
      </c>
      <c r="EI7" s="280">
        <v>201</v>
      </c>
      <c r="EJ7" s="280">
        <v>215</v>
      </c>
      <c r="EK7" s="280">
        <v>219</v>
      </c>
      <c r="EL7" s="280">
        <v>201</v>
      </c>
      <c r="EM7" s="280">
        <v>133</v>
      </c>
      <c r="EN7" s="277">
        <v>969</v>
      </c>
      <c r="EO7" s="282">
        <v>1111</v>
      </c>
      <c r="EP7" s="276">
        <v>363</v>
      </c>
      <c r="EQ7" s="280">
        <v>777</v>
      </c>
      <c r="ER7" s="277">
        <v>1140</v>
      </c>
      <c r="ES7" s="279">
        <v>0</v>
      </c>
      <c r="ET7" s="280">
        <v>1583</v>
      </c>
      <c r="EU7" s="280">
        <v>2016</v>
      </c>
      <c r="EV7" s="280">
        <v>1044</v>
      </c>
      <c r="EW7" s="280">
        <v>631</v>
      </c>
      <c r="EX7" s="280">
        <v>344</v>
      </c>
      <c r="EY7" s="277">
        <v>5618</v>
      </c>
      <c r="EZ7" s="282">
        <v>6758</v>
      </c>
    </row>
    <row r="8" spans="2:156" ht="21" customHeight="1" x14ac:dyDescent="0.2">
      <c r="B8" s="261" t="s">
        <v>6</v>
      </c>
      <c r="C8" s="276">
        <v>0</v>
      </c>
      <c r="D8" s="280">
        <v>0</v>
      </c>
      <c r="E8" s="376">
        <v>0</v>
      </c>
      <c r="F8" s="279">
        <v>0</v>
      </c>
      <c r="G8" s="280">
        <v>180</v>
      </c>
      <c r="H8" s="280">
        <v>137</v>
      </c>
      <c r="I8" s="280">
        <v>86</v>
      </c>
      <c r="J8" s="280">
        <v>66</v>
      </c>
      <c r="K8" s="280">
        <v>48</v>
      </c>
      <c r="L8" s="281">
        <v>517</v>
      </c>
      <c r="M8" s="282">
        <v>517</v>
      </c>
      <c r="N8" s="276">
        <v>0</v>
      </c>
      <c r="O8" s="280">
        <v>0</v>
      </c>
      <c r="P8" s="277">
        <v>0</v>
      </c>
      <c r="Q8" s="279">
        <v>0</v>
      </c>
      <c r="R8" s="280">
        <v>1</v>
      </c>
      <c r="S8" s="280">
        <v>3</v>
      </c>
      <c r="T8" s="280">
        <v>6</v>
      </c>
      <c r="U8" s="280">
        <v>13</v>
      </c>
      <c r="V8" s="280">
        <v>27</v>
      </c>
      <c r="W8" s="277">
        <v>50</v>
      </c>
      <c r="X8" s="282">
        <v>50</v>
      </c>
      <c r="Y8" s="276">
        <v>27</v>
      </c>
      <c r="Z8" s="280">
        <v>42</v>
      </c>
      <c r="AA8" s="277">
        <v>69</v>
      </c>
      <c r="AB8" s="279">
        <v>0</v>
      </c>
      <c r="AC8" s="280">
        <v>123</v>
      </c>
      <c r="AD8" s="280">
        <v>147</v>
      </c>
      <c r="AE8" s="280">
        <v>89</v>
      </c>
      <c r="AF8" s="280">
        <v>88</v>
      </c>
      <c r="AG8" s="280">
        <v>60</v>
      </c>
      <c r="AH8" s="277">
        <v>507</v>
      </c>
      <c r="AI8" s="282">
        <v>576</v>
      </c>
      <c r="AJ8" s="276">
        <v>2</v>
      </c>
      <c r="AK8" s="280">
        <v>1</v>
      </c>
      <c r="AL8" s="277">
        <v>3</v>
      </c>
      <c r="AM8" s="279">
        <v>0</v>
      </c>
      <c r="AN8" s="280">
        <v>14</v>
      </c>
      <c r="AO8" s="280">
        <v>17</v>
      </c>
      <c r="AP8" s="280">
        <v>6</v>
      </c>
      <c r="AQ8" s="280">
        <v>10</v>
      </c>
      <c r="AR8" s="280">
        <v>3</v>
      </c>
      <c r="AS8" s="277">
        <v>50</v>
      </c>
      <c r="AT8" s="282">
        <v>53</v>
      </c>
      <c r="AU8" s="276">
        <v>44</v>
      </c>
      <c r="AV8" s="280">
        <v>41</v>
      </c>
      <c r="AW8" s="277">
        <v>85</v>
      </c>
      <c r="AX8" s="279">
        <v>0</v>
      </c>
      <c r="AY8" s="280">
        <v>226</v>
      </c>
      <c r="AZ8" s="280">
        <v>200</v>
      </c>
      <c r="BA8" s="280">
        <v>199</v>
      </c>
      <c r="BB8" s="280">
        <v>195</v>
      </c>
      <c r="BC8" s="280">
        <v>131</v>
      </c>
      <c r="BD8" s="281">
        <v>951</v>
      </c>
      <c r="BE8" s="282">
        <v>1036</v>
      </c>
      <c r="BF8" s="276">
        <v>0</v>
      </c>
      <c r="BG8" s="280">
        <v>0</v>
      </c>
      <c r="BH8" s="277">
        <v>0</v>
      </c>
      <c r="BI8" s="279">
        <v>0</v>
      </c>
      <c r="BJ8" s="280">
        <v>215</v>
      </c>
      <c r="BK8" s="280">
        <v>166</v>
      </c>
      <c r="BL8" s="280">
        <v>79</v>
      </c>
      <c r="BM8" s="280">
        <v>53</v>
      </c>
      <c r="BN8" s="280">
        <v>20</v>
      </c>
      <c r="BO8" s="277">
        <v>533</v>
      </c>
      <c r="BP8" s="282">
        <v>533</v>
      </c>
      <c r="BQ8" s="276">
        <v>10</v>
      </c>
      <c r="BR8" s="280">
        <v>14</v>
      </c>
      <c r="BS8" s="277">
        <v>24</v>
      </c>
      <c r="BT8" s="279">
        <v>0</v>
      </c>
      <c r="BU8" s="280">
        <v>41</v>
      </c>
      <c r="BV8" s="280">
        <v>60</v>
      </c>
      <c r="BW8" s="280">
        <v>29</v>
      </c>
      <c r="BX8" s="280">
        <v>21</v>
      </c>
      <c r="BY8" s="280">
        <v>14</v>
      </c>
      <c r="BZ8" s="277">
        <v>165</v>
      </c>
      <c r="CA8" s="282">
        <v>189</v>
      </c>
      <c r="CB8" s="276">
        <v>1</v>
      </c>
      <c r="CC8" s="280">
        <v>1</v>
      </c>
      <c r="CD8" s="277">
        <v>2</v>
      </c>
      <c r="CE8" s="279">
        <v>0</v>
      </c>
      <c r="CF8" s="280">
        <v>16</v>
      </c>
      <c r="CG8" s="280">
        <v>22</v>
      </c>
      <c r="CH8" s="280">
        <v>24</v>
      </c>
      <c r="CI8" s="280">
        <v>17</v>
      </c>
      <c r="CJ8" s="280">
        <v>9</v>
      </c>
      <c r="CK8" s="277">
        <v>88</v>
      </c>
      <c r="CL8" s="282">
        <v>90</v>
      </c>
      <c r="CM8" s="276">
        <v>0</v>
      </c>
      <c r="CN8" s="280">
        <v>0</v>
      </c>
      <c r="CO8" s="277">
        <v>0</v>
      </c>
      <c r="CP8" s="279">
        <v>0</v>
      </c>
      <c r="CQ8" s="280">
        <v>2</v>
      </c>
      <c r="CR8" s="280">
        <v>7</v>
      </c>
      <c r="CS8" s="280">
        <v>5</v>
      </c>
      <c r="CT8" s="280">
        <v>7</v>
      </c>
      <c r="CU8" s="280">
        <v>6</v>
      </c>
      <c r="CV8" s="277">
        <v>27</v>
      </c>
      <c r="CW8" s="282">
        <v>27</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83</v>
      </c>
      <c r="DU8" s="280">
        <v>124</v>
      </c>
      <c r="DV8" s="277">
        <v>207</v>
      </c>
      <c r="DW8" s="279">
        <v>0</v>
      </c>
      <c r="DX8" s="280">
        <v>255</v>
      </c>
      <c r="DY8" s="280">
        <v>341</v>
      </c>
      <c r="DZ8" s="280">
        <v>209</v>
      </c>
      <c r="EA8" s="280">
        <v>189</v>
      </c>
      <c r="EB8" s="280">
        <v>108</v>
      </c>
      <c r="EC8" s="277">
        <v>1102</v>
      </c>
      <c r="ED8" s="282">
        <v>1309</v>
      </c>
      <c r="EE8" s="276">
        <v>33</v>
      </c>
      <c r="EF8" s="280">
        <v>18</v>
      </c>
      <c r="EG8" s="277">
        <v>51</v>
      </c>
      <c r="EH8" s="279">
        <v>0</v>
      </c>
      <c r="EI8" s="280">
        <v>81</v>
      </c>
      <c r="EJ8" s="280">
        <v>60</v>
      </c>
      <c r="EK8" s="280">
        <v>73</v>
      </c>
      <c r="EL8" s="280">
        <v>52</v>
      </c>
      <c r="EM8" s="280">
        <v>33</v>
      </c>
      <c r="EN8" s="277">
        <v>299</v>
      </c>
      <c r="EO8" s="282">
        <v>350</v>
      </c>
      <c r="EP8" s="276">
        <v>111</v>
      </c>
      <c r="EQ8" s="280">
        <v>154</v>
      </c>
      <c r="ER8" s="277">
        <v>265</v>
      </c>
      <c r="ES8" s="279">
        <v>0</v>
      </c>
      <c r="ET8" s="280">
        <v>563</v>
      </c>
      <c r="EU8" s="280">
        <v>465</v>
      </c>
      <c r="EV8" s="280">
        <v>250</v>
      </c>
      <c r="EW8" s="280">
        <v>190</v>
      </c>
      <c r="EX8" s="280">
        <v>109</v>
      </c>
      <c r="EY8" s="277">
        <v>1577</v>
      </c>
      <c r="EZ8" s="282">
        <v>1842</v>
      </c>
    </row>
    <row r="9" spans="2:156" ht="21" customHeight="1" x14ac:dyDescent="0.2">
      <c r="B9" s="261" t="s">
        <v>14</v>
      </c>
      <c r="C9" s="276">
        <v>0</v>
      </c>
      <c r="D9" s="280">
        <v>0</v>
      </c>
      <c r="E9" s="376">
        <v>0</v>
      </c>
      <c r="F9" s="279">
        <v>0</v>
      </c>
      <c r="G9" s="280">
        <v>53</v>
      </c>
      <c r="H9" s="280">
        <v>101</v>
      </c>
      <c r="I9" s="280">
        <v>54</v>
      </c>
      <c r="J9" s="280">
        <v>28</v>
      </c>
      <c r="K9" s="280">
        <v>22</v>
      </c>
      <c r="L9" s="281">
        <v>258</v>
      </c>
      <c r="M9" s="282">
        <v>258</v>
      </c>
      <c r="N9" s="276">
        <v>0</v>
      </c>
      <c r="O9" s="280">
        <v>1</v>
      </c>
      <c r="P9" s="277">
        <v>1</v>
      </c>
      <c r="Q9" s="279">
        <v>0</v>
      </c>
      <c r="R9" s="280">
        <v>0</v>
      </c>
      <c r="S9" s="280">
        <v>1</v>
      </c>
      <c r="T9" s="280">
        <v>0</v>
      </c>
      <c r="U9" s="280">
        <v>5</v>
      </c>
      <c r="V9" s="280">
        <v>8</v>
      </c>
      <c r="W9" s="277">
        <v>14</v>
      </c>
      <c r="X9" s="282">
        <v>15</v>
      </c>
      <c r="Y9" s="276">
        <v>4</v>
      </c>
      <c r="Z9" s="280">
        <v>25</v>
      </c>
      <c r="AA9" s="277">
        <v>29</v>
      </c>
      <c r="AB9" s="279">
        <v>0</v>
      </c>
      <c r="AC9" s="280">
        <v>53</v>
      </c>
      <c r="AD9" s="280">
        <v>94</v>
      </c>
      <c r="AE9" s="280">
        <v>56</v>
      </c>
      <c r="AF9" s="280">
        <v>30</v>
      </c>
      <c r="AG9" s="280">
        <v>27</v>
      </c>
      <c r="AH9" s="277">
        <v>260</v>
      </c>
      <c r="AI9" s="282">
        <v>289</v>
      </c>
      <c r="AJ9" s="276">
        <v>0</v>
      </c>
      <c r="AK9" s="280">
        <v>3</v>
      </c>
      <c r="AL9" s="277">
        <v>3</v>
      </c>
      <c r="AM9" s="279">
        <v>0</v>
      </c>
      <c r="AN9" s="280">
        <v>2</v>
      </c>
      <c r="AO9" s="280">
        <v>1</v>
      </c>
      <c r="AP9" s="280">
        <v>3</v>
      </c>
      <c r="AQ9" s="280">
        <v>5</v>
      </c>
      <c r="AR9" s="280">
        <v>0</v>
      </c>
      <c r="AS9" s="277">
        <v>11</v>
      </c>
      <c r="AT9" s="282">
        <v>14</v>
      </c>
      <c r="AU9" s="276">
        <v>13</v>
      </c>
      <c r="AV9" s="280">
        <v>23</v>
      </c>
      <c r="AW9" s="277">
        <v>36</v>
      </c>
      <c r="AX9" s="279">
        <v>0</v>
      </c>
      <c r="AY9" s="280">
        <v>79</v>
      </c>
      <c r="AZ9" s="280">
        <v>121</v>
      </c>
      <c r="BA9" s="280">
        <v>107</v>
      </c>
      <c r="BB9" s="280">
        <v>81</v>
      </c>
      <c r="BC9" s="280">
        <v>55</v>
      </c>
      <c r="BD9" s="281">
        <v>443</v>
      </c>
      <c r="BE9" s="282">
        <v>479</v>
      </c>
      <c r="BF9" s="276">
        <v>0</v>
      </c>
      <c r="BG9" s="280">
        <v>0</v>
      </c>
      <c r="BH9" s="277">
        <v>0</v>
      </c>
      <c r="BI9" s="279">
        <v>0</v>
      </c>
      <c r="BJ9" s="280">
        <v>126</v>
      </c>
      <c r="BK9" s="280">
        <v>132</v>
      </c>
      <c r="BL9" s="280">
        <v>73</v>
      </c>
      <c r="BM9" s="280">
        <v>33</v>
      </c>
      <c r="BN9" s="280">
        <v>13</v>
      </c>
      <c r="BO9" s="277">
        <v>377</v>
      </c>
      <c r="BP9" s="282">
        <v>377</v>
      </c>
      <c r="BQ9" s="276">
        <v>8</v>
      </c>
      <c r="BR9" s="280">
        <v>10</v>
      </c>
      <c r="BS9" s="277">
        <v>18</v>
      </c>
      <c r="BT9" s="279">
        <v>0</v>
      </c>
      <c r="BU9" s="280">
        <v>13</v>
      </c>
      <c r="BV9" s="280">
        <v>31</v>
      </c>
      <c r="BW9" s="280">
        <v>15</v>
      </c>
      <c r="BX9" s="280">
        <v>10</v>
      </c>
      <c r="BY9" s="280">
        <v>0</v>
      </c>
      <c r="BZ9" s="277">
        <v>69</v>
      </c>
      <c r="CA9" s="282">
        <v>87</v>
      </c>
      <c r="CB9" s="276">
        <v>0</v>
      </c>
      <c r="CC9" s="280">
        <v>1</v>
      </c>
      <c r="CD9" s="277">
        <v>1</v>
      </c>
      <c r="CE9" s="279">
        <v>0</v>
      </c>
      <c r="CF9" s="280">
        <v>9</v>
      </c>
      <c r="CG9" s="280">
        <v>20</v>
      </c>
      <c r="CH9" s="280">
        <v>30</v>
      </c>
      <c r="CI9" s="280">
        <v>20</v>
      </c>
      <c r="CJ9" s="280">
        <v>4</v>
      </c>
      <c r="CK9" s="277">
        <v>83</v>
      </c>
      <c r="CL9" s="282">
        <v>84</v>
      </c>
      <c r="CM9" s="276">
        <v>0</v>
      </c>
      <c r="CN9" s="280">
        <v>0</v>
      </c>
      <c r="CO9" s="277">
        <v>0</v>
      </c>
      <c r="CP9" s="279">
        <v>0</v>
      </c>
      <c r="CQ9" s="280">
        <v>0</v>
      </c>
      <c r="CR9" s="280">
        <v>4</v>
      </c>
      <c r="CS9" s="280">
        <v>1</v>
      </c>
      <c r="CT9" s="280">
        <v>1</v>
      </c>
      <c r="CU9" s="280">
        <v>1</v>
      </c>
      <c r="CV9" s="277">
        <v>7</v>
      </c>
      <c r="CW9" s="282">
        <v>7</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29</v>
      </c>
      <c r="DU9" s="280">
        <v>113</v>
      </c>
      <c r="DV9" s="277">
        <v>142</v>
      </c>
      <c r="DW9" s="279">
        <v>0</v>
      </c>
      <c r="DX9" s="280">
        <v>109</v>
      </c>
      <c r="DY9" s="280">
        <v>260</v>
      </c>
      <c r="DZ9" s="280">
        <v>150</v>
      </c>
      <c r="EA9" s="280">
        <v>84</v>
      </c>
      <c r="EB9" s="280">
        <v>48</v>
      </c>
      <c r="EC9" s="277">
        <v>651</v>
      </c>
      <c r="ED9" s="282">
        <v>793</v>
      </c>
      <c r="EE9" s="276">
        <v>11</v>
      </c>
      <c r="EF9" s="280">
        <v>8</v>
      </c>
      <c r="EG9" s="277">
        <v>19</v>
      </c>
      <c r="EH9" s="279">
        <v>0</v>
      </c>
      <c r="EI9" s="280">
        <v>32</v>
      </c>
      <c r="EJ9" s="280">
        <v>27</v>
      </c>
      <c r="EK9" s="280">
        <v>32</v>
      </c>
      <c r="EL9" s="280">
        <v>23</v>
      </c>
      <c r="EM9" s="280">
        <v>11</v>
      </c>
      <c r="EN9" s="277">
        <v>125</v>
      </c>
      <c r="EO9" s="282">
        <v>144</v>
      </c>
      <c r="EP9" s="276">
        <v>39</v>
      </c>
      <c r="EQ9" s="280">
        <v>131</v>
      </c>
      <c r="ER9" s="277">
        <v>170</v>
      </c>
      <c r="ES9" s="279">
        <v>0</v>
      </c>
      <c r="ET9" s="280">
        <v>274</v>
      </c>
      <c r="EU9" s="280">
        <v>357</v>
      </c>
      <c r="EV9" s="280">
        <v>192</v>
      </c>
      <c r="EW9" s="280">
        <v>94</v>
      </c>
      <c r="EX9" s="280">
        <v>46</v>
      </c>
      <c r="EY9" s="277">
        <v>963</v>
      </c>
      <c r="EZ9" s="282">
        <v>1133</v>
      </c>
    </row>
    <row r="10" spans="2:156" ht="21" customHeight="1" x14ac:dyDescent="0.2">
      <c r="B10" s="261" t="s">
        <v>7</v>
      </c>
      <c r="C10" s="276">
        <v>0</v>
      </c>
      <c r="D10" s="280">
        <v>0</v>
      </c>
      <c r="E10" s="376">
        <v>0</v>
      </c>
      <c r="F10" s="279">
        <v>0</v>
      </c>
      <c r="G10" s="280">
        <v>123</v>
      </c>
      <c r="H10" s="280">
        <v>92</v>
      </c>
      <c r="I10" s="280">
        <v>51</v>
      </c>
      <c r="J10" s="280">
        <v>43</v>
      </c>
      <c r="K10" s="280">
        <v>23</v>
      </c>
      <c r="L10" s="281">
        <v>332</v>
      </c>
      <c r="M10" s="282">
        <v>332</v>
      </c>
      <c r="N10" s="276">
        <v>0</v>
      </c>
      <c r="O10" s="280">
        <v>0</v>
      </c>
      <c r="P10" s="277">
        <v>0</v>
      </c>
      <c r="Q10" s="279">
        <v>0</v>
      </c>
      <c r="R10" s="280">
        <v>3</v>
      </c>
      <c r="S10" s="280">
        <v>5</v>
      </c>
      <c r="T10" s="280">
        <v>8</v>
      </c>
      <c r="U10" s="280">
        <v>22</v>
      </c>
      <c r="V10" s="280">
        <v>13</v>
      </c>
      <c r="W10" s="277">
        <v>51</v>
      </c>
      <c r="X10" s="282">
        <v>51</v>
      </c>
      <c r="Y10" s="276">
        <v>2</v>
      </c>
      <c r="Z10" s="280">
        <v>3</v>
      </c>
      <c r="AA10" s="277">
        <v>5</v>
      </c>
      <c r="AB10" s="279">
        <v>0</v>
      </c>
      <c r="AC10" s="280">
        <v>65</v>
      </c>
      <c r="AD10" s="280">
        <v>50</v>
      </c>
      <c r="AE10" s="280">
        <v>28</v>
      </c>
      <c r="AF10" s="280">
        <v>29</v>
      </c>
      <c r="AG10" s="280">
        <v>23</v>
      </c>
      <c r="AH10" s="277">
        <v>195</v>
      </c>
      <c r="AI10" s="282">
        <v>200</v>
      </c>
      <c r="AJ10" s="276">
        <v>0</v>
      </c>
      <c r="AK10" s="280">
        <v>0</v>
      </c>
      <c r="AL10" s="277">
        <v>0</v>
      </c>
      <c r="AM10" s="279">
        <v>0</v>
      </c>
      <c r="AN10" s="280">
        <v>8</v>
      </c>
      <c r="AO10" s="280">
        <v>2</v>
      </c>
      <c r="AP10" s="280">
        <v>9</v>
      </c>
      <c r="AQ10" s="280">
        <v>6</v>
      </c>
      <c r="AR10" s="280">
        <v>1</v>
      </c>
      <c r="AS10" s="277">
        <v>26</v>
      </c>
      <c r="AT10" s="282">
        <v>26</v>
      </c>
      <c r="AU10" s="276">
        <v>15</v>
      </c>
      <c r="AV10" s="280">
        <v>13</v>
      </c>
      <c r="AW10" s="277">
        <v>28</v>
      </c>
      <c r="AX10" s="279">
        <v>0</v>
      </c>
      <c r="AY10" s="280">
        <v>118</v>
      </c>
      <c r="AZ10" s="280">
        <v>120</v>
      </c>
      <c r="BA10" s="280">
        <v>100</v>
      </c>
      <c r="BB10" s="280">
        <v>72</v>
      </c>
      <c r="BC10" s="280">
        <v>55</v>
      </c>
      <c r="BD10" s="281">
        <v>465</v>
      </c>
      <c r="BE10" s="282">
        <v>493</v>
      </c>
      <c r="BF10" s="276">
        <v>0</v>
      </c>
      <c r="BG10" s="280">
        <v>0</v>
      </c>
      <c r="BH10" s="277">
        <v>0</v>
      </c>
      <c r="BI10" s="279">
        <v>0</v>
      </c>
      <c r="BJ10" s="280">
        <v>152</v>
      </c>
      <c r="BK10" s="280">
        <v>86</v>
      </c>
      <c r="BL10" s="280">
        <v>46</v>
      </c>
      <c r="BM10" s="280">
        <v>22</v>
      </c>
      <c r="BN10" s="280">
        <v>9</v>
      </c>
      <c r="BO10" s="277">
        <v>315</v>
      </c>
      <c r="BP10" s="282">
        <v>315</v>
      </c>
      <c r="BQ10" s="276">
        <v>0</v>
      </c>
      <c r="BR10" s="280">
        <v>3</v>
      </c>
      <c r="BS10" s="277">
        <v>3</v>
      </c>
      <c r="BT10" s="279">
        <v>0</v>
      </c>
      <c r="BU10" s="280">
        <v>20</v>
      </c>
      <c r="BV10" s="280">
        <v>21</v>
      </c>
      <c r="BW10" s="280">
        <v>14</v>
      </c>
      <c r="BX10" s="280">
        <v>6</v>
      </c>
      <c r="BY10" s="280">
        <v>2</v>
      </c>
      <c r="BZ10" s="277">
        <v>63</v>
      </c>
      <c r="CA10" s="282">
        <v>66</v>
      </c>
      <c r="CB10" s="276">
        <v>0</v>
      </c>
      <c r="CC10" s="280">
        <v>0</v>
      </c>
      <c r="CD10" s="277">
        <v>0</v>
      </c>
      <c r="CE10" s="279">
        <v>0</v>
      </c>
      <c r="CF10" s="280">
        <v>25</v>
      </c>
      <c r="CG10" s="280">
        <v>31</v>
      </c>
      <c r="CH10" s="280">
        <v>31</v>
      </c>
      <c r="CI10" s="280">
        <v>13</v>
      </c>
      <c r="CJ10" s="280">
        <v>6</v>
      </c>
      <c r="CK10" s="277">
        <v>106</v>
      </c>
      <c r="CL10" s="282">
        <v>106</v>
      </c>
      <c r="CM10" s="276">
        <v>0</v>
      </c>
      <c r="CN10" s="280">
        <v>0</v>
      </c>
      <c r="CO10" s="277">
        <v>0</v>
      </c>
      <c r="CP10" s="279">
        <v>0</v>
      </c>
      <c r="CQ10" s="280">
        <v>1</v>
      </c>
      <c r="CR10" s="280">
        <v>0</v>
      </c>
      <c r="CS10" s="280">
        <v>1</v>
      </c>
      <c r="CT10" s="280">
        <v>1</v>
      </c>
      <c r="CU10" s="280">
        <v>0</v>
      </c>
      <c r="CV10" s="277">
        <v>3</v>
      </c>
      <c r="CW10" s="282">
        <v>3</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29</v>
      </c>
      <c r="DU10" s="280">
        <v>35</v>
      </c>
      <c r="DV10" s="277">
        <v>64</v>
      </c>
      <c r="DW10" s="279">
        <v>0</v>
      </c>
      <c r="DX10" s="280">
        <v>155</v>
      </c>
      <c r="DY10" s="280">
        <v>208</v>
      </c>
      <c r="DZ10" s="280">
        <v>119</v>
      </c>
      <c r="EA10" s="280">
        <v>80</v>
      </c>
      <c r="EB10" s="280">
        <v>43</v>
      </c>
      <c r="EC10" s="277">
        <v>605</v>
      </c>
      <c r="ED10" s="282">
        <v>669</v>
      </c>
      <c r="EE10" s="276">
        <v>11</v>
      </c>
      <c r="EF10" s="280">
        <v>8</v>
      </c>
      <c r="EG10" s="277">
        <v>19</v>
      </c>
      <c r="EH10" s="279">
        <v>0</v>
      </c>
      <c r="EI10" s="280">
        <v>50</v>
      </c>
      <c r="EJ10" s="280">
        <v>40</v>
      </c>
      <c r="EK10" s="280">
        <v>28</v>
      </c>
      <c r="EL10" s="280">
        <v>21</v>
      </c>
      <c r="EM10" s="280">
        <v>18</v>
      </c>
      <c r="EN10" s="277">
        <v>157</v>
      </c>
      <c r="EO10" s="282">
        <v>176</v>
      </c>
      <c r="EP10" s="276">
        <v>31</v>
      </c>
      <c r="EQ10" s="280">
        <v>38</v>
      </c>
      <c r="ER10" s="277">
        <v>69</v>
      </c>
      <c r="ES10" s="279">
        <v>0</v>
      </c>
      <c r="ET10" s="280">
        <v>388</v>
      </c>
      <c r="EU10" s="280">
        <v>272</v>
      </c>
      <c r="EV10" s="280">
        <v>140</v>
      </c>
      <c r="EW10" s="280">
        <v>91</v>
      </c>
      <c r="EX10" s="280">
        <v>44</v>
      </c>
      <c r="EY10" s="277">
        <v>935</v>
      </c>
      <c r="EZ10" s="282">
        <v>1004</v>
      </c>
    </row>
    <row r="11" spans="2:156" ht="21" customHeight="1" x14ac:dyDescent="0.2">
      <c r="B11" s="261" t="s">
        <v>8</v>
      </c>
      <c r="C11" s="276">
        <v>0</v>
      </c>
      <c r="D11" s="280">
        <v>0</v>
      </c>
      <c r="E11" s="376">
        <v>0</v>
      </c>
      <c r="F11" s="279">
        <v>0</v>
      </c>
      <c r="G11" s="280">
        <v>20</v>
      </c>
      <c r="H11" s="280">
        <v>32</v>
      </c>
      <c r="I11" s="280">
        <v>24</v>
      </c>
      <c r="J11" s="280">
        <v>17</v>
      </c>
      <c r="K11" s="280">
        <v>10</v>
      </c>
      <c r="L11" s="281">
        <v>103</v>
      </c>
      <c r="M11" s="282">
        <v>103</v>
      </c>
      <c r="N11" s="276">
        <v>0</v>
      </c>
      <c r="O11" s="280">
        <v>0</v>
      </c>
      <c r="P11" s="277">
        <v>0</v>
      </c>
      <c r="Q11" s="279">
        <v>0</v>
      </c>
      <c r="R11" s="280">
        <v>0</v>
      </c>
      <c r="S11" s="280">
        <v>2</v>
      </c>
      <c r="T11" s="280">
        <v>1</v>
      </c>
      <c r="U11" s="280">
        <v>1</v>
      </c>
      <c r="V11" s="280">
        <v>6</v>
      </c>
      <c r="W11" s="277">
        <v>10</v>
      </c>
      <c r="X11" s="282">
        <v>10</v>
      </c>
      <c r="Y11" s="276">
        <v>4</v>
      </c>
      <c r="Z11" s="280">
        <v>4</v>
      </c>
      <c r="AA11" s="277">
        <v>8</v>
      </c>
      <c r="AB11" s="279">
        <v>0</v>
      </c>
      <c r="AC11" s="280">
        <v>21</v>
      </c>
      <c r="AD11" s="280">
        <v>22</v>
      </c>
      <c r="AE11" s="280">
        <v>24</v>
      </c>
      <c r="AF11" s="280">
        <v>18</v>
      </c>
      <c r="AG11" s="280">
        <v>12</v>
      </c>
      <c r="AH11" s="277">
        <v>97</v>
      </c>
      <c r="AI11" s="282">
        <v>105</v>
      </c>
      <c r="AJ11" s="276">
        <v>0</v>
      </c>
      <c r="AK11" s="280">
        <v>1</v>
      </c>
      <c r="AL11" s="277">
        <v>1</v>
      </c>
      <c r="AM11" s="279">
        <v>0</v>
      </c>
      <c r="AN11" s="280">
        <v>3</v>
      </c>
      <c r="AO11" s="280">
        <v>4</v>
      </c>
      <c r="AP11" s="280">
        <v>4</v>
      </c>
      <c r="AQ11" s="280">
        <v>3</v>
      </c>
      <c r="AR11" s="280">
        <v>0</v>
      </c>
      <c r="AS11" s="277">
        <v>14</v>
      </c>
      <c r="AT11" s="282">
        <v>15</v>
      </c>
      <c r="AU11" s="276">
        <v>8</v>
      </c>
      <c r="AV11" s="280">
        <v>4</v>
      </c>
      <c r="AW11" s="277">
        <v>12</v>
      </c>
      <c r="AX11" s="279">
        <v>0</v>
      </c>
      <c r="AY11" s="280">
        <v>39</v>
      </c>
      <c r="AZ11" s="280">
        <v>34</v>
      </c>
      <c r="BA11" s="280">
        <v>39</v>
      </c>
      <c r="BB11" s="280">
        <v>25</v>
      </c>
      <c r="BC11" s="280">
        <v>24</v>
      </c>
      <c r="BD11" s="281">
        <v>161</v>
      </c>
      <c r="BE11" s="282">
        <v>173</v>
      </c>
      <c r="BF11" s="276">
        <v>0</v>
      </c>
      <c r="BG11" s="280">
        <v>0</v>
      </c>
      <c r="BH11" s="277">
        <v>0</v>
      </c>
      <c r="BI11" s="279">
        <v>0</v>
      </c>
      <c r="BJ11" s="280">
        <v>31</v>
      </c>
      <c r="BK11" s="280">
        <v>32</v>
      </c>
      <c r="BL11" s="280">
        <v>22</v>
      </c>
      <c r="BM11" s="280">
        <v>12</v>
      </c>
      <c r="BN11" s="280">
        <v>7</v>
      </c>
      <c r="BO11" s="277">
        <v>104</v>
      </c>
      <c r="BP11" s="282">
        <v>104</v>
      </c>
      <c r="BQ11" s="276">
        <v>6</v>
      </c>
      <c r="BR11" s="280">
        <v>3</v>
      </c>
      <c r="BS11" s="277">
        <v>9</v>
      </c>
      <c r="BT11" s="279">
        <v>0</v>
      </c>
      <c r="BU11" s="280">
        <v>8</v>
      </c>
      <c r="BV11" s="280">
        <v>10</v>
      </c>
      <c r="BW11" s="280">
        <v>6</v>
      </c>
      <c r="BX11" s="280">
        <v>2</v>
      </c>
      <c r="BY11" s="280">
        <v>0</v>
      </c>
      <c r="BZ11" s="277">
        <v>26</v>
      </c>
      <c r="CA11" s="282">
        <v>35</v>
      </c>
      <c r="CB11" s="276">
        <v>1</v>
      </c>
      <c r="CC11" s="280">
        <v>0</v>
      </c>
      <c r="CD11" s="277">
        <v>1</v>
      </c>
      <c r="CE11" s="279">
        <v>0</v>
      </c>
      <c r="CF11" s="280">
        <v>5</v>
      </c>
      <c r="CG11" s="280">
        <v>4</v>
      </c>
      <c r="CH11" s="280">
        <v>10</v>
      </c>
      <c r="CI11" s="280">
        <v>6</v>
      </c>
      <c r="CJ11" s="280">
        <v>4</v>
      </c>
      <c r="CK11" s="277">
        <v>29</v>
      </c>
      <c r="CL11" s="282">
        <v>30</v>
      </c>
      <c r="CM11" s="276">
        <v>0</v>
      </c>
      <c r="CN11" s="280">
        <v>0</v>
      </c>
      <c r="CO11" s="277">
        <v>0</v>
      </c>
      <c r="CP11" s="279">
        <v>0</v>
      </c>
      <c r="CQ11" s="280">
        <v>0</v>
      </c>
      <c r="CR11" s="280">
        <v>1</v>
      </c>
      <c r="CS11" s="280">
        <v>1</v>
      </c>
      <c r="CT11" s="280">
        <v>0</v>
      </c>
      <c r="CU11" s="280">
        <v>0</v>
      </c>
      <c r="CV11" s="277">
        <v>2</v>
      </c>
      <c r="CW11" s="282">
        <v>2</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9</v>
      </c>
      <c r="DU11" s="280">
        <v>22</v>
      </c>
      <c r="DV11" s="277">
        <v>41</v>
      </c>
      <c r="DW11" s="279">
        <v>0</v>
      </c>
      <c r="DX11" s="280">
        <v>60</v>
      </c>
      <c r="DY11" s="280">
        <v>93</v>
      </c>
      <c r="DZ11" s="280">
        <v>59</v>
      </c>
      <c r="EA11" s="280">
        <v>32</v>
      </c>
      <c r="EB11" s="280">
        <v>21</v>
      </c>
      <c r="EC11" s="277">
        <v>265</v>
      </c>
      <c r="ED11" s="282">
        <v>306</v>
      </c>
      <c r="EE11" s="276">
        <v>8</v>
      </c>
      <c r="EF11" s="280">
        <v>3</v>
      </c>
      <c r="EG11" s="277">
        <v>11</v>
      </c>
      <c r="EH11" s="279">
        <v>0</v>
      </c>
      <c r="EI11" s="280">
        <v>17</v>
      </c>
      <c r="EJ11" s="280">
        <v>11</v>
      </c>
      <c r="EK11" s="280">
        <v>8</v>
      </c>
      <c r="EL11" s="280">
        <v>5</v>
      </c>
      <c r="EM11" s="280">
        <v>7</v>
      </c>
      <c r="EN11" s="277">
        <v>48</v>
      </c>
      <c r="EO11" s="282">
        <v>59</v>
      </c>
      <c r="EP11" s="276">
        <v>29</v>
      </c>
      <c r="EQ11" s="280">
        <v>26</v>
      </c>
      <c r="ER11" s="277">
        <v>55</v>
      </c>
      <c r="ES11" s="279">
        <v>0</v>
      </c>
      <c r="ET11" s="280">
        <v>114</v>
      </c>
      <c r="EU11" s="280">
        <v>110</v>
      </c>
      <c r="EV11" s="280">
        <v>67</v>
      </c>
      <c r="EW11" s="280">
        <v>33</v>
      </c>
      <c r="EX11" s="280">
        <v>24</v>
      </c>
      <c r="EY11" s="277">
        <v>348</v>
      </c>
      <c r="EZ11" s="282">
        <v>403</v>
      </c>
    </row>
    <row r="12" spans="2:156" ht="21" customHeight="1" x14ac:dyDescent="0.2">
      <c r="B12" s="261" t="s">
        <v>9</v>
      </c>
      <c r="C12" s="276">
        <v>0</v>
      </c>
      <c r="D12" s="280">
        <v>0</v>
      </c>
      <c r="E12" s="376">
        <v>0</v>
      </c>
      <c r="F12" s="279">
        <v>0</v>
      </c>
      <c r="G12" s="280">
        <v>52</v>
      </c>
      <c r="H12" s="280">
        <v>44</v>
      </c>
      <c r="I12" s="280">
        <v>31</v>
      </c>
      <c r="J12" s="280">
        <v>28</v>
      </c>
      <c r="K12" s="280">
        <v>16</v>
      </c>
      <c r="L12" s="281">
        <v>171</v>
      </c>
      <c r="M12" s="282">
        <v>171</v>
      </c>
      <c r="N12" s="276">
        <v>0</v>
      </c>
      <c r="O12" s="280">
        <v>0</v>
      </c>
      <c r="P12" s="277">
        <v>0</v>
      </c>
      <c r="Q12" s="279">
        <v>0</v>
      </c>
      <c r="R12" s="280">
        <v>0</v>
      </c>
      <c r="S12" s="280">
        <v>2</v>
      </c>
      <c r="T12" s="280">
        <v>1</v>
      </c>
      <c r="U12" s="280">
        <v>3</v>
      </c>
      <c r="V12" s="280">
        <v>5</v>
      </c>
      <c r="W12" s="277">
        <v>11</v>
      </c>
      <c r="X12" s="282">
        <v>11</v>
      </c>
      <c r="Y12" s="276">
        <v>3</v>
      </c>
      <c r="Z12" s="280">
        <v>9</v>
      </c>
      <c r="AA12" s="277">
        <v>12</v>
      </c>
      <c r="AB12" s="279">
        <v>0</v>
      </c>
      <c r="AC12" s="280">
        <v>52</v>
      </c>
      <c r="AD12" s="280">
        <v>27</v>
      </c>
      <c r="AE12" s="280">
        <v>31</v>
      </c>
      <c r="AF12" s="280">
        <v>32</v>
      </c>
      <c r="AG12" s="280">
        <v>15</v>
      </c>
      <c r="AH12" s="277">
        <v>157</v>
      </c>
      <c r="AI12" s="282">
        <v>169</v>
      </c>
      <c r="AJ12" s="276">
        <v>0</v>
      </c>
      <c r="AK12" s="280">
        <v>0</v>
      </c>
      <c r="AL12" s="277">
        <v>0</v>
      </c>
      <c r="AM12" s="279">
        <v>0</v>
      </c>
      <c r="AN12" s="280">
        <v>1</v>
      </c>
      <c r="AO12" s="280">
        <v>6</v>
      </c>
      <c r="AP12" s="280">
        <v>4</v>
      </c>
      <c r="AQ12" s="280">
        <v>5</v>
      </c>
      <c r="AR12" s="280">
        <v>2</v>
      </c>
      <c r="AS12" s="277">
        <v>18</v>
      </c>
      <c r="AT12" s="282">
        <v>18</v>
      </c>
      <c r="AU12" s="276">
        <v>11</v>
      </c>
      <c r="AV12" s="280">
        <v>10</v>
      </c>
      <c r="AW12" s="277">
        <v>21</v>
      </c>
      <c r="AX12" s="279">
        <v>0</v>
      </c>
      <c r="AY12" s="280">
        <v>55</v>
      </c>
      <c r="AZ12" s="280">
        <v>39</v>
      </c>
      <c r="BA12" s="280">
        <v>59</v>
      </c>
      <c r="BB12" s="280">
        <v>50</v>
      </c>
      <c r="BC12" s="280">
        <v>30</v>
      </c>
      <c r="BD12" s="281">
        <v>233</v>
      </c>
      <c r="BE12" s="282">
        <v>254</v>
      </c>
      <c r="BF12" s="276">
        <v>0</v>
      </c>
      <c r="BG12" s="280">
        <v>0</v>
      </c>
      <c r="BH12" s="277">
        <v>0</v>
      </c>
      <c r="BI12" s="279">
        <v>0</v>
      </c>
      <c r="BJ12" s="280">
        <v>43</v>
      </c>
      <c r="BK12" s="280">
        <v>43</v>
      </c>
      <c r="BL12" s="280">
        <v>22</v>
      </c>
      <c r="BM12" s="280">
        <v>14</v>
      </c>
      <c r="BN12" s="280">
        <v>4</v>
      </c>
      <c r="BO12" s="277">
        <v>126</v>
      </c>
      <c r="BP12" s="282">
        <v>126</v>
      </c>
      <c r="BQ12" s="276">
        <v>2</v>
      </c>
      <c r="BR12" s="280">
        <v>4</v>
      </c>
      <c r="BS12" s="277">
        <v>6</v>
      </c>
      <c r="BT12" s="279">
        <v>0</v>
      </c>
      <c r="BU12" s="280">
        <v>22</v>
      </c>
      <c r="BV12" s="280">
        <v>16</v>
      </c>
      <c r="BW12" s="280">
        <v>14</v>
      </c>
      <c r="BX12" s="280">
        <v>8</v>
      </c>
      <c r="BY12" s="280">
        <v>3</v>
      </c>
      <c r="BZ12" s="277">
        <v>63</v>
      </c>
      <c r="CA12" s="282">
        <v>69</v>
      </c>
      <c r="CB12" s="276">
        <v>0</v>
      </c>
      <c r="CC12" s="280">
        <v>0</v>
      </c>
      <c r="CD12" s="277">
        <v>0</v>
      </c>
      <c r="CE12" s="279">
        <v>0</v>
      </c>
      <c r="CF12" s="280">
        <v>8</v>
      </c>
      <c r="CG12" s="280">
        <v>5</v>
      </c>
      <c r="CH12" s="280">
        <v>10</v>
      </c>
      <c r="CI12" s="280">
        <v>8</v>
      </c>
      <c r="CJ12" s="280">
        <v>2</v>
      </c>
      <c r="CK12" s="277">
        <v>33</v>
      </c>
      <c r="CL12" s="282">
        <v>33</v>
      </c>
      <c r="CM12" s="276">
        <v>0</v>
      </c>
      <c r="CN12" s="280">
        <v>0</v>
      </c>
      <c r="CO12" s="277">
        <v>0</v>
      </c>
      <c r="CP12" s="279">
        <v>0</v>
      </c>
      <c r="CQ12" s="280">
        <v>0</v>
      </c>
      <c r="CR12" s="280">
        <v>3</v>
      </c>
      <c r="CS12" s="280">
        <v>4</v>
      </c>
      <c r="CT12" s="280">
        <v>0</v>
      </c>
      <c r="CU12" s="280">
        <v>1</v>
      </c>
      <c r="CV12" s="277">
        <v>8</v>
      </c>
      <c r="CW12" s="282">
        <v>8</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9</v>
      </c>
      <c r="DU12" s="280">
        <v>35</v>
      </c>
      <c r="DV12" s="277">
        <v>64</v>
      </c>
      <c r="DW12" s="279">
        <v>0</v>
      </c>
      <c r="DX12" s="280">
        <v>88</v>
      </c>
      <c r="DY12" s="280">
        <v>78</v>
      </c>
      <c r="DZ12" s="280">
        <v>71</v>
      </c>
      <c r="EA12" s="280">
        <v>50</v>
      </c>
      <c r="EB12" s="280">
        <v>28</v>
      </c>
      <c r="EC12" s="277">
        <v>315</v>
      </c>
      <c r="ED12" s="282">
        <v>379</v>
      </c>
      <c r="EE12" s="276">
        <v>10</v>
      </c>
      <c r="EF12" s="280">
        <v>2</v>
      </c>
      <c r="EG12" s="277">
        <v>12</v>
      </c>
      <c r="EH12" s="279">
        <v>0</v>
      </c>
      <c r="EI12" s="280">
        <v>15</v>
      </c>
      <c r="EJ12" s="280">
        <v>14</v>
      </c>
      <c r="EK12" s="280">
        <v>15</v>
      </c>
      <c r="EL12" s="280">
        <v>13</v>
      </c>
      <c r="EM12" s="280">
        <v>10</v>
      </c>
      <c r="EN12" s="277">
        <v>67</v>
      </c>
      <c r="EO12" s="282">
        <v>79</v>
      </c>
      <c r="EP12" s="276">
        <v>31</v>
      </c>
      <c r="EQ12" s="280">
        <v>43</v>
      </c>
      <c r="ER12" s="277">
        <v>74</v>
      </c>
      <c r="ES12" s="279">
        <v>0</v>
      </c>
      <c r="ET12" s="280">
        <v>159</v>
      </c>
      <c r="EU12" s="280">
        <v>110</v>
      </c>
      <c r="EV12" s="280">
        <v>80</v>
      </c>
      <c r="EW12" s="280">
        <v>54</v>
      </c>
      <c r="EX12" s="280">
        <v>27</v>
      </c>
      <c r="EY12" s="277">
        <v>430</v>
      </c>
      <c r="EZ12" s="282">
        <v>504</v>
      </c>
    </row>
    <row r="13" spans="2:156" ht="21" customHeight="1" x14ac:dyDescent="0.2">
      <c r="B13" s="261" t="s">
        <v>10</v>
      </c>
      <c r="C13" s="276">
        <v>0</v>
      </c>
      <c r="D13" s="280">
        <v>0</v>
      </c>
      <c r="E13" s="376">
        <v>0</v>
      </c>
      <c r="F13" s="279">
        <v>0</v>
      </c>
      <c r="G13" s="280">
        <v>87</v>
      </c>
      <c r="H13" s="280">
        <v>50</v>
      </c>
      <c r="I13" s="280">
        <v>29</v>
      </c>
      <c r="J13" s="280">
        <v>33</v>
      </c>
      <c r="K13" s="280">
        <v>17</v>
      </c>
      <c r="L13" s="281">
        <v>216</v>
      </c>
      <c r="M13" s="282">
        <v>216</v>
      </c>
      <c r="N13" s="276">
        <v>0</v>
      </c>
      <c r="O13" s="280">
        <v>0</v>
      </c>
      <c r="P13" s="277">
        <v>0</v>
      </c>
      <c r="Q13" s="279">
        <v>0</v>
      </c>
      <c r="R13" s="280">
        <v>1</v>
      </c>
      <c r="S13" s="280">
        <v>2</v>
      </c>
      <c r="T13" s="280">
        <v>2</v>
      </c>
      <c r="U13" s="280">
        <v>8</v>
      </c>
      <c r="V13" s="280">
        <v>12</v>
      </c>
      <c r="W13" s="277">
        <v>25</v>
      </c>
      <c r="X13" s="282">
        <v>25</v>
      </c>
      <c r="Y13" s="276">
        <v>17</v>
      </c>
      <c r="Z13" s="280">
        <v>20</v>
      </c>
      <c r="AA13" s="277">
        <v>37</v>
      </c>
      <c r="AB13" s="279">
        <v>0</v>
      </c>
      <c r="AC13" s="280">
        <v>54</v>
      </c>
      <c r="AD13" s="280">
        <v>39</v>
      </c>
      <c r="AE13" s="280">
        <v>22</v>
      </c>
      <c r="AF13" s="280">
        <v>27</v>
      </c>
      <c r="AG13" s="280">
        <v>15</v>
      </c>
      <c r="AH13" s="277">
        <v>157</v>
      </c>
      <c r="AI13" s="282">
        <v>194</v>
      </c>
      <c r="AJ13" s="276">
        <v>2</v>
      </c>
      <c r="AK13" s="280">
        <v>1</v>
      </c>
      <c r="AL13" s="277">
        <v>3</v>
      </c>
      <c r="AM13" s="279">
        <v>0</v>
      </c>
      <c r="AN13" s="280">
        <v>8</v>
      </c>
      <c r="AO13" s="280">
        <v>6</v>
      </c>
      <c r="AP13" s="280">
        <v>3</v>
      </c>
      <c r="AQ13" s="280">
        <v>6</v>
      </c>
      <c r="AR13" s="280">
        <v>5</v>
      </c>
      <c r="AS13" s="277">
        <v>28</v>
      </c>
      <c r="AT13" s="282">
        <v>31</v>
      </c>
      <c r="AU13" s="276">
        <v>22</v>
      </c>
      <c r="AV13" s="280">
        <v>12</v>
      </c>
      <c r="AW13" s="277">
        <v>34</v>
      </c>
      <c r="AX13" s="279">
        <v>0</v>
      </c>
      <c r="AY13" s="280">
        <v>96</v>
      </c>
      <c r="AZ13" s="280">
        <v>73</v>
      </c>
      <c r="BA13" s="280">
        <v>63</v>
      </c>
      <c r="BB13" s="280">
        <v>72</v>
      </c>
      <c r="BC13" s="280">
        <v>44</v>
      </c>
      <c r="BD13" s="281">
        <v>348</v>
      </c>
      <c r="BE13" s="282">
        <v>382</v>
      </c>
      <c r="BF13" s="276">
        <v>0</v>
      </c>
      <c r="BG13" s="280">
        <v>0</v>
      </c>
      <c r="BH13" s="277">
        <v>0</v>
      </c>
      <c r="BI13" s="279">
        <v>0</v>
      </c>
      <c r="BJ13" s="280">
        <v>118</v>
      </c>
      <c r="BK13" s="280">
        <v>72</v>
      </c>
      <c r="BL13" s="280">
        <v>34</v>
      </c>
      <c r="BM13" s="280">
        <v>24</v>
      </c>
      <c r="BN13" s="280">
        <v>9</v>
      </c>
      <c r="BO13" s="277">
        <v>257</v>
      </c>
      <c r="BP13" s="282">
        <v>257</v>
      </c>
      <c r="BQ13" s="276">
        <v>5</v>
      </c>
      <c r="BR13" s="280">
        <v>5</v>
      </c>
      <c r="BS13" s="277">
        <v>10</v>
      </c>
      <c r="BT13" s="279">
        <v>0</v>
      </c>
      <c r="BU13" s="280">
        <v>23</v>
      </c>
      <c r="BV13" s="280">
        <v>10</v>
      </c>
      <c r="BW13" s="280">
        <v>6</v>
      </c>
      <c r="BX13" s="280">
        <v>5</v>
      </c>
      <c r="BY13" s="280">
        <v>2</v>
      </c>
      <c r="BZ13" s="277">
        <v>46</v>
      </c>
      <c r="CA13" s="282">
        <v>56</v>
      </c>
      <c r="CB13" s="276">
        <v>2</v>
      </c>
      <c r="CC13" s="280">
        <v>2</v>
      </c>
      <c r="CD13" s="277">
        <v>4</v>
      </c>
      <c r="CE13" s="279">
        <v>0</v>
      </c>
      <c r="CF13" s="280">
        <v>15</v>
      </c>
      <c r="CG13" s="280">
        <v>16</v>
      </c>
      <c r="CH13" s="280">
        <v>11</v>
      </c>
      <c r="CI13" s="280">
        <v>18</v>
      </c>
      <c r="CJ13" s="280">
        <v>3</v>
      </c>
      <c r="CK13" s="277">
        <v>63</v>
      </c>
      <c r="CL13" s="282">
        <v>67</v>
      </c>
      <c r="CM13" s="276">
        <v>0</v>
      </c>
      <c r="CN13" s="280">
        <v>0</v>
      </c>
      <c r="CO13" s="277">
        <v>0</v>
      </c>
      <c r="CP13" s="279">
        <v>0</v>
      </c>
      <c r="CQ13" s="280">
        <v>1</v>
      </c>
      <c r="CR13" s="280">
        <v>2</v>
      </c>
      <c r="CS13" s="280">
        <v>3</v>
      </c>
      <c r="CT13" s="280">
        <v>2</v>
      </c>
      <c r="CU13" s="280">
        <v>1</v>
      </c>
      <c r="CV13" s="277">
        <v>9</v>
      </c>
      <c r="CW13" s="282">
        <v>9</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64</v>
      </c>
      <c r="DU13" s="280">
        <v>78</v>
      </c>
      <c r="DV13" s="277">
        <v>142</v>
      </c>
      <c r="DW13" s="279">
        <v>0</v>
      </c>
      <c r="DX13" s="280">
        <v>132</v>
      </c>
      <c r="DY13" s="280">
        <v>119</v>
      </c>
      <c r="DZ13" s="280">
        <v>63</v>
      </c>
      <c r="EA13" s="280">
        <v>73</v>
      </c>
      <c r="EB13" s="280">
        <v>33</v>
      </c>
      <c r="EC13" s="277">
        <v>420</v>
      </c>
      <c r="ED13" s="282">
        <v>562</v>
      </c>
      <c r="EE13" s="276">
        <v>9</v>
      </c>
      <c r="EF13" s="280">
        <v>1</v>
      </c>
      <c r="EG13" s="277">
        <v>10</v>
      </c>
      <c r="EH13" s="279">
        <v>0</v>
      </c>
      <c r="EI13" s="280">
        <v>36</v>
      </c>
      <c r="EJ13" s="280">
        <v>17</v>
      </c>
      <c r="EK13" s="280">
        <v>16</v>
      </c>
      <c r="EL13" s="280">
        <v>18</v>
      </c>
      <c r="EM13" s="280">
        <v>12</v>
      </c>
      <c r="EN13" s="277">
        <v>99</v>
      </c>
      <c r="EO13" s="282">
        <v>109</v>
      </c>
      <c r="EP13" s="276">
        <v>84</v>
      </c>
      <c r="EQ13" s="280">
        <v>95</v>
      </c>
      <c r="ER13" s="277">
        <v>179</v>
      </c>
      <c r="ES13" s="279">
        <v>0</v>
      </c>
      <c r="ET13" s="280">
        <v>270</v>
      </c>
      <c r="EU13" s="280">
        <v>149</v>
      </c>
      <c r="EV13" s="280">
        <v>70</v>
      </c>
      <c r="EW13" s="280">
        <v>68</v>
      </c>
      <c r="EX13" s="280">
        <v>30</v>
      </c>
      <c r="EY13" s="277">
        <v>587</v>
      </c>
      <c r="EZ13" s="282">
        <v>766</v>
      </c>
    </row>
    <row r="14" spans="2:156" ht="21" customHeight="1" x14ac:dyDescent="0.2">
      <c r="B14" s="261" t="s">
        <v>11</v>
      </c>
      <c r="C14" s="276">
        <v>0</v>
      </c>
      <c r="D14" s="280">
        <v>0</v>
      </c>
      <c r="E14" s="376">
        <v>0</v>
      </c>
      <c r="F14" s="279">
        <v>0</v>
      </c>
      <c r="G14" s="280">
        <v>10</v>
      </c>
      <c r="H14" s="280">
        <v>17</v>
      </c>
      <c r="I14" s="280">
        <v>11</v>
      </c>
      <c r="J14" s="280">
        <v>15</v>
      </c>
      <c r="K14" s="280">
        <v>8</v>
      </c>
      <c r="L14" s="281">
        <v>61</v>
      </c>
      <c r="M14" s="282">
        <v>61</v>
      </c>
      <c r="N14" s="276">
        <v>0</v>
      </c>
      <c r="O14" s="280">
        <v>0</v>
      </c>
      <c r="P14" s="277">
        <v>0</v>
      </c>
      <c r="Q14" s="279">
        <v>0</v>
      </c>
      <c r="R14" s="280">
        <v>1</v>
      </c>
      <c r="S14" s="280">
        <v>2</v>
      </c>
      <c r="T14" s="280">
        <v>2</v>
      </c>
      <c r="U14" s="280">
        <v>4</v>
      </c>
      <c r="V14" s="280">
        <v>2</v>
      </c>
      <c r="W14" s="277">
        <v>11</v>
      </c>
      <c r="X14" s="282">
        <v>11</v>
      </c>
      <c r="Y14" s="276">
        <v>6</v>
      </c>
      <c r="Z14" s="280">
        <v>7</v>
      </c>
      <c r="AA14" s="277">
        <v>13</v>
      </c>
      <c r="AB14" s="279">
        <v>0</v>
      </c>
      <c r="AC14" s="280">
        <v>20</v>
      </c>
      <c r="AD14" s="280">
        <v>19</v>
      </c>
      <c r="AE14" s="280">
        <v>11</v>
      </c>
      <c r="AF14" s="280">
        <v>12</v>
      </c>
      <c r="AG14" s="280">
        <v>6</v>
      </c>
      <c r="AH14" s="277">
        <v>68</v>
      </c>
      <c r="AI14" s="282">
        <v>81</v>
      </c>
      <c r="AJ14" s="276">
        <v>0</v>
      </c>
      <c r="AK14" s="280">
        <v>2</v>
      </c>
      <c r="AL14" s="277">
        <v>2</v>
      </c>
      <c r="AM14" s="279">
        <v>0</v>
      </c>
      <c r="AN14" s="280">
        <v>2</v>
      </c>
      <c r="AO14" s="280">
        <v>1</v>
      </c>
      <c r="AP14" s="280">
        <v>1</v>
      </c>
      <c r="AQ14" s="280">
        <v>3</v>
      </c>
      <c r="AR14" s="280">
        <v>1</v>
      </c>
      <c r="AS14" s="277">
        <v>8</v>
      </c>
      <c r="AT14" s="282">
        <v>10</v>
      </c>
      <c r="AU14" s="276">
        <v>4</v>
      </c>
      <c r="AV14" s="280">
        <v>5</v>
      </c>
      <c r="AW14" s="277">
        <v>9</v>
      </c>
      <c r="AX14" s="279">
        <v>0</v>
      </c>
      <c r="AY14" s="280">
        <v>18</v>
      </c>
      <c r="AZ14" s="280">
        <v>30</v>
      </c>
      <c r="BA14" s="280">
        <v>20</v>
      </c>
      <c r="BB14" s="280">
        <v>29</v>
      </c>
      <c r="BC14" s="280">
        <v>14</v>
      </c>
      <c r="BD14" s="281">
        <v>111</v>
      </c>
      <c r="BE14" s="282">
        <v>120</v>
      </c>
      <c r="BF14" s="276">
        <v>0</v>
      </c>
      <c r="BG14" s="280">
        <v>0</v>
      </c>
      <c r="BH14" s="277">
        <v>0</v>
      </c>
      <c r="BI14" s="279">
        <v>0</v>
      </c>
      <c r="BJ14" s="280">
        <v>36</v>
      </c>
      <c r="BK14" s="280">
        <v>21</v>
      </c>
      <c r="BL14" s="280">
        <v>18</v>
      </c>
      <c r="BM14" s="280">
        <v>11</v>
      </c>
      <c r="BN14" s="280">
        <v>1</v>
      </c>
      <c r="BO14" s="277">
        <v>87</v>
      </c>
      <c r="BP14" s="282">
        <v>87</v>
      </c>
      <c r="BQ14" s="276">
        <v>8</v>
      </c>
      <c r="BR14" s="280">
        <v>2</v>
      </c>
      <c r="BS14" s="277">
        <v>10</v>
      </c>
      <c r="BT14" s="279">
        <v>0</v>
      </c>
      <c r="BU14" s="280">
        <v>23</v>
      </c>
      <c r="BV14" s="280">
        <v>14</v>
      </c>
      <c r="BW14" s="280">
        <v>5</v>
      </c>
      <c r="BX14" s="280">
        <v>9</v>
      </c>
      <c r="BY14" s="280">
        <v>1</v>
      </c>
      <c r="BZ14" s="277">
        <v>52</v>
      </c>
      <c r="CA14" s="282">
        <v>62</v>
      </c>
      <c r="CB14" s="276">
        <v>0</v>
      </c>
      <c r="CC14" s="280">
        <v>0</v>
      </c>
      <c r="CD14" s="277">
        <v>0</v>
      </c>
      <c r="CE14" s="279">
        <v>0</v>
      </c>
      <c r="CF14" s="280">
        <v>5</v>
      </c>
      <c r="CG14" s="280">
        <v>4</v>
      </c>
      <c r="CH14" s="280">
        <v>7</v>
      </c>
      <c r="CI14" s="280">
        <v>2</v>
      </c>
      <c r="CJ14" s="280">
        <v>1</v>
      </c>
      <c r="CK14" s="277">
        <v>19</v>
      </c>
      <c r="CL14" s="282">
        <v>19</v>
      </c>
      <c r="CM14" s="276">
        <v>0</v>
      </c>
      <c r="CN14" s="280">
        <v>0</v>
      </c>
      <c r="CO14" s="277">
        <v>0</v>
      </c>
      <c r="CP14" s="279">
        <v>0</v>
      </c>
      <c r="CQ14" s="280">
        <v>0</v>
      </c>
      <c r="CR14" s="280">
        <v>2</v>
      </c>
      <c r="CS14" s="280">
        <v>1</v>
      </c>
      <c r="CT14" s="280">
        <v>1</v>
      </c>
      <c r="CU14" s="280">
        <v>0</v>
      </c>
      <c r="CV14" s="277">
        <v>4</v>
      </c>
      <c r="CW14" s="282">
        <v>4</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8</v>
      </c>
      <c r="DU14" s="280">
        <v>33</v>
      </c>
      <c r="DV14" s="277">
        <v>51</v>
      </c>
      <c r="DW14" s="279">
        <v>0</v>
      </c>
      <c r="DX14" s="280">
        <v>49</v>
      </c>
      <c r="DY14" s="280">
        <v>50</v>
      </c>
      <c r="DZ14" s="280">
        <v>31</v>
      </c>
      <c r="EA14" s="280">
        <v>33</v>
      </c>
      <c r="EB14" s="280">
        <v>11</v>
      </c>
      <c r="EC14" s="277">
        <v>174</v>
      </c>
      <c r="ED14" s="282">
        <v>225</v>
      </c>
      <c r="EE14" s="276">
        <v>1</v>
      </c>
      <c r="EF14" s="280">
        <v>2</v>
      </c>
      <c r="EG14" s="277">
        <v>3</v>
      </c>
      <c r="EH14" s="279">
        <v>0</v>
      </c>
      <c r="EI14" s="280">
        <v>14</v>
      </c>
      <c r="EJ14" s="280">
        <v>11</v>
      </c>
      <c r="EK14" s="280">
        <v>8</v>
      </c>
      <c r="EL14" s="280">
        <v>13</v>
      </c>
      <c r="EM14" s="280">
        <v>5</v>
      </c>
      <c r="EN14" s="277">
        <v>51</v>
      </c>
      <c r="EO14" s="282">
        <v>54</v>
      </c>
      <c r="EP14" s="276">
        <v>29</v>
      </c>
      <c r="EQ14" s="280">
        <v>37</v>
      </c>
      <c r="ER14" s="277">
        <v>66</v>
      </c>
      <c r="ES14" s="279">
        <v>0</v>
      </c>
      <c r="ET14" s="280">
        <v>98</v>
      </c>
      <c r="EU14" s="280">
        <v>68</v>
      </c>
      <c r="EV14" s="280">
        <v>42</v>
      </c>
      <c r="EW14" s="280">
        <v>33</v>
      </c>
      <c r="EX14" s="280">
        <v>12</v>
      </c>
      <c r="EY14" s="277">
        <v>253</v>
      </c>
      <c r="EZ14" s="282">
        <v>319</v>
      </c>
    </row>
    <row r="15" spans="2:156" ht="21" customHeight="1" x14ac:dyDescent="0.2">
      <c r="B15" s="261" t="s">
        <v>12</v>
      </c>
      <c r="C15" s="276">
        <v>0</v>
      </c>
      <c r="D15" s="280">
        <v>0</v>
      </c>
      <c r="E15" s="376">
        <v>0</v>
      </c>
      <c r="F15" s="279">
        <v>0</v>
      </c>
      <c r="G15" s="280">
        <v>38</v>
      </c>
      <c r="H15" s="280">
        <v>33</v>
      </c>
      <c r="I15" s="280">
        <v>18</v>
      </c>
      <c r="J15" s="280">
        <v>26</v>
      </c>
      <c r="K15" s="280">
        <v>10</v>
      </c>
      <c r="L15" s="281">
        <v>125</v>
      </c>
      <c r="M15" s="282">
        <v>125</v>
      </c>
      <c r="N15" s="276">
        <v>0</v>
      </c>
      <c r="O15" s="280">
        <v>0</v>
      </c>
      <c r="P15" s="277">
        <v>0</v>
      </c>
      <c r="Q15" s="279">
        <v>0</v>
      </c>
      <c r="R15" s="280">
        <v>1</v>
      </c>
      <c r="S15" s="280">
        <v>2</v>
      </c>
      <c r="T15" s="280">
        <v>2</v>
      </c>
      <c r="U15" s="280">
        <v>3</v>
      </c>
      <c r="V15" s="280">
        <v>3</v>
      </c>
      <c r="W15" s="277">
        <v>11</v>
      </c>
      <c r="X15" s="282">
        <v>11</v>
      </c>
      <c r="Y15" s="276">
        <v>15</v>
      </c>
      <c r="Z15" s="280">
        <v>19</v>
      </c>
      <c r="AA15" s="277">
        <v>34</v>
      </c>
      <c r="AB15" s="279">
        <v>0</v>
      </c>
      <c r="AC15" s="280">
        <v>23</v>
      </c>
      <c r="AD15" s="280">
        <v>35</v>
      </c>
      <c r="AE15" s="280">
        <v>18</v>
      </c>
      <c r="AF15" s="280">
        <v>19</v>
      </c>
      <c r="AG15" s="280">
        <v>10</v>
      </c>
      <c r="AH15" s="277">
        <v>105</v>
      </c>
      <c r="AI15" s="282">
        <v>139</v>
      </c>
      <c r="AJ15" s="276">
        <v>0</v>
      </c>
      <c r="AK15" s="280">
        <v>1</v>
      </c>
      <c r="AL15" s="277">
        <v>1</v>
      </c>
      <c r="AM15" s="279">
        <v>0</v>
      </c>
      <c r="AN15" s="280">
        <v>1</v>
      </c>
      <c r="AO15" s="280">
        <v>4</v>
      </c>
      <c r="AP15" s="280">
        <v>2</v>
      </c>
      <c r="AQ15" s="280">
        <v>1</v>
      </c>
      <c r="AR15" s="280">
        <v>0</v>
      </c>
      <c r="AS15" s="277">
        <v>8</v>
      </c>
      <c r="AT15" s="282">
        <v>9</v>
      </c>
      <c r="AU15" s="276">
        <v>5</v>
      </c>
      <c r="AV15" s="280">
        <v>8</v>
      </c>
      <c r="AW15" s="277">
        <v>13</v>
      </c>
      <c r="AX15" s="279">
        <v>0</v>
      </c>
      <c r="AY15" s="280">
        <v>22</v>
      </c>
      <c r="AZ15" s="280">
        <v>32</v>
      </c>
      <c r="BA15" s="280">
        <v>28</v>
      </c>
      <c r="BB15" s="280">
        <v>36</v>
      </c>
      <c r="BC15" s="280">
        <v>16</v>
      </c>
      <c r="BD15" s="281">
        <v>134</v>
      </c>
      <c r="BE15" s="282">
        <v>147</v>
      </c>
      <c r="BF15" s="276">
        <v>0</v>
      </c>
      <c r="BG15" s="280">
        <v>0</v>
      </c>
      <c r="BH15" s="277">
        <v>0</v>
      </c>
      <c r="BI15" s="279">
        <v>0</v>
      </c>
      <c r="BJ15" s="280">
        <v>58</v>
      </c>
      <c r="BK15" s="280">
        <v>32</v>
      </c>
      <c r="BL15" s="280">
        <v>16</v>
      </c>
      <c r="BM15" s="280">
        <v>14</v>
      </c>
      <c r="BN15" s="280">
        <v>0</v>
      </c>
      <c r="BO15" s="277">
        <v>120</v>
      </c>
      <c r="BP15" s="282">
        <v>120</v>
      </c>
      <c r="BQ15" s="276">
        <v>10</v>
      </c>
      <c r="BR15" s="280">
        <v>9</v>
      </c>
      <c r="BS15" s="277">
        <v>19</v>
      </c>
      <c r="BT15" s="279">
        <v>0</v>
      </c>
      <c r="BU15" s="280">
        <v>7</v>
      </c>
      <c r="BV15" s="280">
        <v>13</v>
      </c>
      <c r="BW15" s="280">
        <v>14</v>
      </c>
      <c r="BX15" s="280">
        <v>9</v>
      </c>
      <c r="BY15" s="280">
        <v>2</v>
      </c>
      <c r="BZ15" s="277">
        <v>45</v>
      </c>
      <c r="CA15" s="282">
        <v>64</v>
      </c>
      <c r="CB15" s="276">
        <v>1</v>
      </c>
      <c r="CC15" s="280">
        <v>3</v>
      </c>
      <c r="CD15" s="277">
        <v>4</v>
      </c>
      <c r="CE15" s="279">
        <v>0</v>
      </c>
      <c r="CF15" s="280">
        <v>13</v>
      </c>
      <c r="CG15" s="280">
        <v>5</v>
      </c>
      <c r="CH15" s="280">
        <v>6</v>
      </c>
      <c r="CI15" s="280">
        <v>8</v>
      </c>
      <c r="CJ15" s="280">
        <v>1</v>
      </c>
      <c r="CK15" s="277">
        <v>33</v>
      </c>
      <c r="CL15" s="282">
        <v>37</v>
      </c>
      <c r="CM15" s="276">
        <v>0</v>
      </c>
      <c r="CN15" s="280">
        <v>0</v>
      </c>
      <c r="CO15" s="277">
        <v>0</v>
      </c>
      <c r="CP15" s="279">
        <v>0</v>
      </c>
      <c r="CQ15" s="280">
        <v>0</v>
      </c>
      <c r="CR15" s="280">
        <v>0</v>
      </c>
      <c r="CS15" s="280">
        <v>1</v>
      </c>
      <c r="CT15" s="280">
        <v>0</v>
      </c>
      <c r="CU15" s="280">
        <v>0</v>
      </c>
      <c r="CV15" s="277">
        <v>1</v>
      </c>
      <c r="CW15" s="282">
        <v>1</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17</v>
      </c>
      <c r="DU15" s="280">
        <v>49</v>
      </c>
      <c r="DV15" s="277">
        <v>66</v>
      </c>
      <c r="DW15" s="279">
        <v>0</v>
      </c>
      <c r="DX15" s="280">
        <v>40</v>
      </c>
      <c r="DY15" s="280">
        <v>76</v>
      </c>
      <c r="DZ15" s="280">
        <v>46</v>
      </c>
      <c r="EA15" s="280">
        <v>46</v>
      </c>
      <c r="EB15" s="280">
        <v>16</v>
      </c>
      <c r="EC15" s="277">
        <v>224</v>
      </c>
      <c r="ED15" s="282">
        <v>290</v>
      </c>
      <c r="EE15" s="276">
        <v>2</v>
      </c>
      <c r="EF15" s="280">
        <v>5</v>
      </c>
      <c r="EG15" s="277">
        <v>7</v>
      </c>
      <c r="EH15" s="279">
        <v>0</v>
      </c>
      <c r="EI15" s="280">
        <v>7</v>
      </c>
      <c r="EJ15" s="280">
        <v>9</v>
      </c>
      <c r="EK15" s="280">
        <v>11</v>
      </c>
      <c r="EL15" s="280">
        <v>12</v>
      </c>
      <c r="EM15" s="280">
        <v>7</v>
      </c>
      <c r="EN15" s="277">
        <v>46</v>
      </c>
      <c r="EO15" s="282">
        <v>53</v>
      </c>
      <c r="EP15" s="276">
        <v>41</v>
      </c>
      <c r="EQ15" s="280">
        <v>71</v>
      </c>
      <c r="ER15" s="277">
        <v>112</v>
      </c>
      <c r="ES15" s="279">
        <v>0</v>
      </c>
      <c r="ET15" s="280">
        <v>122</v>
      </c>
      <c r="EU15" s="280">
        <v>93</v>
      </c>
      <c r="EV15" s="280">
        <v>54</v>
      </c>
      <c r="EW15" s="280">
        <v>48</v>
      </c>
      <c r="EX15" s="280">
        <v>14</v>
      </c>
      <c r="EY15" s="277">
        <v>331</v>
      </c>
      <c r="EZ15" s="282">
        <v>443</v>
      </c>
    </row>
    <row r="16" spans="2:156" ht="21" customHeight="1" x14ac:dyDescent="0.2">
      <c r="B16" s="261" t="s">
        <v>13</v>
      </c>
      <c r="C16" s="276">
        <v>0</v>
      </c>
      <c r="D16" s="280">
        <v>0</v>
      </c>
      <c r="E16" s="376">
        <v>0</v>
      </c>
      <c r="F16" s="279">
        <v>0</v>
      </c>
      <c r="G16" s="280">
        <v>22</v>
      </c>
      <c r="H16" s="280">
        <v>17</v>
      </c>
      <c r="I16" s="280">
        <v>13</v>
      </c>
      <c r="J16" s="280">
        <v>12</v>
      </c>
      <c r="K16" s="280">
        <v>11</v>
      </c>
      <c r="L16" s="281">
        <v>75</v>
      </c>
      <c r="M16" s="282">
        <v>75</v>
      </c>
      <c r="N16" s="276">
        <v>0</v>
      </c>
      <c r="O16" s="280">
        <v>0</v>
      </c>
      <c r="P16" s="277">
        <v>0</v>
      </c>
      <c r="Q16" s="279">
        <v>0</v>
      </c>
      <c r="R16" s="280">
        <v>0</v>
      </c>
      <c r="S16" s="280">
        <v>0</v>
      </c>
      <c r="T16" s="280">
        <v>0</v>
      </c>
      <c r="U16" s="280">
        <v>3</v>
      </c>
      <c r="V16" s="280">
        <v>7</v>
      </c>
      <c r="W16" s="277">
        <v>10</v>
      </c>
      <c r="X16" s="282">
        <v>10</v>
      </c>
      <c r="Y16" s="276">
        <v>1</v>
      </c>
      <c r="Z16" s="280">
        <v>2</v>
      </c>
      <c r="AA16" s="277">
        <v>3</v>
      </c>
      <c r="AB16" s="279">
        <v>0</v>
      </c>
      <c r="AC16" s="280">
        <v>8</v>
      </c>
      <c r="AD16" s="280">
        <v>11</v>
      </c>
      <c r="AE16" s="280">
        <v>12</v>
      </c>
      <c r="AF16" s="280">
        <v>8</v>
      </c>
      <c r="AG16" s="280">
        <v>10</v>
      </c>
      <c r="AH16" s="277">
        <v>49</v>
      </c>
      <c r="AI16" s="282">
        <v>52</v>
      </c>
      <c r="AJ16" s="276">
        <v>0</v>
      </c>
      <c r="AK16" s="280">
        <v>1</v>
      </c>
      <c r="AL16" s="277">
        <v>1</v>
      </c>
      <c r="AM16" s="279">
        <v>0</v>
      </c>
      <c r="AN16" s="280">
        <v>4</v>
      </c>
      <c r="AO16" s="280">
        <v>0</v>
      </c>
      <c r="AP16" s="280">
        <v>0</v>
      </c>
      <c r="AQ16" s="280">
        <v>2</v>
      </c>
      <c r="AR16" s="280">
        <v>1</v>
      </c>
      <c r="AS16" s="277">
        <v>7</v>
      </c>
      <c r="AT16" s="282">
        <v>8</v>
      </c>
      <c r="AU16" s="276">
        <v>3</v>
      </c>
      <c r="AV16" s="280">
        <v>3</v>
      </c>
      <c r="AW16" s="277">
        <v>6</v>
      </c>
      <c r="AX16" s="279">
        <v>0</v>
      </c>
      <c r="AY16" s="280">
        <v>16</v>
      </c>
      <c r="AZ16" s="280">
        <v>19</v>
      </c>
      <c r="BA16" s="280">
        <v>13</v>
      </c>
      <c r="BB16" s="280">
        <v>18</v>
      </c>
      <c r="BC16" s="280">
        <v>19</v>
      </c>
      <c r="BD16" s="281">
        <v>85</v>
      </c>
      <c r="BE16" s="282">
        <v>91</v>
      </c>
      <c r="BF16" s="276">
        <v>0</v>
      </c>
      <c r="BG16" s="280">
        <v>0</v>
      </c>
      <c r="BH16" s="277">
        <v>0</v>
      </c>
      <c r="BI16" s="279">
        <v>0</v>
      </c>
      <c r="BJ16" s="280">
        <v>22</v>
      </c>
      <c r="BK16" s="280">
        <v>15</v>
      </c>
      <c r="BL16" s="280">
        <v>11</v>
      </c>
      <c r="BM16" s="280">
        <v>5</v>
      </c>
      <c r="BN16" s="280">
        <v>4</v>
      </c>
      <c r="BO16" s="277">
        <v>57</v>
      </c>
      <c r="BP16" s="282">
        <v>57</v>
      </c>
      <c r="BQ16" s="276">
        <v>0</v>
      </c>
      <c r="BR16" s="280">
        <v>1</v>
      </c>
      <c r="BS16" s="277">
        <v>1</v>
      </c>
      <c r="BT16" s="279">
        <v>0</v>
      </c>
      <c r="BU16" s="280">
        <v>1</v>
      </c>
      <c r="BV16" s="280">
        <v>2</v>
      </c>
      <c r="BW16" s="280">
        <v>2</v>
      </c>
      <c r="BX16" s="280">
        <v>3</v>
      </c>
      <c r="BY16" s="280">
        <v>3</v>
      </c>
      <c r="BZ16" s="277">
        <v>11</v>
      </c>
      <c r="CA16" s="282">
        <v>12</v>
      </c>
      <c r="CB16" s="276">
        <v>0</v>
      </c>
      <c r="CC16" s="280">
        <v>0</v>
      </c>
      <c r="CD16" s="277">
        <v>0</v>
      </c>
      <c r="CE16" s="279">
        <v>0</v>
      </c>
      <c r="CF16" s="280">
        <v>3</v>
      </c>
      <c r="CG16" s="280">
        <v>3</v>
      </c>
      <c r="CH16" s="280">
        <v>5</v>
      </c>
      <c r="CI16" s="280">
        <v>3</v>
      </c>
      <c r="CJ16" s="280">
        <v>1</v>
      </c>
      <c r="CK16" s="277">
        <v>15</v>
      </c>
      <c r="CL16" s="282">
        <v>15</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2</v>
      </c>
      <c r="DU16" s="280">
        <v>11</v>
      </c>
      <c r="DV16" s="277">
        <v>13</v>
      </c>
      <c r="DW16" s="279">
        <v>0</v>
      </c>
      <c r="DX16" s="280">
        <v>26</v>
      </c>
      <c r="DY16" s="280">
        <v>32</v>
      </c>
      <c r="DZ16" s="280">
        <v>23</v>
      </c>
      <c r="EA16" s="280">
        <v>24</v>
      </c>
      <c r="EB16" s="280">
        <v>13</v>
      </c>
      <c r="EC16" s="277">
        <v>118</v>
      </c>
      <c r="ED16" s="282">
        <v>131</v>
      </c>
      <c r="EE16" s="276">
        <v>2</v>
      </c>
      <c r="EF16" s="280">
        <v>0</v>
      </c>
      <c r="EG16" s="277">
        <v>2</v>
      </c>
      <c r="EH16" s="279">
        <v>0</v>
      </c>
      <c r="EI16" s="280">
        <v>9</v>
      </c>
      <c r="EJ16" s="280">
        <v>10</v>
      </c>
      <c r="EK16" s="280">
        <v>5</v>
      </c>
      <c r="EL16" s="280">
        <v>5</v>
      </c>
      <c r="EM16" s="280">
        <v>5</v>
      </c>
      <c r="EN16" s="277">
        <v>34</v>
      </c>
      <c r="EO16" s="282">
        <v>36</v>
      </c>
      <c r="EP16" s="276">
        <v>3</v>
      </c>
      <c r="EQ16" s="280">
        <v>13</v>
      </c>
      <c r="ER16" s="277">
        <v>16</v>
      </c>
      <c r="ES16" s="279">
        <v>0</v>
      </c>
      <c r="ET16" s="280">
        <v>60</v>
      </c>
      <c r="EU16" s="280">
        <v>49</v>
      </c>
      <c r="EV16" s="280">
        <v>29</v>
      </c>
      <c r="EW16" s="280">
        <v>26</v>
      </c>
      <c r="EX16" s="280">
        <v>15</v>
      </c>
      <c r="EY16" s="277">
        <v>179</v>
      </c>
      <c r="EZ16" s="282">
        <v>195</v>
      </c>
    </row>
    <row r="17" spans="2:156" ht="21" customHeight="1" x14ac:dyDescent="0.2">
      <c r="B17" s="261" t="s">
        <v>15</v>
      </c>
      <c r="C17" s="276">
        <v>0</v>
      </c>
      <c r="D17" s="280">
        <v>0</v>
      </c>
      <c r="E17" s="376">
        <v>0</v>
      </c>
      <c r="F17" s="279">
        <v>0</v>
      </c>
      <c r="G17" s="280">
        <v>1</v>
      </c>
      <c r="H17" s="280">
        <v>7</v>
      </c>
      <c r="I17" s="280">
        <v>6</v>
      </c>
      <c r="J17" s="280">
        <v>4</v>
      </c>
      <c r="K17" s="280">
        <v>1</v>
      </c>
      <c r="L17" s="281">
        <v>19</v>
      </c>
      <c r="M17" s="282">
        <v>19</v>
      </c>
      <c r="N17" s="276">
        <v>0</v>
      </c>
      <c r="O17" s="280">
        <v>0</v>
      </c>
      <c r="P17" s="277">
        <v>0</v>
      </c>
      <c r="Q17" s="279">
        <v>0</v>
      </c>
      <c r="R17" s="280">
        <v>0</v>
      </c>
      <c r="S17" s="280">
        <v>0</v>
      </c>
      <c r="T17" s="280">
        <v>0</v>
      </c>
      <c r="U17" s="280">
        <v>1</v>
      </c>
      <c r="V17" s="280">
        <v>0</v>
      </c>
      <c r="W17" s="277">
        <v>1</v>
      </c>
      <c r="X17" s="282">
        <v>1</v>
      </c>
      <c r="Y17" s="276">
        <v>0</v>
      </c>
      <c r="Z17" s="280">
        <v>1</v>
      </c>
      <c r="AA17" s="277">
        <v>1</v>
      </c>
      <c r="AB17" s="279">
        <v>0</v>
      </c>
      <c r="AC17" s="280">
        <v>4</v>
      </c>
      <c r="AD17" s="280">
        <v>5</v>
      </c>
      <c r="AE17" s="280">
        <v>5</v>
      </c>
      <c r="AF17" s="280">
        <v>5</v>
      </c>
      <c r="AG17" s="280">
        <v>1</v>
      </c>
      <c r="AH17" s="277">
        <v>20</v>
      </c>
      <c r="AI17" s="282">
        <v>21</v>
      </c>
      <c r="AJ17" s="276">
        <v>0</v>
      </c>
      <c r="AK17" s="280">
        <v>0</v>
      </c>
      <c r="AL17" s="277">
        <v>0</v>
      </c>
      <c r="AM17" s="279">
        <v>0</v>
      </c>
      <c r="AN17" s="280">
        <v>1</v>
      </c>
      <c r="AO17" s="280">
        <v>2</v>
      </c>
      <c r="AP17" s="280">
        <v>0</v>
      </c>
      <c r="AQ17" s="280">
        <v>0</v>
      </c>
      <c r="AR17" s="280">
        <v>1</v>
      </c>
      <c r="AS17" s="277">
        <v>4</v>
      </c>
      <c r="AT17" s="282">
        <v>4</v>
      </c>
      <c r="AU17" s="276">
        <v>1</v>
      </c>
      <c r="AV17" s="280">
        <v>0</v>
      </c>
      <c r="AW17" s="277">
        <v>1</v>
      </c>
      <c r="AX17" s="279">
        <v>0</v>
      </c>
      <c r="AY17" s="280">
        <v>10</v>
      </c>
      <c r="AZ17" s="280">
        <v>6</v>
      </c>
      <c r="BA17" s="280">
        <v>6</v>
      </c>
      <c r="BB17" s="280">
        <v>4</v>
      </c>
      <c r="BC17" s="280">
        <v>2</v>
      </c>
      <c r="BD17" s="281">
        <v>28</v>
      </c>
      <c r="BE17" s="282">
        <v>29</v>
      </c>
      <c r="BF17" s="276">
        <v>0</v>
      </c>
      <c r="BG17" s="280">
        <v>0</v>
      </c>
      <c r="BH17" s="277">
        <v>0</v>
      </c>
      <c r="BI17" s="279">
        <v>0</v>
      </c>
      <c r="BJ17" s="280">
        <v>5</v>
      </c>
      <c r="BK17" s="280">
        <v>6</v>
      </c>
      <c r="BL17" s="280">
        <v>4</v>
      </c>
      <c r="BM17" s="280">
        <v>1</v>
      </c>
      <c r="BN17" s="280">
        <v>0</v>
      </c>
      <c r="BO17" s="277">
        <v>16</v>
      </c>
      <c r="BP17" s="282">
        <v>16</v>
      </c>
      <c r="BQ17" s="276">
        <v>0</v>
      </c>
      <c r="BR17" s="280">
        <v>0</v>
      </c>
      <c r="BS17" s="277">
        <v>0</v>
      </c>
      <c r="BT17" s="279">
        <v>0</v>
      </c>
      <c r="BU17" s="280">
        <v>0</v>
      </c>
      <c r="BV17" s="280">
        <v>3</v>
      </c>
      <c r="BW17" s="280">
        <v>2</v>
      </c>
      <c r="BX17" s="280">
        <v>1</v>
      </c>
      <c r="BY17" s="280">
        <v>0</v>
      </c>
      <c r="BZ17" s="277">
        <v>6</v>
      </c>
      <c r="CA17" s="282">
        <v>6</v>
      </c>
      <c r="CB17" s="276">
        <v>0</v>
      </c>
      <c r="CC17" s="280">
        <v>0</v>
      </c>
      <c r="CD17" s="277">
        <v>0</v>
      </c>
      <c r="CE17" s="279">
        <v>0</v>
      </c>
      <c r="CF17" s="280">
        <v>0</v>
      </c>
      <c r="CG17" s="280">
        <v>2</v>
      </c>
      <c r="CH17" s="280">
        <v>2</v>
      </c>
      <c r="CI17" s="280">
        <v>1</v>
      </c>
      <c r="CJ17" s="280">
        <v>3</v>
      </c>
      <c r="CK17" s="277">
        <v>8</v>
      </c>
      <c r="CL17" s="282">
        <v>8</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8</v>
      </c>
      <c r="DV17" s="277">
        <v>9</v>
      </c>
      <c r="DW17" s="279">
        <v>0</v>
      </c>
      <c r="DX17" s="280">
        <v>9</v>
      </c>
      <c r="DY17" s="280">
        <v>20</v>
      </c>
      <c r="DZ17" s="280">
        <v>10</v>
      </c>
      <c r="EA17" s="280">
        <v>10</v>
      </c>
      <c r="EB17" s="280">
        <v>3</v>
      </c>
      <c r="EC17" s="277">
        <v>52</v>
      </c>
      <c r="ED17" s="282">
        <v>61</v>
      </c>
      <c r="EE17" s="276">
        <v>3</v>
      </c>
      <c r="EF17" s="280">
        <v>3</v>
      </c>
      <c r="EG17" s="277">
        <v>6</v>
      </c>
      <c r="EH17" s="279">
        <v>0</v>
      </c>
      <c r="EI17" s="280">
        <v>7</v>
      </c>
      <c r="EJ17" s="280">
        <v>4</v>
      </c>
      <c r="EK17" s="280">
        <v>4</v>
      </c>
      <c r="EL17" s="280">
        <v>1</v>
      </c>
      <c r="EM17" s="280">
        <v>1</v>
      </c>
      <c r="EN17" s="277">
        <v>17</v>
      </c>
      <c r="EO17" s="282">
        <v>23</v>
      </c>
      <c r="EP17" s="276">
        <v>1</v>
      </c>
      <c r="EQ17" s="280">
        <v>9</v>
      </c>
      <c r="ER17" s="277">
        <v>10</v>
      </c>
      <c r="ES17" s="279">
        <v>0</v>
      </c>
      <c r="ET17" s="280">
        <v>23</v>
      </c>
      <c r="EU17" s="280">
        <v>23</v>
      </c>
      <c r="EV17" s="280">
        <v>16</v>
      </c>
      <c r="EW17" s="280">
        <v>12</v>
      </c>
      <c r="EX17" s="280">
        <v>4</v>
      </c>
      <c r="EY17" s="277">
        <v>78</v>
      </c>
      <c r="EZ17" s="282">
        <v>88</v>
      </c>
    </row>
    <row r="18" spans="2:156" ht="21" customHeight="1" x14ac:dyDescent="0.2">
      <c r="B18" s="261" t="s">
        <v>16</v>
      </c>
      <c r="C18" s="276">
        <v>0</v>
      </c>
      <c r="D18" s="280">
        <v>0</v>
      </c>
      <c r="E18" s="376">
        <v>0</v>
      </c>
      <c r="F18" s="279">
        <v>0</v>
      </c>
      <c r="G18" s="280">
        <v>13</v>
      </c>
      <c r="H18" s="280">
        <v>9</v>
      </c>
      <c r="I18" s="280">
        <v>5</v>
      </c>
      <c r="J18" s="280">
        <v>3</v>
      </c>
      <c r="K18" s="280">
        <v>2</v>
      </c>
      <c r="L18" s="281">
        <v>32</v>
      </c>
      <c r="M18" s="282">
        <v>32</v>
      </c>
      <c r="N18" s="276">
        <v>0</v>
      </c>
      <c r="O18" s="280">
        <v>0</v>
      </c>
      <c r="P18" s="277">
        <v>0</v>
      </c>
      <c r="Q18" s="279">
        <v>0</v>
      </c>
      <c r="R18" s="280">
        <v>0</v>
      </c>
      <c r="S18" s="280">
        <v>0</v>
      </c>
      <c r="T18" s="280">
        <v>0</v>
      </c>
      <c r="U18" s="280">
        <v>1</v>
      </c>
      <c r="V18" s="280">
        <v>4</v>
      </c>
      <c r="W18" s="277">
        <v>5</v>
      </c>
      <c r="X18" s="282">
        <v>5</v>
      </c>
      <c r="Y18" s="276">
        <v>3</v>
      </c>
      <c r="Z18" s="280">
        <v>7</v>
      </c>
      <c r="AA18" s="277">
        <v>10</v>
      </c>
      <c r="AB18" s="279">
        <v>0</v>
      </c>
      <c r="AC18" s="280">
        <v>20</v>
      </c>
      <c r="AD18" s="280">
        <v>17</v>
      </c>
      <c r="AE18" s="280">
        <v>8</v>
      </c>
      <c r="AF18" s="280">
        <v>14</v>
      </c>
      <c r="AG18" s="280">
        <v>2</v>
      </c>
      <c r="AH18" s="277">
        <v>61</v>
      </c>
      <c r="AI18" s="282">
        <v>71</v>
      </c>
      <c r="AJ18" s="276">
        <v>0</v>
      </c>
      <c r="AK18" s="280">
        <v>1</v>
      </c>
      <c r="AL18" s="277">
        <v>1</v>
      </c>
      <c r="AM18" s="279">
        <v>0</v>
      </c>
      <c r="AN18" s="280">
        <v>0</v>
      </c>
      <c r="AO18" s="280">
        <v>2</v>
      </c>
      <c r="AP18" s="280">
        <v>0</v>
      </c>
      <c r="AQ18" s="280">
        <v>0</v>
      </c>
      <c r="AR18" s="280">
        <v>0</v>
      </c>
      <c r="AS18" s="277">
        <v>2</v>
      </c>
      <c r="AT18" s="282">
        <v>3</v>
      </c>
      <c r="AU18" s="276">
        <v>4</v>
      </c>
      <c r="AV18" s="280">
        <v>2</v>
      </c>
      <c r="AW18" s="277">
        <v>6</v>
      </c>
      <c r="AX18" s="279">
        <v>0</v>
      </c>
      <c r="AY18" s="280">
        <v>23</v>
      </c>
      <c r="AZ18" s="280">
        <v>16</v>
      </c>
      <c r="BA18" s="280">
        <v>16</v>
      </c>
      <c r="BB18" s="280">
        <v>21</v>
      </c>
      <c r="BC18" s="280">
        <v>8</v>
      </c>
      <c r="BD18" s="281">
        <v>84</v>
      </c>
      <c r="BE18" s="282">
        <v>90</v>
      </c>
      <c r="BF18" s="276">
        <v>0</v>
      </c>
      <c r="BG18" s="280">
        <v>0</v>
      </c>
      <c r="BH18" s="277">
        <v>0</v>
      </c>
      <c r="BI18" s="279">
        <v>0</v>
      </c>
      <c r="BJ18" s="280">
        <v>21</v>
      </c>
      <c r="BK18" s="280">
        <v>25</v>
      </c>
      <c r="BL18" s="280">
        <v>6</v>
      </c>
      <c r="BM18" s="280">
        <v>10</v>
      </c>
      <c r="BN18" s="280">
        <v>1</v>
      </c>
      <c r="BO18" s="277">
        <v>63</v>
      </c>
      <c r="BP18" s="282">
        <v>63</v>
      </c>
      <c r="BQ18" s="276">
        <v>2</v>
      </c>
      <c r="BR18" s="280">
        <v>4</v>
      </c>
      <c r="BS18" s="277">
        <v>6</v>
      </c>
      <c r="BT18" s="279">
        <v>0</v>
      </c>
      <c r="BU18" s="280">
        <v>17</v>
      </c>
      <c r="BV18" s="280">
        <v>29</v>
      </c>
      <c r="BW18" s="280">
        <v>4</v>
      </c>
      <c r="BX18" s="280">
        <v>4</v>
      </c>
      <c r="BY18" s="280">
        <v>0</v>
      </c>
      <c r="BZ18" s="277">
        <v>54</v>
      </c>
      <c r="CA18" s="282">
        <v>60</v>
      </c>
      <c r="CB18" s="276">
        <v>0</v>
      </c>
      <c r="CC18" s="280">
        <v>0</v>
      </c>
      <c r="CD18" s="277">
        <v>0</v>
      </c>
      <c r="CE18" s="279">
        <v>0</v>
      </c>
      <c r="CF18" s="280">
        <v>2</v>
      </c>
      <c r="CG18" s="280">
        <v>5</v>
      </c>
      <c r="CH18" s="280">
        <v>2</v>
      </c>
      <c r="CI18" s="280">
        <v>4</v>
      </c>
      <c r="CJ18" s="280">
        <v>0</v>
      </c>
      <c r="CK18" s="277">
        <v>13</v>
      </c>
      <c r="CL18" s="282">
        <v>13</v>
      </c>
      <c r="CM18" s="276">
        <v>0</v>
      </c>
      <c r="CN18" s="280">
        <v>0</v>
      </c>
      <c r="CO18" s="277">
        <v>0</v>
      </c>
      <c r="CP18" s="279">
        <v>0</v>
      </c>
      <c r="CQ18" s="280">
        <v>1</v>
      </c>
      <c r="CR18" s="280">
        <v>2</v>
      </c>
      <c r="CS18" s="280">
        <v>0</v>
      </c>
      <c r="CT18" s="280">
        <v>1</v>
      </c>
      <c r="CU18" s="280">
        <v>0</v>
      </c>
      <c r="CV18" s="277">
        <v>4</v>
      </c>
      <c r="CW18" s="282">
        <v>4</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1</v>
      </c>
      <c r="DU18" s="280">
        <v>15</v>
      </c>
      <c r="DV18" s="277">
        <v>26</v>
      </c>
      <c r="DW18" s="279">
        <v>0</v>
      </c>
      <c r="DX18" s="280">
        <v>33</v>
      </c>
      <c r="DY18" s="280">
        <v>44</v>
      </c>
      <c r="DZ18" s="280">
        <v>20</v>
      </c>
      <c r="EA18" s="280">
        <v>20</v>
      </c>
      <c r="EB18" s="280">
        <v>5</v>
      </c>
      <c r="EC18" s="277">
        <v>122</v>
      </c>
      <c r="ED18" s="282">
        <v>148</v>
      </c>
      <c r="EE18" s="276">
        <v>3</v>
      </c>
      <c r="EF18" s="280">
        <v>1</v>
      </c>
      <c r="EG18" s="277">
        <v>4</v>
      </c>
      <c r="EH18" s="279">
        <v>0</v>
      </c>
      <c r="EI18" s="280">
        <v>12</v>
      </c>
      <c r="EJ18" s="280">
        <v>11</v>
      </c>
      <c r="EK18" s="280">
        <v>9</v>
      </c>
      <c r="EL18" s="280">
        <v>14</v>
      </c>
      <c r="EM18" s="280">
        <v>4</v>
      </c>
      <c r="EN18" s="277">
        <v>50</v>
      </c>
      <c r="EO18" s="282">
        <v>54</v>
      </c>
      <c r="EP18" s="276">
        <v>14</v>
      </c>
      <c r="EQ18" s="280">
        <v>23</v>
      </c>
      <c r="ER18" s="277">
        <v>37</v>
      </c>
      <c r="ES18" s="279">
        <v>0</v>
      </c>
      <c r="ET18" s="280">
        <v>62</v>
      </c>
      <c r="EU18" s="280">
        <v>67</v>
      </c>
      <c r="EV18" s="280">
        <v>24</v>
      </c>
      <c r="EW18" s="280">
        <v>24</v>
      </c>
      <c r="EX18" s="280">
        <v>4</v>
      </c>
      <c r="EY18" s="277">
        <v>181</v>
      </c>
      <c r="EZ18" s="282">
        <v>218</v>
      </c>
    </row>
    <row r="19" spans="2:156" ht="21" customHeight="1" x14ac:dyDescent="0.2">
      <c r="B19" s="261" t="s">
        <v>17</v>
      </c>
      <c r="C19" s="276">
        <v>0</v>
      </c>
      <c r="D19" s="280">
        <v>0</v>
      </c>
      <c r="E19" s="376">
        <v>0</v>
      </c>
      <c r="F19" s="279">
        <v>0</v>
      </c>
      <c r="G19" s="280">
        <v>9</v>
      </c>
      <c r="H19" s="280">
        <v>22</v>
      </c>
      <c r="I19" s="280">
        <v>13</v>
      </c>
      <c r="J19" s="280">
        <v>2</v>
      </c>
      <c r="K19" s="280">
        <v>7</v>
      </c>
      <c r="L19" s="281">
        <v>53</v>
      </c>
      <c r="M19" s="282">
        <v>53</v>
      </c>
      <c r="N19" s="276">
        <v>0</v>
      </c>
      <c r="O19" s="280">
        <v>0</v>
      </c>
      <c r="P19" s="277">
        <v>0</v>
      </c>
      <c r="Q19" s="279">
        <v>0</v>
      </c>
      <c r="R19" s="280">
        <v>0</v>
      </c>
      <c r="S19" s="280">
        <v>0</v>
      </c>
      <c r="T19" s="280">
        <v>0</v>
      </c>
      <c r="U19" s="280">
        <v>0</v>
      </c>
      <c r="V19" s="280">
        <v>5</v>
      </c>
      <c r="W19" s="277">
        <v>5</v>
      </c>
      <c r="X19" s="282">
        <v>5</v>
      </c>
      <c r="Y19" s="276">
        <v>1</v>
      </c>
      <c r="Z19" s="280">
        <v>2</v>
      </c>
      <c r="AA19" s="277">
        <v>3</v>
      </c>
      <c r="AB19" s="279">
        <v>0</v>
      </c>
      <c r="AC19" s="280">
        <v>7</v>
      </c>
      <c r="AD19" s="280">
        <v>11</v>
      </c>
      <c r="AE19" s="280">
        <v>11</v>
      </c>
      <c r="AF19" s="280">
        <v>5</v>
      </c>
      <c r="AG19" s="280">
        <v>10</v>
      </c>
      <c r="AH19" s="277">
        <v>44</v>
      </c>
      <c r="AI19" s="282">
        <v>47</v>
      </c>
      <c r="AJ19" s="276">
        <v>0</v>
      </c>
      <c r="AK19" s="280">
        <v>2</v>
      </c>
      <c r="AL19" s="277">
        <v>2</v>
      </c>
      <c r="AM19" s="279">
        <v>0</v>
      </c>
      <c r="AN19" s="280">
        <v>0</v>
      </c>
      <c r="AO19" s="280">
        <v>3</v>
      </c>
      <c r="AP19" s="280">
        <v>0</v>
      </c>
      <c r="AQ19" s="280">
        <v>0</v>
      </c>
      <c r="AR19" s="280">
        <v>0</v>
      </c>
      <c r="AS19" s="277">
        <v>3</v>
      </c>
      <c r="AT19" s="282">
        <v>5</v>
      </c>
      <c r="AU19" s="276">
        <v>3</v>
      </c>
      <c r="AV19" s="280">
        <v>6</v>
      </c>
      <c r="AW19" s="277">
        <v>9</v>
      </c>
      <c r="AX19" s="279">
        <v>0</v>
      </c>
      <c r="AY19" s="280">
        <v>12</v>
      </c>
      <c r="AZ19" s="280">
        <v>24</v>
      </c>
      <c r="BA19" s="280">
        <v>25</v>
      </c>
      <c r="BB19" s="280">
        <v>13</v>
      </c>
      <c r="BC19" s="280">
        <v>14</v>
      </c>
      <c r="BD19" s="281">
        <v>88</v>
      </c>
      <c r="BE19" s="282">
        <v>97</v>
      </c>
      <c r="BF19" s="276">
        <v>0</v>
      </c>
      <c r="BG19" s="280">
        <v>0</v>
      </c>
      <c r="BH19" s="277">
        <v>0</v>
      </c>
      <c r="BI19" s="279">
        <v>0</v>
      </c>
      <c r="BJ19" s="280">
        <v>21</v>
      </c>
      <c r="BK19" s="280">
        <v>26</v>
      </c>
      <c r="BL19" s="280">
        <v>13</v>
      </c>
      <c r="BM19" s="280">
        <v>8</v>
      </c>
      <c r="BN19" s="280">
        <v>6</v>
      </c>
      <c r="BO19" s="277">
        <v>74</v>
      </c>
      <c r="BP19" s="282">
        <v>74</v>
      </c>
      <c r="BQ19" s="276">
        <v>4</v>
      </c>
      <c r="BR19" s="280">
        <v>5</v>
      </c>
      <c r="BS19" s="277">
        <v>9</v>
      </c>
      <c r="BT19" s="279">
        <v>0</v>
      </c>
      <c r="BU19" s="280">
        <v>1</v>
      </c>
      <c r="BV19" s="280">
        <v>14</v>
      </c>
      <c r="BW19" s="280">
        <v>3</v>
      </c>
      <c r="BX19" s="280">
        <v>1</v>
      </c>
      <c r="BY19" s="280">
        <v>2</v>
      </c>
      <c r="BZ19" s="277">
        <v>21</v>
      </c>
      <c r="CA19" s="282">
        <v>30</v>
      </c>
      <c r="CB19" s="276">
        <v>0</v>
      </c>
      <c r="CC19" s="280">
        <v>0</v>
      </c>
      <c r="CD19" s="277">
        <v>0</v>
      </c>
      <c r="CE19" s="279">
        <v>0</v>
      </c>
      <c r="CF19" s="280">
        <v>4</v>
      </c>
      <c r="CG19" s="280">
        <v>8</v>
      </c>
      <c r="CH19" s="280">
        <v>4</v>
      </c>
      <c r="CI19" s="280">
        <v>9</v>
      </c>
      <c r="CJ19" s="280">
        <v>1</v>
      </c>
      <c r="CK19" s="277">
        <v>26</v>
      </c>
      <c r="CL19" s="282">
        <v>26</v>
      </c>
      <c r="CM19" s="276">
        <v>0</v>
      </c>
      <c r="CN19" s="280">
        <v>1</v>
      </c>
      <c r="CO19" s="277">
        <v>1</v>
      </c>
      <c r="CP19" s="279">
        <v>0</v>
      </c>
      <c r="CQ19" s="280">
        <v>0</v>
      </c>
      <c r="CR19" s="280">
        <v>2</v>
      </c>
      <c r="CS19" s="280">
        <v>0</v>
      </c>
      <c r="CT19" s="280">
        <v>1</v>
      </c>
      <c r="CU19" s="280">
        <v>0</v>
      </c>
      <c r="CV19" s="277">
        <v>3</v>
      </c>
      <c r="CW19" s="282">
        <v>4</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9</v>
      </c>
      <c r="DU19" s="280">
        <v>23</v>
      </c>
      <c r="DV19" s="277">
        <v>32</v>
      </c>
      <c r="DW19" s="279">
        <v>0</v>
      </c>
      <c r="DX19" s="280">
        <v>22</v>
      </c>
      <c r="DY19" s="280">
        <v>68</v>
      </c>
      <c r="DZ19" s="280">
        <v>40</v>
      </c>
      <c r="EA19" s="280">
        <v>16</v>
      </c>
      <c r="EB19" s="280">
        <v>20</v>
      </c>
      <c r="EC19" s="277">
        <v>166</v>
      </c>
      <c r="ED19" s="282">
        <v>198</v>
      </c>
      <c r="EE19" s="276">
        <v>5</v>
      </c>
      <c r="EF19" s="280">
        <v>2</v>
      </c>
      <c r="EG19" s="277">
        <v>7</v>
      </c>
      <c r="EH19" s="279">
        <v>0</v>
      </c>
      <c r="EI19" s="280">
        <v>7</v>
      </c>
      <c r="EJ19" s="280">
        <v>7</v>
      </c>
      <c r="EK19" s="280">
        <v>8</v>
      </c>
      <c r="EL19" s="280">
        <v>7</v>
      </c>
      <c r="EM19" s="280">
        <v>3</v>
      </c>
      <c r="EN19" s="277">
        <v>32</v>
      </c>
      <c r="EO19" s="282">
        <v>39</v>
      </c>
      <c r="EP19" s="276">
        <v>14</v>
      </c>
      <c r="EQ19" s="280">
        <v>28</v>
      </c>
      <c r="ER19" s="277">
        <v>42</v>
      </c>
      <c r="ES19" s="279">
        <v>0</v>
      </c>
      <c r="ET19" s="280">
        <v>59</v>
      </c>
      <c r="EU19" s="280">
        <v>75</v>
      </c>
      <c r="EV19" s="280">
        <v>41</v>
      </c>
      <c r="EW19" s="280">
        <v>21</v>
      </c>
      <c r="EX19" s="280">
        <v>16</v>
      </c>
      <c r="EY19" s="277">
        <v>212</v>
      </c>
      <c r="EZ19" s="282">
        <v>254</v>
      </c>
    </row>
    <row r="20" spans="2:156" ht="21" customHeight="1" x14ac:dyDescent="0.2">
      <c r="B20" s="261" t="s">
        <v>18</v>
      </c>
      <c r="C20" s="276">
        <v>0</v>
      </c>
      <c r="D20" s="280">
        <v>0</v>
      </c>
      <c r="E20" s="376">
        <v>0</v>
      </c>
      <c r="F20" s="279">
        <v>0</v>
      </c>
      <c r="G20" s="280">
        <v>25</v>
      </c>
      <c r="H20" s="280">
        <v>26</v>
      </c>
      <c r="I20" s="280">
        <v>18</v>
      </c>
      <c r="J20" s="280">
        <v>9</v>
      </c>
      <c r="K20" s="280">
        <v>5</v>
      </c>
      <c r="L20" s="281">
        <v>83</v>
      </c>
      <c r="M20" s="282">
        <v>83</v>
      </c>
      <c r="N20" s="276">
        <v>0</v>
      </c>
      <c r="O20" s="280">
        <v>0</v>
      </c>
      <c r="P20" s="277">
        <v>0</v>
      </c>
      <c r="Q20" s="279">
        <v>0</v>
      </c>
      <c r="R20" s="280">
        <v>0</v>
      </c>
      <c r="S20" s="280">
        <v>1</v>
      </c>
      <c r="T20" s="280">
        <v>2</v>
      </c>
      <c r="U20" s="280">
        <v>2</v>
      </c>
      <c r="V20" s="280">
        <v>4</v>
      </c>
      <c r="W20" s="277">
        <v>9</v>
      </c>
      <c r="X20" s="282">
        <v>9</v>
      </c>
      <c r="Y20" s="276">
        <v>3</v>
      </c>
      <c r="Z20" s="280">
        <v>6</v>
      </c>
      <c r="AA20" s="277">
        <v>9</v>
      </c>
      <c r="AB20" s="279">
        <v>0</v>
      </c>
      <c r="AC20" s="280">
        <v>23</v>
      </c>
      <c r="AD20" s="280">
        <v>25</v>
      </c>
      <c r="AE20" s="280">
        <v>18</v>
      </c>
      <c r="AF20" s="280">
        <v>7</v>
      </c>
      <c r="AG20" s="280">
        <v>4</v>
      </c>
      <c r="AH20" s="277">
        <v>77</v>
      </c>
      <c r="AI20" s="282">
        <v>86</v>
      </c>
      <c r="AJ20" s="276">
        <v>0</v>
      </c>
      <c r="AK20" s="280">
        <v>1</v>
      </c>
      <c r="AL20" s="277">
        <v>1</v>
      </c>
      <c r="AM20" s="279">
        <v>0</v>
      </c>
      <c r="AN20" s="280">
        <v>3</v>
      </c>
      <c r="AO20" s="280">
        <v>3</v>
      </c>
      <c r="AP20" s="280">
        <v>1</v>
      </c>
      <c r="AQ20" s="280">
        <v>2</v>
      </c>
      <c r="AR20" s="280">
        <v>0</v>
      </c>
      <c r="AS20" s="277">
        <v>9</v>
      </c>
      <c r="AT20" s="282">
        <v>10</v>
      </c>
      <c r="AU20" s="276">
        <v>2</v>
      </c>
      <c r="AV20" s="280">
        <v>4</v>
      </c>
      <c r="AW20" s="277">
        <v>6</v>
      </c>
      <c r="AX20" s="279">
        <v>0</v>
      </c>
      <c r="AY20" s="280">
        <v>28</v>
      </c>
      <c r="AZ20" s="280">
        <v>33</v>
      </c>
      <c r="BA20" s="280">
        <v>31</v>
      </c>
      <c r="BB20" s="280">
        <v>22</v>
      </c>
      <c r="BC20" s="280">
        <v>15</v>
      </c>
      <c r="BD20" s="281">
        <v>129</v>
      </c>
      <c r="BE20" s="282">
        <v>135</v>
      </c>
      <c r="BF20" s="276">
        <v>0</v>
      </c>
      <c r="BG20" s="280">
        <v>0</v>
      </c>
      <c r="BH20" s="277">
        <v>0</v>
      </c>
      <c r="BI20" s="279">
        <v>0</v>
      </c>
      <c r="BJ20" s="280">
        <v>42</v>
      </c>
      <c r="BK20" s="280">
        <v>33</v>
      </c>
      <c r="BL20" s="280">
        <v>23</v>
      </c>
      <c r="BM20" s="280">
        <v>12</v>
      </c>
      <c r="BN20" s="280">
        <v>5</v>
      </c>
      <c r="BO20" s="277">
        <v>115</v>
      </c>
      <c r="BP20" s="282">
        <v>115</v>
      </c>
      <c r="BQ20" s="276">
        <v>1</v>
      </c>
      <c r="BR20" s="280">
        <v>7</v>
      </c>
      <c r="BS20" s="277">
        <v>8</v>
      </c>
      <c r="BT20" s="279">
        <v>0</v>
      </c>
      <c r="BU20" s="280">
        <v>14</v>
      </c>
      <c r="BV20" s="280">
        <v>14</v>
      </c>
      <c r="BW20" s="280">
        <v>8</v>
      </c>
      <c r="BX20" s="280">
        <v>2</v>
      </c>
      <c r="BY20" s="280">
        <v>2</v>
      </c>
      <c r="BZ20" s="277">
        <v>40</v>
      </c>
      <c r="CA20" s="282">
        <v>48</v>
      </c>
      <c r="CB20" s="276">
        <v>0</v>
      </c>
      <c r="CC20" s="280">
        <v>2</v>
      </c>
      <c r="CD20" s="277">
        <v>2</v>
      </c>
      <c r="CE20" s="279">
        <v>0</v>
      </c>
      <c r="CF20" s="280">
        <v>0</v>
      </c>
      <c r="CG20" s="280">
        <v>8</v>
      </c>
      <c r="CH20" s="280">
        <v>12</v>
      </c>
      <c r="CI20" s="280">
        <v>5</v>
      </c>
      <c r="CJ20" s="280">
        <v>7</v>
      </c>
      <c r="CK20" s="277">
        <v>32</v>
      </c>
      <c r="CL20" s="282">
        <v>34</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4</v>
      </c>
      <c r="DU20" s="280">
        <v>28</v>
      </c>
      <c r="DV20" s="277">
        <v>42</v>
      </c>
      <c r="DW20" s="279">
        <v>0</v>
      </c>
      <c r="DX20" s="280">
        <v>44</v>
      </c>
      <c r="DY20" s="280">
        <v>57</v>
      </c>
      <c r="DZ20" s="280">
        <v>44</v>
      </c>
      <c r="EA20" s="280">
        <v>26</v>
      </c>
      <c r="EB20" s="280">
        <v>17</v>
      </c>
      <c r="EC20" s="277">
        <v>188</v>
      </c>
      <c r="ED20" s="282">
        <v>230</v>
      </c>
      <c r="EE20" s="276">
        <v>2</v>
      </c>
      <c r="EF20" s="280">
        <v>0</v>
      </c>
      <c r="EG20" s="277">
        <v>2</v>
      </c>
      <c r="EH20" s="279">
        <v>0</v>
      </c>
      <c r="EI20" s="280">
        <v>12</v>
      </c>
      <c r="EJ20" s="280">
        <v>12</v>
      </c>
      <c r="EK20" s="280">
        <v>8</v>
      </c>
      <c r="EL20" s="280">
        <v>7</v>
      </c>
      <c r="EM20" s="280">
        <v>2</v>
      </c>
      <c r="EN20" s="277">
        <v>41</v>
      </c>
      <c r="EO20" s="282">
        <v>43</v>
      </c>
      <c r="EP20" s="276">
        <v>17</v>
      </c>
      <c r="EQ20" s="280">
        <v>35</v>
      </c>
      <c r="ER20" s="277">
        <v>52</v>
      </c>
      <c r="ES20" s="279">
        <v>0</v>
      </c>
      <c r="ET20" s="280">
        <v>107</v>
      </c>
      <c r="EU20" s="280">
        <v>80</v>
      </c>
      <c r="EV20" s="280">
        <v>55</v>
      </c>
      <c r="EW20" s="280">
        <v>25</v>
      </c>
      <c r="EX20" s="280">
        <v>18</v>
      </c>
      <c r="EY20" s="277">
        <v>285</v>
      </c>
      <c r="EZ20" s="282">
        <v>337</v>
      </c>
    </row>
    <row r="21" spans="2:156" ht="21" customHeight="1" x14ac:dyDescent="0.2">
      <c r="B21" s="261" t="s">
        <v>19</v>
      </c>
      <c r="C21" s="276">
        <v>0</v>
      </c>
      <c r="D21" s="280">
        <v>0</v>
      </c>
      <c r="E21" s="376">
        <v>0</v>
      </c>
      <c r="F21" s="279">
        <v>0</v>
      </c>
      <c r="G21" s="280">
        <v>10</v>
      </c>
      <c r="H21" s="280">
        <v>11</v>
      </c>
      <c r="I21" s="280">
        <v>8</v>
      </c>
      <c r="J21" s="280">
        <v>4</v>
      </c>
      <c r="K21" s="280">
        <v>3</v>
      </c>
      <c r="L21" s="281">
        <v>36</v>
      </c>
      <c r="M21" s="282">
        <v>36</v>
      </c>
      <c r="N21" s="276">
        <v>0</v>
      </c>
      <c r="O21" s="280">
        <v>0</v>
      </c>
      <c r="P21" s="277">
        <v>0</v>
      </c>
      <c r="Q21" s="279">
        <v>0</v>
      </c>
      <c r="R21" s="280">
        <v>0</v>
      </c>
      <c r="S21" s="280">
        <v>0</v>
      </c>
      <c r="T21" s="280">
        <v>3</v>
      </c>
      <c r="U21" s="280">
        <v>1</v>
      </c>
      <c r="V21" s="280">
        <v>2</v>
      </c>
      <c r="W21" s="277">
        <v>6</v>
      </c>
      <c r="X21" s="282">
        <v>6</v>
      </c>
      <c r="Y21" s="276">
        <v>2</v>
      </c>
      <c r="Z21" s="280">
        <v>1</v>
      </c>
      <c r="AA21" s="277">
        <v>3</v>
      </c>
      <c r="AB21" s="279">
        <v>0</v>
      </c>
      <c r="AC21" s="280">
        <v>13</v>
      </c>
      <c r="AD21" s="280">
        <v>12</v>
      </c>
      <c r="AE21" s="280">
        <v>9</v>
      </c>
      <c r="AF21" s="280">
        <v>3</v>
      </c>
      <c r="AG21" s="280">
        <v>4</v>
      </c>
      <c r="AH21" s="277">
        <v>41</v>
      </c>
      <c r="AI21" s="282">
        <v>44</v>
      </c>
      <c r="AJ21" s="276">
        <v>0</v>
      </c>
      <c r="AK21" s="280">
        <v>0</v>
      </c>
      <c r="AL21" s="277">
        <v>0</v>
      </c>
      <c r="AM21" s="279">
        <v>0</v>
      </c>
      <c r="AN21" s="280">
        <v>1</v>
      </c>
      <c r="AO21" s="280">
        <v>3</v>
      </c>
      <c r="AP21" s="280">
        <v>0</v>
      </c>
      <c r="AQ21" s="280">
        <v>1</v>
      </c>
      <c r="AR21" s="280">
        <v>0</v>
      </c>
      <c r="AS21" s="277">
        <v>5</v>
      </c>
      <c r="AT21" s="282">
        <v>5</v>
      </c>
      <c r="AU21" s="276">
        <v>4</v>
      </c>
      <c r="AV21" s="280">
        <v>3</v>
      </c>
      <c r="AW21" s="277">
        <v>7</v>
      </c>
      <c r="AX21" s="279">
        <v>0</v>
      </c>
      <c r="AY21" s="280">
        <v>19</v>
      </c>
      <c r="AZ21" s="280">
        <v>12</v>
      </c>
      <c r="BA21" s="280">
        <v>16</v>
      </c>
      <c r="BB21" s="280">
        <v>8</v>
      </c>
      <c r="BC21" s="280">
        <v>7</v>
      </c>
      <c r="BD21" s="281">
        <v>62</v>
      </c>
      <c r="BE21" s="282">
        <v>69</v>
      </c>
      <c r="BF21" s="276">
        <v>0</v>
      </c>
      <c r="BG21" s="280">
        <v>0</v>
      </c>
      <c r="BH21" s="277">
        <v>0</v>
      </c>
      <c r="BI21" s="279">
        <v>0</v>
      </c>
      <c r="BJ21" s="280">
        <v>20</v>
      </c>
      <c r="BK21" s="280">
        <v>16</v>
      </c>
      <c r="BL21" s="280">
        <v>7</v>
      </c>
      <c r="BM21" s="280">
        <v>0</v>
      </c>
      <c r="BN21" s="280">
        <v>0</v>
      </c>
      <c r="BO21" s="277">
        <v>43</v>
      </c>
      <c r="BP21" s="282">
        <v>43</v>
      </c>
      <c r="BQ21" s="276">
        <v>2</v>
      </c>
      <c r="BR21" s="280">
        <v>4</v>
      </c>
      <c r="BS21" s="277">
        <v>6</v>
      </c>
      <c r="BT21" s="279">
        <v>0</v>
      </c>
      <c r="BU21" s="280">
        <v>12</v>
      </c>
      <c r="BV21" s="280">
        <v>7</v>
      </c>
      <c r="BW21" s="280">
        <v>2</v>
      </c>
      <c r="BX21" s="280">
        <v>4</v>
      </c>
      <c r="BY21" s="280">
        <v>0</v>
      </c>
      <c r="BZ21" s="277">
        <v>25</v>
      </c>
      <c r="CA21" s="282">
        <v>31</v>
      </c>
      <c r="CB21" s="276">
        <v>0</v>
      </c>
      <c r="CC21" s="280">
        <v>0</v>
      </c>
      <c r="CD21" s="277">
        <v>0</v>
      </c>
      <c r="CE21" s="279">
        <v>0</v>
      </c>
      <c r="CF21" s="280">
        <v>1</v>
      </c>
      <c r="CG21" s="280">
        <v>3</v>
      </c>
      <c r="CH21" s="280">
        <v>2</v>
      </c>
      <c r="CI21" s="280">
        <v>0</v>
      </c>
      <c r="CJ21" s="280">
        <v>1</v>
      </c>
      <c r="CK21" s="277">
        <v>7</v>
      </c>
      <c r="CL21" s="282">
        <v>7</v>
      </c>
      <c r="CM21" s="276">
        <v>0</v>
      </c>
      <c r="CN21" s="280">
        <v>0</v>
      </c>
      <c r="CO21" s="277">
        <v>0</v>
      </c>
      <c r="CP21" s="279">
        <v>0</v>
      </c>
      <c r="CQ21" s="280">
        <v>0</v>
      </c>
      <c r="CR21" s="280">
        <v>0</v>
      </c>
      <c r="CS21" s="280">
        <v>1</v>
      </c>
      <c r="CT21" s="280">
        <v>0</v>
      </c>
      <c r="CU21" s="280">
        <v>1</v>
      </c>
      <c r="CV21" s="277">
        <v>2</v>
      </c>
      <c r="CW21" s="282">
        <v>2</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3</v>
      </c>
      <c r="DU21" s="280">
        <v>10</v>
      </c>
      <c r="DV21" s="277">
        <v>13</v>
      </c>
      <c r="DW21" s="279">
        <v>0</v>
      </c>
      <c r="DX21" s="280">
        <v>32</v>
      </c>
      <c r="DY21" s="280">
        <v>29</v>
      </c>
      <c r="DZ21" s="280">
        <v>14</v>
      </c>
      <c r="EA21" s="280">
        <v>11</v>
      </c>
      <c r="EB21" s="280">
        <v>7</v>
      </c>
      <c r="EC21" s="277">
        <v>93</v>
      </c>
      <c r="ED21" s="282">
        <v>106</v>
      </c>
      <c r="EE21" s="276">
        <v>1</v>
      </c>
      <c r="EF21" s="280">
        <v>2</v>
      </c>
      <c r="EG21" s="277">
        <v>3</v>
      </c>
      <c r="EH21" s="279">
        <v>0</v>
      </c>
      <c r="EI21" s="280">
        <v>6</v>
      </c>
      <c r="EJ21" s="280">
        <v>7</v>
      </c>
      <c r="EK21" s="280">
        <v>6</v>
      </c>
      <c r="EL21" s="280">
        <v>2</v>
      </c>
      <c r="EM21" s="280">
        <v>0</v>
      </c>
      <c r="EN21" s="277">
        <v>21</v>
      </c>
      <c r="EO21" s="282">
        <v>24</v>
      </c>
      <c r="EP21" s="276">
        <v>7</v>
      </c>
      <c r="EQ21" s="280">
        <v>13</v>
      </c>
      <c r="ER21" s="277">
        <v>20</v>
      </c>
      <c r="ES21" s="279">
        <v>0</v>
      </c>
      <c r="ET21" s="280">
        <v>52</v>
      </c>
      <c r="EU21" s="280">
        <v>44</v>
      </c>
      <c r="EV21" s="280">
        <v>16</v>
      </c>
      <c r="EW21" s="280">
        <v>10</v>
      </c>
      <c r="EX21" s="280">
        <v>9</v>
      </c>
      <c r="EY21" s="277">
        <v>131</v>
      </c>
      <c r="EZ21" s="282">
        <v>151</v>
      </c>
    </row>
    <row r="22" spans="2:156" ht="21" customHeight="1" x14ac:dyDescent="0.2">
      <c r="B22" s="261" t="s">
        <v>20</v>
      </c>
      <c r="C22" s="276">
        <v>0</v>
      </c>
      <c r="D22" s="280">
        <v>0</v>
      </c>
      <c r="E22" s="376">
        <v>0</v>
      </c>
      <c r="F22" s="279">
        <v>0</v>
      </c>
      <c r="G22" s="280">
        <v>23</v>
      </c>
      <c r="H22" s="280">
        <v>19</v>
      </c>
      <c r="I22" s="280">
        <v>9</v>
      </c>
      <c r="J22" s="280">
        <v>5</v>
      </c>
      <c r="K22" s="280">
        <v>7</v>
      </c>
      <c r="L22" s="281">
        <v>63</v>
      </c>
      <c r="M22" s="282">
        <v>63</v>
      </c>
      <c r="N22" s="276">
        <v>0</v>
      </c>
      <c r="O22" s="280">
        <v>0</v>
      </c>
      <c r="P22" s="277">
        <v>0</v>
      </c>
      <c r="Q22" s="279">
        <v>0</v>
      </c>
      <c r="R22" s="280">
        <v>1</v>
      </c>
      <c r="S22" s="280">
        <v>0</v>
      </c>
      <c r="T22" s="280">
        <v>0</v>
      </c>
      <c r="U22" s="280">
        <v>1</v>
      </c>
      <c r="V22" s="280">
        <v>2</v>
      </c>
      <c r="W22" s="277">
        <v>4</v>
      </c>
      <c r="X22" s="282">
        <v>4</v>
      </c>
      <c r="Y22" s="276">
        <v>3</v>
      </c>
      <c r="Z22" s="280">
        <v>2</v>
      </c>
      <c r="AA22" s="277">
        <v>5</v>
      </c>
      <c r="AB22" s="279">
        <v>0</v>
      </c>
      <c r="AC22" s="280">
        <v>24</v>
      </c>
      <c r="AD22" s="280">
        <v>20</v>
      </c>
      <c r="AE22" s="280">
        <v>11</v>
      </c>
      <c r="AF22" s="280">
        <v>6</v>
      </c>
      <c r="AG22" s="280">
        <v>7</v>
      </c>
      <c r="AH22" s="277">
        <v>68</v>
      </c>
      <c r="AI22" s="282">
        <v>73</v>
      </c>
      <c r="AJ22" s="276">
        <v>2</v>
      </c>
      <c r="AK22" s="280">
        <v>2</v>
      </c>
      <c r="AL22" s="277">
        <v>4</v>
      </c>
      <c r="AM22" s="279">
        <v>0</v>
      </c>
      <c r="AN22" s="280">
        <v>8</v>
      </c>
      <c r="AO22" s="280">
        <v>8</v>
      </c>
      <c r="AP22" s="280">
        <v>5</v>
      </c>
      <c r="AQ22" s="280">
        <v>1</v>
      </c>
      <c r="AR22" s="280">
        <v>0</v>
      </c>
      <c r="AS22" s="277">
        <v>22</v>
      </c>
      <c r="AT22" s="282">
        <v>26</v>
      </c>
      <c r="AU22" s="276">
        <v>2</v>
      </c>
      <c r="AV22" s="280">
        <v>4</v>
      </c>
      <c r="AW22" s="277">
        <v>6</v>
      </c>
      <c r="AX22" s="279">
        <v>0</v>
      </c>
      <c r="AY22" s="280">
        <v>21</v>
      </c>
      <c r="AZ22" s="280">
        <v>21</v>
      </c>
      <c r="BA22" s="280">
        <v>27</v>
      </c>
      <c r="BB22" s="280">
        <v>19</v>
      </c>
      <c r="BC22" s="280">
        <v>13</v>
      </c>
      <c r="BD22" s="281">
        <v>101</v>
      </c>
      <c r="BE22" s="282">
        <v>107</v>
      </c>
      <c r="BF22" s="276">
        <v>0</v>
      </c>
      <c r="BG22" s="280">
        <v>0</v>
      </c>
      <c r="BH22" s="277">
        <v>0</v>
      </c>
      <c r="BI22" s="279">
        <v>0</v>
      </c>
      <c r="BJ22" s="280">
        <v>30</v>
      </c>
      <c r="BK22" s="280">
        <v>28</v>
      </c>
      <c r="BL22" s="280">
        <v>14</v>
      </c>
      <c r="BM22" s="280">
        <v>5</v>
      </c>
      <c r="BN22" s="280">
        <v>0</v>
      </c>
      <c r="BO22" s="277">
        <v>77</v>
      </c>
      <c r="BP22" s="282">
        <v>77</v>
      </c>
      <c r="BQ22" s="276">
        <v>3</v>
      </c>
      <c r="BR22" s="280">
        <v>3</v>
      </c>
      <c r="BS22" s="277">
        <v>6</v>
      </c>
      <c r="BT22" s="279">
        <v>0</v>
      </c>
      <c r="BU22" s="280">
        <v>3</v>
      </c>
      <c r="BV22" s="280">
        <v>6</v>
      </c>
      <c r="BW22" s="280">
        <v>4</v>
      </c>
      <c r="BX22" s="280">
        <v>5</v>
      </c>
      <c r="BY22" s="280">
        <v>0</v>
      </c>
      <c r="BZ22" s="277">
        <v>18</v>
      </c>
      <c r="CA22" s="282">
        <v>24</v>
      </c>
      <c r="CB22" s="276">
        <v>1</v>
      </c>
      <c r="CC22" s="280">
        <v>0</v>
      </c>
      <c r="CD22" s="277">
        <v>1</v>
      </c>
      <c r="CE22" s="279">
        <v>0</v>
      </c>
      <c r="CF22" s="280">
        <v>3</v>
      </c>
      <c r="CG22" s="280">
        <v>7</v>
      </c>
      <c r="CH22" s="280">
        <v>6</v>
      </c>
      <c r="CI22" s="280">
        <v>10</v>
      </c>
      <c r="CJ22" s="280">
        <v>3</v>
      </c>
      <c r="CK22" s="277">
        <v>29</v>
      </c>
      <c r="CL22" s="282">
        <v>30</v>
      </c>
      <c r="CM22" s="276">
        <v>0</v>
      </c>
      <c r="CN22" s="280">
        <v>0</v>
      </c>
      <c r="CO22" s="277">
        <v>0</v>
      </c>
      <c r="CP22" s="279">
        <v>0</v>
      </c>
      <c r="CQ22" s="280">
        <v>0</v>
      </c>
      <c r="CR22" s="280">
        <v>0</v>
      </c>
      <c r="CS22" s="280">
        <v>1</v>
      </c>
      <c r="CT22" s="280">
        <v>3</v>
      </c>
      <c r="CU22" s="280">
        <v>0</v>
      </c>
      <c r="CV22" s="277">
        <v>4</v>
      </c>
      <c r="CW22" s="282">
        <v>4</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0</v>
      </c>
      <c r="DU22" s="280">
        <v>20</v>
      </c>
      <c r="DV22" s="277">
        <v>30</v>
      </c>
      <c r="DW22" s="279">
        <v>0</v>
      </c>
      <c r="DX22" s="280">
        <v>42</v>
      </c>
      <c r="DY22" s="280">
        <v>46</v>
      </c>
      <c r="DZ22" s="280">
        <v>28</v>
      </c>
      <c r="EA22" s="280">
        <v>21</v>
      </c>
      <c r="EB22" s="280">
        <v>11</v>
      </c>
      <c r="EC22" s="277">
        <v>148</v>
      </c>
      <c r="ED22" s="282">
        <v>178</v>
      </c>
      <c r="EE22" s="276">
        <v>1</v>
      </c>
      <c r="EF22" s="280">
        <v>2</v>
      </c>
      <c r="EG22" s="277">
        <v>3</v>
      </c>
      <c r="EH22" s="279">
        <v>0</v>
      </c>
      <c r="EI22" s="280">
        <v>6</v>
      </c>
      <c r="EJ22" s="280">
        <v>5</v>
      </c>
      <c r="EK22" s="280">
        <v>6</v>
      </c>
      <c r="EL22" s="280">
        <v>5</v>
      </c>
      <c r="EM22" s="280">
        <v>5</v>
      </c>
      <c r="EN22" s="277">
        <v>27</v>
      </c>
      <c r="EO22" s="282">
        <v>30</v>
      </c>
      <c r="EP22" s="276">
        <v>16</v>
      </c>
      <c r="EQ22" s="280">
        <v>25</v>
      </c>
      <c r="ER22" s="277">
        <v>41</v>
      </c>
      <c r="ES22" s="279">
        <v>0</v>
      </c>
      <c r="ET22" s="280">
        <v>79</v>
      </c>
      <c r="EU22" s="280">
        <v>63</v>
      </c>
      <c r="EV22" s="280">
        <v>34</v>
      </c>
      <c r="EW22" s="280">
        <v>25</v>
      </c>
      <c r="EX22" s="280">
        <v>11</v>
      </c>
      <c r="EY22" s="277">
        <v>212</v>
      </c>
      <c r="EZ22" s="282">
        <v>253</v>
      </c>
    </row>
    <row r="23" spans="2:156" ht="21" customHeight="1" x14ac:dyDescent="0.2">
      <c r="B23" s="261" t="s">
        <v>21</v>
      </c>
      <c r="C23" s="276">
        <v>0</v>
      </c>
      <c r="D23" s="280">
        <v>0</v>
      </c>
      <c r="E23" s="376">
        <v>0</v>
      </c>
      <c r="F23" s="279">
        <v>0</v>
      </c>
      <c r="G23" s="280">
        <v>13</v>
      </c>
      <c r="H23" s="280">
        <v>17</v>
      </c>
      <c r="I23" s="280">
        <v>6</v>
      </c>
      <c r="J23" s="280">
        <v>8</v>
      </c>
      <c r="K23" s="280">
        <v>5</v>
      </c>
      <c r="L23" s="281">
        <v>49</v>
      </c>
      <c r="M23" s="282">
        <v>49</v>
      </c>
      <c r="N23" s="276">
        <v>0</v>
      </c>
      <c r="O23" s="280">
        <v>0</v>
      </c>
      <c r="P23" s="277">
        <v>0</v>
      </c>
      <c r="Q23" s="279">
        <v>0</v>
      </c>
      <c r="R23" s="280">
        <v>0</v>
      </c>
      <c r="S23" s="280">
        <v>0</v>
      </c>
      <c r="T23" s="280">
        <v>0</v>
      </c>
      <c r="U23" s="280">
        <v>1</v>
      </c>
      <c r="V23" s="280">
        <v>5</v>
      </c>
      <c r="W23" s="277">
        <v>6</v>
      </c>
      <c r="X23" s="282">
        <v>6</v>
      </c>
      <c r="Y23" s="276">
        <v>3</v>
      </c>
      <c r="Z23" s="280">
        <v>3</v>
      </c>
      <c r="AA23" s="277">
        <v>6</v>
      </c>
      <c r="AB23" s="279">
        <v>0</v>
      </c>
      <c r="AC23" s="280">
        <v>10</v>
      </c>
      <c r="AD23" s="280">
        <v>22</v>
      </c>
      <c r="AE23" s="280">
        <v>6</v>
      </c>
      <c r="AF23" s="280">
        <v>10</v>
      </c>
      <c r="AG23" s="280">
        <v>6</v>
      </c>
      <c r="AH23" s="277">
        <v>54</v>
      </c>
      <c r="AI23" s="282">
        <v>60</v>
      </c>
      <c r="AJ23" s="276">
        <v>0</v>
      </c>
      <c r="AK23" s="280">
        <v>2</v>
      </c>
      <c r="AL23" s="277">
        <v>2</v>
      </c>
      <c r="AM23" s="279">
        <v>0</v>
      </c>
      <c r="AN23" s="280">
        <v>1</v>
      </c>
      <c r="AO23" s="280">
        <v>2</v>
      </c>
      <c r="AP23" s="280">
        <v>2</v>
      </c>
      <c r="AQ23" s="280">
        <v>1</v>
      </c>
      <c r="AR23" s="280">
        <v>1</v>
      </c>
      <c r="AS23" s="277">
        <v>7</v>
      </c>
      <c r="AT23" s="282">
        <v>9</v>
      </c>
      <c r="AU23" s="276">
        <v>3</v>
      </c>
      <c r="AV23" s="280">
        <v>4</v>
      </c>
      <c r="AW23" s="277">
        <v>7</v>
      </c>
      <c r="AX23" s="279">
        <v>0</v>
      </c>
      <c r="AY23" s="280">
        <v>6</v>
      </c>
      <c r="AZ23" s="280">
        <v>22</v>
      </c>
      <c r="BA23" s="280">
        <v>11</v>
      </c>
      <c r="BB23" s="280">
        <v>19</v>
      </c>
      <c r="BC23" s="280">
        <v>11</v>
      </c>
      <c r="BD23" s="281">
        <v>69</v>
      </c>
      <c r="BE23" s="282">
        <v>76</v>
      </c>
      <c r="BF23" s="276">
        <v>0</v>
      </c>
      <c r="BG23" s="280">
        <v>0</v>
      </c>
      <c r="BH23" s="277">
        <v>0</v>
      </c>
      <c r="BI23" s="279">
        <v>0</v>
      </c>
      <c r="BJ23" s="280">
        <v>18</v>
      </c>
      <c r="BK23" s="280">
        <v>16</v>
      </c>
      <c r="BL23" s="280">
        <v>13</v>
      </c>
      <c r="BM23" s="280">
        <v>4</v>
      </c>
      <c r="BN23" s="280">
        <v>4</v>
      </c>
      <c r="BO23" s="277">
        <v>55</v>
      </c>
      <c r="BP23" s="282">
        <v>55</v>
      </c>
      <c r="BQ23" s="276">
        <v>2</v>
      </c>
      <c r="BR23" s="280">
        <v>0</v>
      </c>
      <c r="BS23" s="277">
        <v>2</v>
      </c>
      <c r="BT23" s="279">
        <v>0</v>
      </c>
      <c r="BU23" s="280">
        <v>6</v>
      </c>
      <c r="BV23" s="280">
        <v>11</v>
      </c>
      <c r="BW23" s="280">
        <v>3</v>
      </c>
      <c r="BX23" s="280">
        <v>0</v>
      </c>
      <c r="BY23" s="280">
        <v>0</v>
      </c>
      <c r="BZ23" s="277">
        <v>20</v>
      </c>
      <c r="CA23" s="282">
        <v>22</v>
      </c>
      <c r="CB23" s="276">
        <v>0</v>
      </c>
      <c r="CC23" s="280">
        <v>0</v>
      </c>
      <c r="CD23" s="277">
        <v>0</v>
      </c>
      <c r="CE23" s="279">
        <v>0</v>
      </c>
      <c r="CF23" s="280">
        <v>2</v>
      </c>
      <c r="CG23" s="280">
        <v>1</v>
      </c>
      <c r="CH23" s="280">
        <v>10</v>
      </c>
      <c r="CI23" s="280">
        <v>6</v>
      </c>
      <c r="CJ23" s="280">
        <v>2</v>
      </c>
      <c r="CK23" s="277">
        <v>21</v>
      </c>
      <c r="CL23" s="282">
        <v>21</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8</v>
      </c>
      <c r="DU23" s="280">
        <v>11</v>
      </c>
      <c r="DV23" s="277">
        <v>19</v>
      </c>
      <c r="DW23" s="279">
        <v>0</v>
      </c>
      <c r="DX23" s="280">
        <v>14</v>
      </c>
      <c r="DY23" s="280">
        <v>45</v>
      </c>
      <c r="DZ23" s="280">
        <v>24</v>
      </c>
      <c r="EA23" s="280">
        <v>18</v>
      </c>
      <c r="EB23" s="280">
        <v>9</v>
      </c>
      <c r="EC23" s="277">
        <v>110</v>
      </c>
      <c r="ED23" s="282">
        <v>129</v>
      </c>
      <c r="EE23" s="276">
        <v>0</v>
      </c>
      <c r="EF23" s="280">
        <v>1</v>
      </c>
      <c r="EG23" s="277">
        <v>1</v>
      </c>
      <c r="EH23" s="279">
        <v>0</v>
      </c>
      <c r="EI23" s="280">
        <v>4</v>
      </c>
      <c r="EJ23" s="280">
        <v>4</v>
      </c>
      <c r="EK23" s="280">
        <v>4</v>
      </c>
      <c r="EL23" s="280">
        <v>4</v>
      </c>
      <c r="EM23" s="280">
        <v>2</v>
      </c>
      <c r="EN23" s="277">
        <v>18</v>
      </c>
      <c r="EO23" s="282">
        <v>19</v>
      </c>
      <c r="EP23" s="276">
        <v>14</v>
      </c>
      <c r="EQ23" s="280">
        <v>14</v>
      </c>
      <c r="ER23" s="277">
        <v>28</v>
      </c>
      <c r="ES23" s="279">
        <v>0</v>
      </c>
      <c r="ET23" s="280">
        <v>49</v>
      </c>
      <c r="EU23" s="280">
        <v>61</v>
      </c>
      <c r="EV23" s="280">
        <v>27</v>
      </c>
      <c r="EW23" s="280">
        <v>20</v>
      </c>
      <c r="EX23" s="280">
        <v>9</v>
      </c>
      <c r="EY23" s="277">
        <v>166</v>
      </c>
      <c r="EZ23" s="282">
        <v>194</v>
      </c>
    </row>
    <row r="24" spans="2:156" ht="21" customHeight="1" x14ac:dyDescent="0.2">
      <c r="B24" s="261" t="s">
        <v>22</v>
      </c>
      <c r="C24" s="276">
        <v>0</v>
      </c>
      <c r="D24" s="280">
        <v>0</v>
      </c>
      <c r="E24" s="376">
        <v>0</v>
      </c>
      <c r="F24" s="279">
        <v>0</v>
      </c>
      <c r="G24" s="280">
        <v>7</v>
      </c>
      <c r="H24" s="280">
        <v>6</v>
      </c>
      <c r="I24" s="280">
        <v>3</v>
      </c>
      <c r="J24" s="280">
        <v>3</v>
      </c>
      <c r="K24" s="280">
        <v>3</v>
      </c>
      <c r="L24" s="281">
        <v>22</v>
      </c>
      <c r="M24" s="282">
        <v>22</v>
      </c>
      <c r="N24" s="276">
        <v>0</v>
      </c>
      <c r="O24" s="280">
        <v>0</v>
      </c>
      <c r="P24" s="277">
        <v>0</v>
      </c>
      <c r="Q24" s="279">
        <v>0</v>
      </c>
      <c r="R24" s="280">
        <v>1</v>
      </c>
      <c r="S24" s="280">
        <v>0</v>
      </c>
      <c r="T24" s="280">
        <v>0</v>
      </c>
      <c r="U24" s="280">
        <v>1</v>
      </c>
      <c r="V24" s="280">
        <v>0</v>
      </c>
      <c r="W24" s="277">
        <v>2</v>
      </c>
      <c r="X24" s="282">
        <v>2</v>
      </c>
      <c r="Y24" s="276">
        <v>0</v>
      </c>
      <c r="Z24" s="280">
        <v>1</v>
      </c>
      <c r="AA24" s="277">
        <v>1</v>
      </c>
      <c r="AB24" s="279">
        <v>0</v>
      </c>
      <c r="AC24" s="280">
        <v>2</v>
      </c>
      <c r="AD24" s="280">
        <v>4</v>
      </c>
      <c r="AE24" s="280">
        <v>5</v>
      </c>
      <c r="AF24" s="280">
        <v>2</v>
      </c>
      <c r="AG24" s="280">
        <v>3</v>
      </c>
      <c r="AH24" s="277">
        <v>16</v>
      </c>
      <c r="AI24" s="282">
        <v>17</v>
      </c>
      <c r="AJ24" s="276">
        <v>0</v>
      </c>
      <c r="AK24" s="280">
        <v>0</v>
      </c>
      <c r="AL24" s="277">
        <v>0</v>
      </c>
      <c r="AM24" s="279">
        <v>0</v>
      </c>
      <c r="AN24" s="280">
        <v>0</v>
      </c>
      <c r="AO24" s="280">
        <v>1</v>
      </c>
      <c r="AP24" s="280">
        <v>0</v>
      </c>
      <c r="AQ24" s="280">
        <v>0</v>
      </c>
      <c r="AR24" s="280">
        <v>0</v>
      </c>
      <c r="AS24" s="277">
        <v>1</v>
      </c>
      <c r="AT24" s="282">
        <v>1</v>
      </c>
      <c r="AU24" s="276">
        <v>1</v>
      </c>
      <c r="AV24" s="280">
        <v>1</v>
      </c>
      <c r="AW24" s="277">
        <v>2</v>
      </c>
      <c r="AX24" s="279">
        <v>0</v>
      </c>
      <c r="AY24" s="280">
        <v>6</v>
      </c>
      <c r="AZ24" s="280">
        <v>7</v>
      </c>
      <c r="BA24" s="280">
        <v>3</v>
      </c>
      <c r="BB24" s="280">
        <v>5</v>
      </c>
      <c r="BC24" s="280">
        <v>3</v>
      </c>
      <c r="BD24" s="281">
        <v>24</v>
      </c>
      <c r="BE24" s="282">
        <v>26</v>
      </c>
      <c r="BF24" s="276">
        <v>0</v>
      </c>
      <c r="BG24" s="280">
        <v>0</v>
      </c>
      <c r="BH24" s="277">
        <v>0</v>
      </c>
      <c r="BI24" s="279">
        <v>0</v>
      </c>
      <c r="BJ24" s="280">
        <v>10</v>
      </c>
      <c r="BK24" s="280">
        <v>5</v>
      </c>
      <c r="BL24" s="280">
        <v>7</v>
      </c>
      <c r="BM24" s="280">
        <v>2</v>
      </c>
      <c r="BN24" s="280">
        <v>2</v>
      </c>
      <c r="BO24" s="277">
        <v>26</v>
      </c>
      <c r="BP24" s="282">
        <v>26</v>
      </c>
      <c r="BQ24" s="276">
        <v>0</v>
      </c>
      <c r="BR24" s="280">
        <v>0</v>
      </c>
      <c r="BS24" s="277">
        <v>0</v>
      </c>
      <c r="BT24" s="279">
        <v>0</v>
      </c>
      <c r="BU24" s="280">
        <v>2</v>
      </c>
      <c r="BV24" s="280">
        <v>3</v>
      </c>
      <c r="BW24" s="280">
        <v>2</v>
      </c>
      <c r="BX24" s="280">
        <v>1</v>
      </c>
      <c r="BY24" s="280">
        <v>1</v>
      </c>
      <c r="BZ24" s="277">
        <v>9</v>
      </c>
      <c r="CA24" s="282">
        <v>9</v>
      </c>
      <c r="CB24" s="276">
        <v>0</v>
      </c>
      <c r="CC24" s="280">
        <v>1</v>
      </c>
      <c r="CD24" s="277">
        <v>1</v>
      </c>
      <c r="CE24" s="279">
        <v>0</v>
      </c>
      <c r="CF24" s="280">
        <v>1</v>
      </c>
      <c r="CG24" s="280">
        <v>1</v>
      </c>
      <c r="CH24" s="280">
        <v>3</v>
      </c>
      <c r="CI24" s="280">
        <v>2</v>
      </c>
      <c r="CJ24" s="280">
        <v>0</v>
      </c>
      <c r="CK24" s="277">
        <v>7</v>
      </c>
      <c r="CL24" s="282">
        <v>8</v>
      </c>
      <c r="CM24" s="276">
        <v>0</v>
      </c>
      <c r="CN24" s="280">
        <v>0</v>
      </c>
      <c r="CO24" s="277">
        <v>0</v>
      </c>
      <c r="CP24" s="279">
        <v>0</v>
      </c>
      <c r="CQ24" s="280">
        <v>0</v>
      </c>
      <c r="CR24" s="280">
        <v>1</v>
      </c>
      <c r="CS24" s="280">
        <v>1</v>
      </c>
      <c r="CT24" s="280">
        <v>0</v>
      </c>
      <c r="CU24" s="280">
        <v>0</v>
      </c>
      <c r="CV24" s="277">
        <v>2</v>
      </c>
      <c r="CW24" s="282">
        <v>2</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2</v>
      </c>
      <c r="DU24" s="280">
        <v>7</v>
      </c>
      <c r="DV24" s="277">
        <v>9</v>
      </c>
      <c r="DW24" s="279">
        <v>0</v>
      </c>
      <c r="DX24" s="280">
        <v>13</v>
      </c>
      <c r="DY24" s="280">
        <v>15</v>
      </c>
      <c r="DZ24" s="280">
        <v>9</v>
      </c>
      <c r="EA24" s="280">
        <v>9</v>
      </c>
      <c r="EB24" s="280">
        <v>8</v>
      </c>
      <c r="EC24" s="277">
        <v>54</v>
      </c>
      <c r="ED24" s="282">
        <v>63</v>
      </c>
      <c r="EE24" s="276">
        <v>0</v>
      </c>
      <c r="EF24" s="280">
        <v>1</v>
      </c>
      <c r="EG24" s="277">
        <v>1</v>
      </c>
      <c r="EH24" s="279">
        <v>0</v>
      </c>
      <c r="EI24" s="280">
        <v>3</v>
      </c>
      <c r="EJ24" s="280">
        <v>3</v>
      </c>
      <c r="EK24" s="280">
        <v>0</v>
      </c>
      <c r="EL24" s="280">
        <v>2</v>
      </c>
      <c r="EM24" s="280">
        <v>0</v>
      </c>
      <c r="EN24" s="277">
        <v>8</v>
      </c>
      <c r="EO24" s="282">
        <v>9</v>
      </c>
      <c r="EP24" s="276">
        <v>3</v>
      </c>
      <c r="EQ24" s="280">
        <v>10</v>
      </c>
      <c r="ER24" s="277">
        <v>13</v>
      </c>
      <c r="ES24" s="279">
        <v>0</v>
      </c>
      <c r="ET24" s="280">
        <v>24</v>
      </c>
      <c r="EU24" s="280">
        <v>20</v>
      </c>
      <c r="EV24" s="280">
        <v>11</v>
      </c>
      <c r="EW24" s="280">
        <v>8</v>
      </c>
      <c r="EX24" s="280">
        <v>7</v>
      </c>
      <c r="EY24" s="277">
        <v>70</v>
      </c>
      <c r="EZ24" s="282">
        <v>83</v>
      </c>
    </row>
    <row r="25" spans="2:156" ht="21" customHeight="1" x14ac:dyDescent="0.2">
      <c r="B25" s="261" t="s">
        <v>23</v>
      </c>
      <c r="C25" s="276">
        <v>0</v>
      </c>
      <c r="D25" s="280">
        <v>0</v>
      </c>
      <c r="E25" s="376">
        <v>0</v>
      </c>
      <c r="F25" s="279">
        <v>0</v>
      </c>
      <c r="G25" s="280">
        <v>4</v>
      </c>
      <c r="H25" s="280">
        <v>9</v>
      </c>
      <c r="I25" s="280">
        <v>5</v>
      </c>
      <c r="J25" s="280">
        <v>2</v>
      </c>
      <c r="K25" s="280">
        <v>2</v>
      </c>
      <c r="L25" s="281">
        <v>22</v>
      </c>
      <c r="M25" s="282">
        <v>22</v>
      </c>
      <c r="N25" s="276">
        <v>0</v>
      </c>
      <c r="O25" s="280">
        <v>0</v>
      </c>
      <c r="P25" s="277">
        <v>0</v>
      </c>
      <c r="Q25" s="279">
        <v>0</v>
      </c>
      <c r="R25" s="280">
        <v>0</v>
      </c>
      <c r="S25" s="280">
        <v>0</v>
      </c>
      <c r="T25" s="280">
        <v>0</v>
      </c>
      <c r="U25" s="280">
        <v>1</v>
      </c>
      <c r="V25" s="280">
        <v>0</v>
      </c>
      <c r="W25" s="277">
        <v>1</v>
      </c>
      <c r="X25" s="282">
        <v>1</v>
      </c>
      <c r="Y25" s="276">
        <v>4</v>
      </c>
      <c r="Z25" s="280">
        <v>5</v>
      </c>
      <c r="AA25" s="277">
        <v>9</v>
      </c>
      <c r="AB25" s="279">
        <v>0</v>
      </c>
      <c r="AC25" s="280">
        <v>5</v>
      </c>
      <c r="AD25" s="280">
        <v>13</v>
      </c>
      <c r="AE25" s="280">
        <v>4</v>
      </c>
      <c r="AF25" s="280">
        <v>3</v>
      </c>
      <c r="AG25" s="280">
        <v>2</v>
      </c>
      <c r="AH25" s="277">
        <v>27</v>
      </c>
      <c r="AI25" s="282">
        <v>36</v>
      </c>
      <c r="AJ25" s="276">
        <v>0</v>
      </c>
      <c r="AK25" s="280">
        <v>0</v>
      </c>
      <c r="AL25" s="277">
        <v>0</v>
      </c>
      <c r="AM25" s="279">
        <v>0</v>
      </c>
      <c r="AN25" s="280">
        <v>0</v>
      </c>
      <c r="AO25" s="280">
        <v>1</v>
      </c>
      <c r="AP25" s="280">
        <v>0</v>
      </c>
      <c r="AQ25" s="280">
        <v>1</v>
      </c>
      <c r="AR25" s="280">
        <v>0</v>
      </c>
      <c r="AS25" s="277">
        <v>2</v>
      </c>
      <c r="AT25" s="282">
        <v>2</v>
      </c>
      <c r="AU25" s="276">
        <v>4</v>
      </c>
      <c r="AV25" s="280">
        <v>0</v>
      </c>
      <c r="AW25" s="277">
        <v>4</v>
      </c>
      <c r="AX25" s="279">
        <v>0</v>
      </c>
      <c r="AY25" s="280">
        <v>14</v>
      </c>
      <c r="AZ25" s="280">
        <v>8</v>
      </c>
      <c r="BA25" s="280">
        <v>7</v>
      </c>
      <c r="BB25" s="280">
        <v>11</v>
      </c>
      <c r="BC25" s="280">
        <v>6</v>
      </c>
      <c r="BD25" s="281">
        <v>46</v>
      </c>
      <c r="BE25" s="282">
        <v>50</v>
      </c>
      <c r="BF25" s="276">
        <v>0</v>
      </c>
      <c r="BG25" s="280">
        <v>0</v>
      </c>
      <c r="BH25" s="277">
        <v>0</v>
      </c>
      <c r="BI25" s="279">
        <v>0</v>
      </c>
      <c r="BJ25" s="280">
        <v>16</v>
      </c>
      <c r="BK25" s="280">
        <v>16</v>
      </c>
      <c r="BL25" s="280">
        <v>6</v>
      </c>
      <c r="BM25" s="280">
        <v>5</v>
      </c>
      <c r="BN25" s="280">
        <v>1</v>
      </c>
      <c r="BO25" s="277">
        <v>44</v>
      </c>
      <c r="BP25" s="282">
        <v>44</v>
      </c>
      <c r="BQ25" s="276">
        <v>0</v>
      </c>
      <c r="BR25" s="280">
        <v>0</v>
      </c>
      <c r="BS25" s="277">
        <v>0</v>
      </c>
      <c r="BT25" s="279">
        <v>0</v>
      </c>
      <c r="BU25" s="280">
        <v>3</v>
      </c>
      <c r="BV25" s="280">
        <v>4</v>
      </c>
      <c r="BW25" s="280">
        <v>3</v>
      </c>
      <c r="BX25" s="280">
        <v>2</v>
      </c>
      <c r="BY25" s="280">
        <v>1</v>
      </c>
      <c r="BZ25" s="277">
        <v>13</v>
      </c>
      <c r="CA25" s="282">
        <v>13</v>
      </c>
      <c r="CB25" s="276">
        <v>0</v>
      </c>
      <c r="CC25" s="280">
        <v>1</v>
      </c>
      <c r="CD25" s="277">
        <v>1</v>
      </c>
      <c r="CE25" s="279">
        <v>0</v>
      </c>
      <c r="CF25" s="280">
        <v>0</v>
      </c>
      <c r="CG25" s="280">
        <v>1</v>
      </c>
      <c r="CH25" s="280">
        <v>3</v>
      </c>
      <c r="CI25" s="280">
        <v>5</v>
      </c>
      <c r="CJ25" s="280">
        <v>1</v>
      </c>
      <c r="CK25" s="277">
        <v>10</v>
      </c>
      <c r="CL25" s="282">
        <v>11</v>
      </c>
      <c r="CM25" s="276">
        <v>1</v>
      </c>
      <c r="CN25" s="280">
        <v>0</v>
      </c>
      <c r="CO25" s="277">
        <v>1</v>
      </c>
      <c r="CP25" s="279">
        <v>0</v>
      </c>
      <c r="CQ25" s="280">
        <v>1</v>
      </c>
      <c r="CR25" s="280">
        <v>0</v>
      </c>
      <c r="CS25" s="280">
        <v>0</v>
      </c>
      <c r="CT25" s="280">
        <v>0</v>
      </c>
      <c r="CU25" s="280">
        <v>1</v>
      </c>
      <c r="CV25" s="277">
        <v>2</v>
      </c>
      <c r="CW25" s="282">
        <v>3</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3</v>
      </c>
      <c r="DU25" s="280">
        <v>11</v>
      </c>
      <c r="DV25" s="277">
        <v>14</v>
      </c>
      <c r="DW25" s="279">
        <v>0</v>
      </c>
      <c r="DX25" s="280">
        <v>10</v>
      </c>
      <c r="DY25" s="280">
        <v>22</v>
      </c>
      <c r="DZ25" s="280">
        <v>9</v>
      </c>
      <c r="EA25" s="280">
        <v>7</v>
      </c>
      <c r="EB25" s="280">
        <v>2</v>
      </c>
      <c r="EC25" s="277">
        <v>50</v>
      </c>
      <c r="ED25" s="282">
        <v>64</v>
      </c>
      <c r="EE25" s="276">
        <v>3</v>
      </c>
      <c r="EF25" s="280">
        <v>0</v>
      </c>
      <c r="EG25" s="277">
        <v>3</v>
      </c>
      <c r="EH25" s="279">
        <v>0</v>
      </c>
      <c r="EI25" s="280">
        <v>8</v>
      </c>
      <c r="EJ25" s="280">
        <v>0</v>
      </c>
      <c r="EK25" s="280">
        <v>1</v>
      </c>
      <c r="EL25" s="280">
        <v>4</v>
      </c>
      <c r="EM25" s="280">
        <v>2</v>
      </c>
      <c r="EN25" s="277">
        <v>15</v>
      </c>
      <c r="EO25" s="282">
        <v>18</v>
      </c>
      <c r="EP25" s="276">
        <v>7</v>
      </c>
      <c r="EQ25" s="280">
        <v>15</v>
      </c>
      <c r="ER25" s="277">
        <v>22</v>
      </c>
      <c r="ES25" s="279">
        <v>0</v>
      </c>
      <c r="ET25" s="280">
        <v>31</v>
      </c>
      <c r="EU25" s="280">
        <v>30</v>
      </c>
      <c r="EV25" s="280">
        <v>14</v>
      </c>
      <c r="EW25" s="280">
        <v>8</v>
      </c>
      <c r="EX25" s="280">
        <v>4</v>
      </c>
      <c r="EY25" s="277">
        <v>87</v>
      </c>
      <c r="EZ25" s="282">
        <v>109</v>
      </c>
    </row>
    <row r="26" spans="2:156" ht="21" customHeight="1" x14ac:dyDescent="0.2">
      <c r="B26" s="261" t="s">
        <v>24</v>
      </c>
      <c r="C26" s="276">
        <v>0</v>
      </c>
      <c r="D26" s="280">
        <v>0</v>
      </c>
      <c r="E26" s="376">
        <v>0</v>
      </c>
      <c r="F26" s="279">
        <v>0</v>
      </c>
      <c r="G26" s="280">
        <v>9</v>
      </c>
      <c r="H26" s="280">
        <v>5</v>
      </c>
      <c r="I26" s="280">
        <v>5</v>
      </c>
      <c r="J26" s="280">
        <v>1</v>
      </c>
      <c r="K26" s="280">
        <v>3</v>
      </c>
      <c r="L26" s="281">
        <v>23</v>
      </c>
      <c r="M26" s="282">
        <v>23</v>
      </c>
      <c r="N26" s="276">
        <v>0</v>
      </c>
      <c r="O26" s="280">
        <v>0</v>
      </c>
      <c r="P26" s="277">
        <v>0</v>
      </c>
      <c r="Q26" s="279">
        <v>0</v>
      </c>
      <c r="R26" s="280">
        <v>0</v>
      </c>
      <c r="S26" s="280">
        <v>0</v>
      </c>
      <c r="T26" s="280">
        <v>3</v>
      </c>
      <c r="U26" s="280">
        <v>1</v>
      </c>
      <c r="V26" s="280">
        <v>1</v>
      </c>
      <c r="W26" s="277">
        <v>5</v>
      </c>
      <c r="X26" s="282">
        <v>5</v>
      </c>
      <c r="Y26" s="276">
        <v>2</v>
      </c>
      <c r="Z26" s="280">
        <v>3</v>
      </c>
      <c r="AA26" s="277">
        <v>5</v>
      </c>
      <c r="AB26" s="279">
        <v>0</v>
      </c>
      <c r="AC26" s="280">
        <v>6</v>
      </c>
      <c r="AD26" s="280">
        <v>5</v>
      </c>
      <c r="AE26" s="280">
        <v>7</v>
      </c>
      <c r="AF26" s="280">
        <v>3</v>
      </c>
      <c r="AG26" s="280">
        <v>2</v>
      </c>
      <c r="AH26" s="277">
        <v>23</v>
      </c>
      <c r="AI26" s="282">
        <v>28</v>
      </c>
      <c r="AJ26" s="276">
        <v>0</v>
      </c>
      <c r="AK26" s="280">
        <v>0</v>
      </c>
      <c r="AL26" s="277">
        <v>0</v>
      </c>
      <c r="AM26" s="279">
        <v>0</v>
      </c>
      <c r="AN26" s="280">
        <v>1</v>
      </c>
      <c r="AO26" s="280">
        <v>2</v>
      </c>
      <c r="AP26" s="280">
        <v>1</v>
      </c>
      <c r="AQ26" s="280">
        <v>0</v>
      </c>
      <c r="AR26" s="280">
        <v>0</v>
      </c>
      <c r="AS26" s="277">
        <v>4</v>
      </c>
      <c r="AT26" s="282">
        <v>4</v>
      </c>
      <c r="AU26" s="276">
        <v>3</v>
      </c>
      <c r="AV26" s="280">
        <v>0</v>
      </c>
      <c r="AW26" s="277">
        <v>3</v>
      </c>
      <c r="AX26" s="279">
        <v>0</v>
      </c>
      <c r="AY26" s="280">
        <v>10</v>
      </c>
      <c r="AZ26" s="280">
        <v>7</v>
      </c>
      <c r="BA26" s="280">
        <v>12</v>
      </c>
      <c r="BB26" s="280">
        <v>5</v>
      </c>
      <c r="BC26" s="280">
        <v>9</v>
      </c>
      <c r="BD26" s="281">
        <v>43</v>
      </c>
      <c r="BE26" s="282">
        <v>46</v>
      </c>
      <c r="BF26" s="276">
        <v>0</v>
      </c>
      <c r="BG26" s="280">
        <v>0</v>
      </c>
      <c r="BH26" s="277">
        <v>0</v>
      </c>
      <c r="BI26" s="279">
        <v>0</v>
      </c>
      <c r="BJ26" s="280">
        <v>13</v>
      </c>
      <c r="BK26" s="280">
        <v>7</v>
      </c>
      <c r="BL26" s="280">
        <v>4</v>
      </c>
      <c r="BM26" s="280">
        <v>0</v>
      </c>
      <c r="BN26" s="280">
        <v>0</v>
      </c>
      <c r="BO26" s="277">
        <v>24</v>
      </c>
      <c r="BP26" s="282">
        <v>24</v>
      </c>
      <c r="BQ26" s="276">
        <v>2</v>
      </c>
      <c r="BR26" s="280">
        <v>1</v>
      </c>
      <c r="BS26" s="277">
        <v>3</v>
      </c>
      <c r="BT26" s="279">
        <v>0</v>
      </c>
      <c r="BU26" s="280">
        <v>0</v>
      </c>
      <c r="BV26" s="280">
        <v>2</v>
      </c>
      <c r="BW26" s="280">
        <v>4</v>
      </c>
      <c r="BX26" s="280">
        <v>0</v>
      </c>
      <c r="BY26" s="280">
        <v>0</v>
      </c>
      <c r="BZ26" s="277">
        <v>6</v>
      </c>
      <c r="CA26" s="282">
        <v>9</v>
      </c>
      <c r="CB26" s="276">
        <v>0</v>
      </c>
      <c r="CC26" s="280">
        <v>0</v>
      </c>
      <c r="CD26" s="277">
        <v>0</v>
      </c>
      <c r="CE26" s="279">
        <v>0</v>
      </c>
      <c r="CF26" s="280">
        <v>0</v>
      </c>
      <c r="CG26" s="280">
        <v>3</v>
      </c>
      <c r="CH26" s="280">
        <v>2</v>
      </c>
      <c r="CI26" s="280">
        <v>1</v>
      </c>
      <c r="CJ26" s="280">
        <v>0</v>
      </c>
      <c r="CK26" s="277">
        <v>6</v>
      </c>
      <c r="CL26" s="282">
        <v>6</v>
      </c>
      <c r="CM26" s="276">
        <v>0</v>
      </c>
      <c r="CN26" s="280">
        <v>0</v>
      </c>
      <c r="CO26" s="277">
        <v>0</v>
      </c>
      <c r="CP26" s="279">
        <v>0</v>
      </c>
      <c r="CQ26" s="280">
        <v>0</v>
      </c>
      <c r="CR26" s="280">
        <v>1</v>
      </c>
      <c r="CS26" s="280">
        <v>0</v>
      </c>
      <c r="CT26" s="280">
        <v>0</v>
      </c>
      <c r="CU26" s="280">
        <v>0</v>
      </c>
      <c r="CV26" s="277">
        <v>1</v>
      </c>
      <c r="CW26" s="282">
        <v>1</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2</v>
      </c>
      <c r="DU26" s="280">
        <v>5</v>
      </c>
      <c r="DV26" s="277">
        <v>17</v>
      </c>
      <c r="DW26" s="279">
        <v>0</v>
      </c>
      <c r="DX26" s="280">
        <v>11</v>
      </c>
      <c r="DY26" s="280">
        <v>19</v>
      </c>
      <c r="DZ26" s="280">
        <v>14</v>
      </c>
      <c r="EA26" s="280">
        <v>3</v>
      </c>
      <c r="EB26" s="280">
        <v>3</v>
      </c>
      <c r="EC26" s="277">
        <v>50</v>
      </c>
      <c r="ED26" s="282">
        <v>67</v>
      </c>
      <c r="EE26" s="276">
        <v>4</v>
      </c>
      <c r="EF26" s="280">
        <v>1</v>
      </c>
      <c r="EG26" s="277">
        <v>5</v>
      </c>
      <c r="EH26" s="279">
        <v>0</v>
      </c>
      <c r="EI26" s="280">
        <v>2</v>
      </c>
      <c r="EJ26" s="280">
        <v>4</v>
      </c>
      <c r="EK26" s="280">
        <v>2</v>
      </c>
      <c r="EL26" s="280">
        <v>4</v>
      </c>
      <c r="EM26" s="280">
        <v>3</v>
      </c>
      <c r="EN26" s="277">
        <v>15</v>
      </c>
      <c r="EO26" s="282">
        <v>20</v>
      </c>
      <c r="EP26" s="276">
        <v>15</v>
      </c>
      <c r="EQ26" s="280">
        <v>7</v>
      </c>
      <c r="ER26" s="277">
        <v>22</v>
      </c>
      <c r="ES26" s="279">
        <v>0</v>
      </c>
      <c r="ET26" s="280">
        <v>28</v>
      </c>
      <c r="EU26" s="280">
        <v>25</v>
      </c>
      <c r="EV26" s="280">
        <v>19</v>
      </c>
      <c r="EW26" s="280">
        <v>4</v>
      </c>
      <c r="EX26" s="280">
        <v>5</v>
      </c>
      <c r="EY26" s="277">
        <v>81</v>
      </c>
      <c r="EZ26" s="282">
        <v>103</v>
      </c>
    </row>
    <row r="27" spans="2:156" ht="21" customHeight="1" x14ac:dyDescent="0.2">
      <c r="B27" s="261" t="s">
        <v>25</v>
      </c>
      <c r="C27" s="276">
        <v>0</v>
      </c>
      <c r="D27" s="280">
        <v>0</v>
      </c>
      <c r="E27" s="376">
        <v>0</v>
      </c>
      <c r="F27" s="279">
        <v>0</v>
      </c>
      <c r="G27" s="280">
        <v>6</v>
      </c>
      <c r="H27" s="280">
        <v>3</v>
      </c>
      <c r="I27" s="280">
        <v>5</v>
      </c>
      <c r="J27" s="280">
        <v>1</v>
      </c>
      <c r="K27" s="280">
        <v>2</v>
      </c>
      <c r="L27" s="281">
        <v>17</v>
      </c>
      <c r="M27" s="282">
        <v>17</v>
      </c>
      <c r="N27" s="276">
        <v>0</v>
      </c>
      <c r="O27" s="280">
        <v>0</v>
      </c>
      <c r="P27" s="277">
        <v>0</v>
      </c>
      <c r="Q27" s="279">
        <v>0</v>
      </c>
      <c r="R27" s="280">
        <v>0</v>
      </c>
      <c r="S27" s="280">
        <v>1</v>
      </c>
      <c r="T27" s="280">
        <v>3</v>
      </c>
      <c r="U27" s="280">
        <v>1</v>
      </c>
      <c r="V27" s="280">
        <v>0</v>
      </c>
      <c r="W27" s="277">
        <v>5</v>
      </c>
      <c r="X27" s="282">
        <v>5</v>
      </c>
      <c r="Y27" s="276">
        <v>0</v>
      </c>
      <c r="Z27" s="280">
        <v>2</v>
      </c>
      <c r="AA27" s="277">
        <v>2</v>
      </c>
      <c r="AB27" s="279">
        <v>0</v>
      </c>
      <c r="AC27" s="280">
        <v>3</v>
      </c>
      <c r="AD27" s="280">
        <v>3</v>
      </c>
      <c r="AE27" s="280">
        <v>3</v>
      </c>
      <c r="AF27" s="280">
        <v>2</v>
      </c>
      <c r="AG27" s="280">
        <v>2</v>
      </c>
      <c r="AH27" s="277">
        <v>13</v>
      </c>
      <c r="AI27" s="282">
        <v>15</v>
      </c>
      <c r="AJ27" s="276">
        <v>0</v>
      </c>
      <c r="AK27" s="280">
        <v>2</v>
      </c>
      <c r="AL27" s="277">
        <v>2</v>
      </c>
      <c r="AM27" s="279">
        <v>0</v>
      </c>
      <c r="AN27" s="280">
        <v>0</v>
      </c>
      <c r="AO27" s="280">
        <v>0</v>
      </c>
      <c r="AP27" s="280">
        <v>1</v>
      </c>
      <c r="AQ27" s="280">
        <v>0</v>
      </c>
      <c r="AR27" s="280">
        <v>0</v>
      </c>
      <c r="AS27" s="277">
        <v>1</v>
      </c>
      <c r="AT27" s="282">
        <v>3</v>
      </c>
      <c r="AU27" s="276">
        <v>0</v>
      </c>
      <c r="AV27" s="280">
        <v>1</v>
      </c>
      <c r="AW27" s="277">
        <v>1</v>
      </c>
      <c r="AX27" s="279">
        <v>0</v>
      </c>
      <c r="AY27" s="280">
        <v>4</v>
      </c>
      <c r="AZ27" s="280">
        <v>3</v>
      </c>
      <c r="BA27" s="280">
        <v>4</v>
      </c>
      <c r="BB27" s="280">
        <v>3</v>
      </c>
      <c r="BC27" s="280">
        <v>4</v>
      </c>
      <c r="BD27" s="281">
        <v>18</v>
      </c>
      <c r="BE27" s="282">
        <v>19</v>
      </c>
      <c r="BF27" s="276">
        <v>0</v>
      </c>
      <c r="BG27" s="280">
        <v>0</v>
      </c>
      <c r="BH27" s="277">
        <v>0</v>
      </c>
      <c r="BI27" s="279">
        <v>0</v>
      </c>
      <c r="BJ27" s="280">
        <v>4</v>
      </c>
      <c r="BK27" s="280">
        <v>3</v>
      </c>
      <c r="BL27" s="280">
        <v>2</v>
      </c>
      <c r="BM27" s="280">
        <v>3</v>
      </c>
      <c r="BN27" s="280">
        <v>0</v>
      </c>
      <c r="BO27" s="277">
        <v>12</v>
      </c>
      <c r="BP27" s="282">
        <v>12</v>
      </c>
      <c r="BQ27" s="276">
        <v>4</v>
      </c>
      <c r="BR27" s="280">
        <v>1</v>
      </c>
      <c r="BS27" s="277">
        <v>5</v>
      </c>
      <c r="BT27" s="279">
        <v>0</v>
      </c>
      <c r="BU27" s="280">
        <v>1</v>
      </c>
      <c r="BV27" s="280">
        <v>5</v>
      </c>
      <c r="BW27" s="280">
        <v>4</v>
      </c>
      <c r="BX27" s="280">
        <v>0</v>
      </c>
      <c r="BY27" s="280">
        <v>1</v>
      </c>
      <c r="BZ27" s="277">
        <v>11</v>
      </c>
      <c r="CA27" s="282">
        <v>16</v>
      </c>
      <c r="CB27" s="276">
        <v>0</v>
      </c>
      <c r="CC27" s="280">
        <v>0</v>
      </c>
      <c r="CD27" s="277">
        <v>0</v>
      </c>
      <c r="CE27" s="279">
        <v>0</v>
      </c>
      <c r="CF27" s="280">
        <v>1</v>
      </c>
      <c r="CG27" s="280">
        <v>0</v>
      </c>
      <c r="CH27" s="280">
        <v>0</v>
      </c>
      <c r="CI27" s="280">
        <v>2</v>
      </c>
      <c r="CJ27" s="280">
        <v>0</v>
      </c>
      <c r="CK27" s="277">
        <v>3</v>
      </c>
      <c r="CL27" s="282">
        <v>3</v>
      </c>
      <c r="CM27" s="276">
        <v>0</v>
      </c>
      <c r="CN27" s="280">
        <v>0</v>
      </c>
      <c r="CO27" s="277">
        <v>0</v>
      </c>
      <c r="CP27" s="279">
        <v>0</v>
      </c>
      <c r="CQ27" s="280">
        <v>0</v>
      </c>
      <c r="CR27" s="280">
        <v>1</v>
      </c>
      <c r="CS27" s="280">
        <v>0</v>
      </c>
      <c r="CT27" s="280">
        <v>0</v>
      </c>
      <c r="CU27" s="280">
        <v>0</v>
      </c>
      <c r="CV27" s="277">
        <v>1</v>
      </c>
      <c r="CW27" s="282">
        <v>1</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6</v>
      </c>
      <c r="DU27" s="280">
        <v>10</v>
      </c>
      <c r="DV27" s="277">
        <v>16</v>
      </c>
      <c r="DW27" s="279">
        <v>0</v>
      </c>
      <c r="DX27" s="280">
        <v>3</v>
      </c>
      <c r="DY27" s="280">
        <v>10</v>
      </c>
      <c r="DZ27" s="280">
        <v>8</v>
      </c>
      <c r="EA27" s="280">
        <v>5</v>
      </c>
      <c r="EB27" s="280">
        <v>3</v>
      </c>
      <c r="EC27" s="277">
        <v>29</v>
      </c>
      <c r="ED27" s="282">
        <v>45</v>
      </c>
      <c r="EE27" s="276">
        <v>0</v>
      </c>
      <c r="EF27" s="280">
        <v>1</v>
      </c>
      <c r="EG27" s="277">
        <v>1</v>
      </c>
      <c r="EH27" s="279">
        <v>0</v>
      </c>
      <c r="EI27" s="280">
        <v>2</v>
      </c>
      <c r="EJ27" s="280">
        <v>1</v>
      </c>
      <c r="EK27" s="280">
        <v>1</v>
      </c>
      <c r="EL27" s="280">
        <v>2</v>
      </c>
      <c r="EM27" s="280">
        <v>1</v>
      </c>
      <c r="EN27" s="277">
        <v>7</v>
      </c>
      <c r="EO27" s="282">
        <v>8</v>
      </c>
      <c r="EP27" s="276">
        <v>8</v>
      </c>
      <c r="EQ27" s="280">
        <v>11</v>
      </c>
      <c r="ER27" s="277">
        <v>19</v>
      </c>
      <c r="ES27" s="279">
        <v>0</v>
      </c>
      <c r="ET27" s="280">
        <v>18</v>
      </c>
      <c r="EU27" s="280">
        <v>13</v>
      </c>
      <c r="EV27" s="280">
        <v>9</v>
      </c>
      <c r="EW27" s="280">
        <v>5</v>
      </c>
      <c r="EX27" s="280">
        <v>3</v>
      </c>
      <c r="EY27" s="277">
        <v>48</v>
      </c>
      <c r="EZ27" s="282">
        <v>67</v>
      </c>
    </row>
    <row r="28" spans="2:156" ht="21" customHeight="1" x14ac:dyDescent="0.2">
      <c r="B28" s="261" t="s">
        <v>26</v>
      </c>
      <c r="C28" s="276">
        <v>0</v>
      </c>
      <c r="D28" s="280">
        <v>0</v>
      </c>
      <c r="E28" s="376">
        <v>0</v>
      </c>
      <c r="F28" s="279">
        <v>0</v>
      </c>
      <c r="G28" s="280">
        <v>7</v>
      </c>
      <c r="H28" s="280">
        <v>6</v>
      </c>
      <c r="I28" s="280">
        <v>8</v>
      </c>
      <c r="J28" s="280">
        <v>1</v>
      </c>
      <c r="K28" s="280">
        <v>2</v>
      </c>
      <c r="L28" s="281">
        <v>24</v>
      </c>
      <c r="M28" s="282">
        <v>24</v>
      </c>
      <c r="N28" s="276">
        <v>0</v>
      </c>
      <c r="O28" s="280">
        <v>0</v>
      </c>
      <c r="P28" s="277">
        <v>0</v>
      </c>
      <c r="Q28" s="279">
        <v>0</v>
      </c>
      <c r="R28" s="280">
        <v>0</v>
      </c>
      <c r="S28" s="280">
        <v>0</v>
      </c>
      <c r="T28" s="280">
        <v>0</v>
      </c>
      <c r="U28" s="280">
        <v>1</v>
      </c>
      <c r="V28" s="280">
        <v>1</v>
      </c>
      <c r="W28" s="277">
        <v>2</v>
      </c>
      <c r="X28" s="282">
        <v>2</v>
      </c>
      <c r="Y28" s="276">
        <v>0</v>
      </c>
      <c r="Z28" s="280">
        <v>0</v>
      </c>
      <c r="AA28" s="277">
        <v>0</v>
      </c>
      <c r="AB28" s="279">
        <v>0</v>
      </c>
      <c r="AC28" s="280">
        <v>4</v>
      </c>
      <c r="AD28" s="280">
        <v>1</v>
      </c>
      <c r="AE28" s="280">
        <v>6</v>
      </c>
      <c r="AF28" s="280">
        <v>1</v>
      </c>
      <c r="AG28" s="280">
        <v>1</v>
      </c>
      <c r="AH28" s="277">
        <v>13</v>
      </c>
      <c r="AI28" s="282">
        <v>13</v>
      </c>
      <c r="AJ28" s="276">
        <v>0</v>
      </c>
      <c r="AK28" s="280">
        <v>0</v>
      </c>
      <c r="AL28" s="277">
        <v>0</v>
      </c>
      <c r="AM28" s="279">
        <v>0</v>
      </c>
      <c r="AN28" s="280">
        <v>0</v>
      </c>
      <c r="AO28" s="280">
        <v>0</v>
      </c>
      <c r="AP28" s="280">
        <v>0</v>
      </c>
      <c r="AQ28" s="280">
        <v>0</v>
      </c>
      <c r="AR28" s="280">
        <v>0</v>
      </c>
      <c r="AS28" s="277">
        <v>0</v>
      </c>
      <c r="AT28" s="282">
        <v>0</v>
      </c>
      <c r="AU28" s="276">
        <v>2</v>
      </c>
      <c r="AV28" s="280">
        <v>0</v>
      </c>
      <c r="AW28" s="277">
        <v>2</v>
      </c>
      <c r="AX28" s="279">
        <v>0</v>
      </c>
      <c r="AY28" s="280">
        <v>4</v>
      </c>
      <c r="AZ28" s="280">
        <v>6</v>
      </c>
      <c r="BA28" s="280">
        <v>6</v>
      </c>
      <c r="BB28" s="280">
        <v>2</v>
      </c>
      <c r="BC28" s="280">
        <v>2</v>
      </c>
      <c r="BD28" s="281">
        <v>20</v>
      </c>
      <c r="BE28" s="282">
        <v>22</v>
      </c>
      <c r="BF28" s="276">
        <v>0</v>
      </c>
      <c r="BG28" s="280">
        <v>0</v>
      </c>
      <c r="BH28" s="277">
        <v>0</v>
      </c>
      <c r="BI28" s="279">
        <v>0</v>
      </c>
      <c r="BJ28" s="280">
        <v>10</v>
      </c>
      <c r="BK28" s="280">
        <v>7</v>
      </c>
      <c r="BL28" s="280">
        <v>4</v>
      </c>
      <c r="BM28" s="280">
        <v>1</v>
      </c>
      <c r="BN28" s="280">
        <v>1</v>
      </c>
      <c r="BO28" s="277">
        <v>23</v>
      </c>
      <c r="BP28" s="282">
        <v>23</v>
      </c>
      <c r="BQ28" s="276">
        <v>1</v>
      </c>
      <c r="BR28" s="280">
        <v>0</v>
      </c>
      <c r="BS28" s="277">
        <v>1</v>
      </c>
      <c r="BT28" s="279">
        <v>0</v>
      </c>
      <c r="BU28" s="280">
        <v>2</v>
      </c>
      <c r="BV28" s="280">
        <v>2</v>
      </c>
      <c r="BW28" s="280">
        <v>1</v>
      </c>
      <c r="BX28" s="280">
        <v>0</v>
      </c>
      <c r="BY28" s="280">
        <v>0</v>
      </c>
      <c r="BZ28" s="277">
        <v>5</v>
      </c>
      <c r="CA28" s="282">
        <v>6</v>
      </c>
      <c r="CB28" s="276">
        <v>0</v>
      </c>
      <c r="CC28" s="280">
        <v>0</v>
      </c>
      <c r="CD28" s="277">
        <v>0</v>
      </c>
      <c r="CE28" s="279">
        <v>0</v>
      </c>
      <c r="CF28" s="280">
        <v>3</v>
      </c>
      <c r="CG28" s="280">
        <v>3</v>
      </c>
      <c r="CH28" s="280">
        <v>1</v>
      </c>
      <c r="CI28" s="280">
        <v>2</v>
      </c>
      <c r="CJ28" s="280">
        <v>0</v>
      </c>
      <c r="CK28" s="277">
        <v>9</v>
      </c>
      <c r="CL28" s="282">
        <v>9</v>
      </c>
      <c r="CM28" s="276">
        <v>0</v>
      </c>
      <c r="CN28" s="280">
        <v>0</v>
      </c>
      <c r="CO28" s="277">
        <v>0</v>
      </c>
      <c r="CP28" s="279">
        <v>0</v>
      </c>
      <c r="CQ28" s="280">
        <v>0</v>
      </c>
      <c r="CR28" s="280">
        <v>0</v>
      </c>
      <c r="CS28" s="280">
        <v>1</v>
      </c>
      <c r="CT28" s="280">
        <v>0</v>
      </c>
      <c r="CU28" s="280">
        <v>0</v>
      </c>
      <c r="CV28" s="277">
        <v>1</v>
      </c>
      <c r="CW28" s="282">
        <v>1</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3</v>
      </c>
      <c r="DU28" s="280">
        <v>4</v>
      </c>
      <c r="DV28" s="277">
        <v>7</v>
      </c>
      <c r="DW28" s="279">
        <v>0</v>
      </c>
      <c r="DX28" s="280">
        <v>11</v>
      </c>
      <c r="DY28" s="280">
        <v>16</v>
      </c>
      <c r="DZ28" s="280">
        <v>11</v>
      </c>
      <c r="EA28" s="280">
        <v>2</v>
      </c>
      <c r="EB28" s="280">
        <v>3</v>
      </c>
      <c r="EC28" s="277">
        <v>43</v>
      </c>
      <c r="ED28" s="282">
        <v>50</v>
      </c>
      <c r="EE28" s="276">
        <v>1</v>
      </c>
      <c r="EF28" s="280">
        <v>0</v>
      </c>
      <c r="EG28" s="277">
        <v>1</v>
      </c>
      <c r="EH28" s="279">
        <v>0</v>
      </c>
      <c r="EI28" s="280">
        <v>3</v>
      </c>
      <c r="EJ28" s="280">
        <v>1</v>
      </c>
      <c r="EK28" s="280">
        <v>0</v>
      </c>
      <c r="EL28" s="280">
        <v>0</v>
      </c>
      <c r="EM28" s="280">
        <v>0</v>
      </c>
      <c r="EN28" s="277">
        <v>4</v>
      </c>
      <c r="EO28" s="282">
        <v>5</v>
      </c>
      <c r="EP28" s="276">
        <v>4</v>
      </c>
      <c r="EQ28" s="280">
        <v>5</v>
      </c>
      <c r="ER28" s="277">
        <v>9</v>
      </c>
      <c r="ES28" s="279">
        <v>0</v>
      </c>
      <c r="ET28" s="280">
        <v>23</v>
      </c>
      <c r="EU28" s="280">
        <v>22</v>
      </c>
      <c r="EV28" s="280">
        <v>14</v>
      </c>
      <c r="EW28" s="280">
        <v>4</v>
      </c>
      <c r="EX28" s="280">
        <v>3</v>
      </c>
      <c r="EY28" s="277">
        <v>66</v>
      </c>
      <c r="EZ28" s="282">
        <v>75</v>
      </c>
    </row>
    <row r="29" spans="2:156" ht="21" customHeight="1" x14ac:dyDescent="0.2">
      <c r="B29" s="261" t="s">
        <v>27</v>
      </c>
      <c r="C29" s="276">
        <v>0</v>
      </c>
      <c r="D29" s="280">
        <v>0</v>
      </c>
      <c r="E29" s="376">
        <v>0</v>
      </c>
      <c r="F29" s="279">
        <v>0</v>
      </c>
      <c r="G29" s="280">
        <v>4</v>
      </c>
      <c r="H29" s="280">
        <v>6</v>
      </c>
      <c r="I29" s="280">
        <v>4</v>
      </c>
      <c r="J29" s="280">
        <v>4</v>
      </c>
      <c r="K29" s="280">
        <v>2</v>
      </c>
      <c r="L29" s="281">
        <v>20</v>
      </c>
      <c r="M29" s="282">
        <v>20</v>
      </c>
      <c r="N29" s="276">
        <v>0</v>
      </c>
      <c r="O29" s="280">
        <v>0</v>
      </c>
      <c r="P29" s="277">
        <v>0</v>
      </c>
      <c r="Q29" s="279">
        <v>0</v>
      </c>
      <c r="R29" s="280">
        <v>0</v>
      </c>
      <c r="S29" s="280">
        <v>0</v>
      </c>
      <c r="T29" s="280">
        <v>0</v>
      </c>
      <c r="U29" s="280">
        <v>1</v>
      </c>
      <c r="V29" s="280">
        <v>1</v>
      </c>
      <c r="W29" s="277">
        <v>2</v>
      </c>
      <c r="X29" s="282">
        <v>2</v>
      </c>
      <c r="Y29" s="276">
        <v>1</v>
      </c>
      <c r="Z29" s="280">
        <v>5</v>
      </c>
      <c r="AA29" s="277">
        <v>6</v>
      </c>
      <c r="AB29" s="279">
        <v>0</v>
      </c>
      <c r="AC29" s="280">
        <v>4</v>
      </c>
      <c r="AD29" s="280">
        <v>3</v>
      </c>
      <c r="AE29" s="280">
        <v>5</v>
      </c>
      <c r="AF29" s="280">
        <v>4</v>
      </c>
      <c r="AG29" s="280">
        <v>3</v>
      </c>
      <c r="AH29" s="277">
        <v>19</v>
      </c>
      <c r="AI29" s="282">
        <v>25</v>
      </c>
      <c r="AJ29" s="276">
        <v>0</v>
      </c>
      <c r="AK29" s="280">
        <v>0</v>
      </c>
      <c r="AL29" s="277">
        <v>0</v>
      </c>
      <c r="AM29" s="279">
        <v>0</v>
      </c>
      <c r="AN29" s="280">
        <v>0</v>
      </c>
      <c r="AO29" s="280">
        <v>1</v>
      </c>
      <c r="AP29" s="280">
        <v>0</v>
      </c>
      <c r="AQ29" s="280">
        <v>0</v>
      </c>
      <c r="AR29" s="280">
        <v>0</v>
      </c>
      <c r="AS29" s="277">
        <v>1</v>
      </c>
      <c r="AT29" s="282">
        <v>1</v>
      </c>
      <c r="AU29" s="276">
        <v>1</v>
      </c>
      <c r="AV29" s="280">
        <v>1</v>
      </c>
      <c r="AW29" s="277">
        <v>2</v>
      </c>
      <c r="AX29" s="279">
        <v>0</v>
      </c>
      <c r="AY29" s="280">
        <v>3</v>
      </c>
      <c r="AZ29" s="280">
        <v>5</v>
      </c>
      <c r="BA29" s="280">
        <v>6</v>
      </c>
      <c r="BB29" s="280">
        <v>6</v>
      </c>
      <c r="BC29" s="280">
        <v>3</v>
      </c>
      <c r="BD29" s="281">
        <v>23</v>
      </c>
      <c r="BE29" s="282">
        <v>25</v>
      </c>
      <c r="BF29" s="276">
        <v>0</v>
      </c>
      <c r="BG29" s="280">
        <v>0</v>
      </c>
      <c r="BH29" s="277">
        <v>0</v>
      </c>
      <c r="BI29" s="279">
        <v>0</v>
      </c>
      <c r="BJ29" s="280">
        <v>9</v>
      </c>
      <c r="BK29" s="280">
        <v>5</v>
      </c>
      <c r="BL29" s="280">
        <v>8</v>
      </c>
      <c r="BM29" s="280">
        <v>5</v>
      </c>
      <c r="BN29" s="280">
        <v>0</v>
      </c>
      <c r="BO29" s="277">
        <v>27</v>
      </c>
      <c r="BP29" s="282">
        <v>27</v>
      </c>
      <c r="BQ29" s="276">
        <v>0</v>
      </c>
      <c r="BR29" s="280">
        <v>2</v>
      </c>
      <c r="BS29" s="277">
        <v>2</v>
      </c>
      <c r="BT29" s="279">
        <v>0</v>
      </c>
      <c r="BU29" s="280">
        <v>1</v>
      </c>
      <c r="BV29" s="280">
        <v>5</v>
      </c>
      <c r="BW29" s="280">
        <v>1</v>
      </c>
      <c r="BX29" s="280">
        <v>0</v>
      </c>
      <c r="BY29" s="280">
        <v>0</v>
      </c>
      <c r="BZ29" s="277">
        <v>7</v>
      </c>
      <c r="CA29" s="282">
        <v>9</v>
      </c>
      <c r="CB29" s="276">
        <v>1</v>
      </c>
      <c r="CC29" s="280">
        <v>1</v>
      </c>
      <c r="CD29" s="277">
        <v>2</v>
      </c>
      <c r="CE29" s="279">
        <v>0</v>
      </c>
      <c r="CF29" s="280">
        <v>1</v>
      </c>
      <c r="CG29" s="280">
        <v>0</v>
      </c>
      <c r="CH29" s="280">
        <v>4</v>
      </c>
      <c r="CI29" s="280">
        <v>0</v>
      </c>
      <c r="CJ29" s="280">
        <v>1</v>
      </c>
      <c r="CK29" s="277">
        <v>6</v>
      </c>
      <c r="CL29" s="282">
        <v>8</v>
      </c>
      <c r="CM29" s="276">
        <v>0</v>
      </c>
      <c r="CN29" s="280">
        <v>0</v>
      </c>
      <c r="CO29" s="277">
        <v>0</v>
      </c>
      <c r="CP29" s="279">
        <v>0</v>
      </c>
      <c r="CQ29" s="280">
        <v>1</v>
      </c>
      <c r="CR29" s="280">
        <v>0</v>
      </c>
      <c r="CS29" s="280">
        <v>1</v>
      </c>
      <c r="CT29" s="280">
        <v>0</v>
      </c>
      <c r="CU29" s="280">
        <v>0</v>
      </c>
      <c r="CV29" s="277">
        <v>2</v>
      </c>
      <c r="CW29" s="282">
        <v>2</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4</v>
      </c>
      <c r="DU29" s="280">
        <v>17</v>
      </c>
      <c r="DV29" s="277">
        <v>21</v>
      </c>
      <c r="DW29" s="279">
        <v>0</v>
      </c>
      <c r="DX29" s="280">
        <v>5</v>
      </c>
      <c r="DY29" s="280">
        <v>13</v>
      </c>
      <c r="DZ29" s="280">
        <v>12</v>
      </c>
      <c r="EA29" s="280">
        <v>7</v>
      </c>
      <c r="EB29" s="280">
        <v>3</v>
      </c>
      <c r="EC29" s="277">
        <v>40</v>
      </c>
      <c r="ED29" s="282">
        <v>61</v>
      </c>
      <c r="EE29" s="276">
        <v>1</v>
      </c>
      <c r="EF29" s="280">
        <v>0</v>
      </c>
      <c r="EG29" s="277">
        <v>1</v>
      </c>
      <c r="EH29" s="279">
        <v>0</v>
      </c>
      <c r="EI29" s="280">
        <v>3</v>
      </c>
      <c r="EJ29" s="280">
        <v>0</v>
      </c>
      <c r="EK29" s="280">
        <v>0</v>
      </c>
      <c r="EL29" s="280">
        <v>3</v>
      </c>
      <c r="EM29" s="280">
        <v>1</v>
      </c>
      <c r="EN29" s="277">
        <v>7</v>
      </c>
      <c r="EO29" s="282">
        <v>8</v>
      </c>
      <c r="EP29" s="276">
        <v>4</v>
      </c>
      <c r="EQ29" s="280">
        <v>20</v>
      </c>
      <c r="ER29" s="277">
        <v>24</v>
      </c>
      <c r="ES29" s="279">
        <v>0</v>
      </c>
      <c r="ET29" s="280">
        <v>14</v>
      </c>
      <c r="EU29" s="280">
        <v>13</v>
      </c>
      <c r="EV29" s="280">
        <v>13</v>
      </c>
      <c r="EW29" s="280">
        <v>8</v>
      </c>
      <c r="EX29" s="280">
        <v>3</v>
      </c>
      <c r="EY29" s="277">
        <v>51</v>
      </c>
      <c r="EZ29" s="282">
        <v>75</v>
      </c>
    </row>
    <row r="30" spans="2:156" ht="21" customHeight="1" x14ac:dyDescent="0.2">
      <c r="B30" s="261" t="s">
        <v>28</v>
      </c>
      <c r="C30" s="276">
        <v>0</v>
      </c>
      <c r="D30" s="280">
        <v>0</v>
      </c>
      <c r="E30" s="376">
        <v>0</v>
      </c>
      <c r="F30" s="279">
        <v>0</v>
      </c>
      <c r="G30" s="280">
        <v>1</v>
      </c>
      <c r="H30" s="280">
        <v>0</v>
      </c>
      <c r="I30" s="280">
        <v>0</v>
      </c>
      <c r="J30" s="280">
        <v>1</v>
      </c>
      <c r="K30" s="280">
        <v>0</v>
      </c>
      <c r="L30" s="281">
        <v>2</v>
      </c>
      <c r="M30" s="282">
        <v>2</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2</v>
      </c>
      <c r="AE30" s="280">
        <v>0</v>
      </c>
      <c r="AF30" s="280">
        <v>1</v>
      </c>
      <c r="AG30" s="280">
        <v>0</v>
      </c>
      <c r="AH30" s="277">
        <v>3</v>
      </c>
      <c r="AI30" s="282">
        <v>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1</v>
      </c>
      <c r="AZ30" s="280">
        <v>3</v>
      </c>
      <c r="BA30" s="280">
        <v>0</v>
      </c>
      <c r="BB30" s="280">
        <v>1</v>
      </c>
      <c r="BC30" s="280">
        <v>2</v>
      </c>
      <c r="BD30" s="281">
        <v>7</v>
      </c>
      <c r="BE30" s="282">
        <v>7</v>
      </c>
      <c r="BF30" s="276">
        <v>0</v>
      </c>
      <c r="BG30" s="280">
        <v>0</v>
      </c>
      <c r="BH30" s="277">
        <v>0</v>
      </c>
      <c r="BI30" s="279">
        <v>0</v>
      </c>
      <c r="BJ30" s="280">
        <v>2</v>
      </c>
      <c r="BK30" s="280">
        <v>1</v>
      </c>
      <c r="BL30" s="280">
        <v>0</v>
      </c>
      <c r="BM30" s="280">
        <v>0</v>
      </c>
      <c r="BN30" s="280">
        <v>0</v>
      </c>
      <c r="BO30" s="277">
        <v>3</v>
      </c>
      <c r="BP30" s="282">
        <v>3</v>
      </c>
      <c r="BQ30" s="276">
        <v>0</v>
      </c>
      <c r="BR30" s="280">
        <v>1</v>
      </c>
      <c r="BS30" s="277">
        <v>1</v>
      </c>
      <c r="BT30" s="279">
        <v>0</v>
      </c>
      <c r="BU30" s="280">
        <v>0</v>
      </c>
      <c r="BV30" s="280">
        <v>0</v>
      </c>
      <c r="BW30" s="280">
        <v>0</v>
      </c>
      <c r="BX30" s="280">
        <v>0</v>
      </c>
      <c r="BY30" s="280">
        <v>0</v>
      </c>
      <c r="BZ30" s="277">
        <v>0</v>
      </c>
      <c r="CA30" s="282">
        <v>1</v>
      </c>
      <c r="CB30" s="276">
        <v>0</v>
      </c>
      <c r="CC30" s="280">
        <v>0</v>
      </c>
      <c r="CD30" s="277">
        <v>0</v>
      </c>
      <c r="CE30" s="279">
        <v>0</v>
      </c>
      <c r="CF30" s="280">
        <v>0</v>
      </c>
      <c r="CG30" s="280">
        <v>0</v>
      </c>
      <c r="CH30" s="280">
        <v>0</v>
      </c>
      <c r="CI30" s="280">
        <v>0</v>
      </c>
      <c r="CJ30" s="280">
        <v>1</v>
      </c>
      <c r="CK30" s="277">
        <v>1</v>
      </c>
      <c r="CL30" s="282">
        <v>1</v>
      </c>
      <c r="CM30" s="276">
        <v>0</v>
      </c>
      <c r="CN30" s="280">
        <v>0</v>
      </c>
      <c r="CO30" s="277">
        <v>0</v>
      </c>
      <c r="CP30" s="279">
        <v>0</v>
      </c>
      <c r="CQ30" s="280">
        <v>0</v>
      </c>
      <c r="CR30" s="280">
        <v>0</v>
      </c>
      <c r="CS30" s="280">
        <v>1</v>
      </c>
      <c r="CT30" s="280">
        <v>0</v>
      </c>
      <c r="CU30" s="280">
        <v>0</v>
      </c>
      <c r="CV30" s="277">
        <v>1</v>
      </c>
      <c r="CW30" s="282">
        <v>1</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0</v>
      </c>
      <c r="DU30" s="280">
        <v>1</v>
      </c>
      <c r="DV30" s="277">
        <v>1</v>
      </c>
      <c r="DW30" s="279">
        <v>0</v>
      </c>
      <c r="DX30" s="280">
        <v>1</v>
      </c>
      <c r="DY30" s="280">
        <v>5</v>
      </c>
      <c r="DZ30" s="280">
        <v>1</v>
      </c>
      <c r="EA30" s="280">
        <v>0</v>
      </c>
      <c r="EB30" s="280">
        <v>0</v>
      </c>
      <c r="EC30" s="277">
        <v>7</v>
      </c>
      <c r="ED30" s="282">
        <v>8</v>
      </c>
      <c r="EE30" s="276">
        <v>0</v>
      </c>
      <c r="EF30" s="280">
        <v>0</v>
      </c>
      <c r="EG30" s="277">
        <v>0</v>
      </c>
      <c r="EH30" s="279">
        <v>0</v>
      </c>
      <c r="EI30" s="280">
        <v>1</v>
      </c>
      <c r="EJ30" s="280">
        <v>0</v>
      </c>
      <c r="EK30" s="280">
        <v>0</v>
      </c>
      <c r="EL30" s="280">
        <v>1</v>
      </c>
      <c r="EM30" s="280">
        <v>0</v>
      </c>
      <c r="EN30" s="277">
        <v>2</v>
      </c>
      <c r="EO30" s="282">
        <v>2</v>
      </c>
      <c r="EP30" s="276">
        <v>0</v>
      </c>
      <c r="EQ30" s="280">
        <v>1</v>
      </c>
      <c r="ER30" s="277">
        <v>1</v>
      </c>
      <c r="ES30" s="279">
        <v>0</v>
      </c>
      <c r="ET30" s="280">
        <v>7</v>
      </c>
      <c r="EU30" s="280">
        <v>5</v>
      </c>
      <c r="EV30" s="280">
        <v>2</v>
      </c>
      <c r="EW30" s="280">
        <v>1</v>
      </c>
      <c r="EX30" s="280">
        <v>1</v>
      </c>
      <c r="EY30" s="277">
        <v>16</v>
      </c>
      <c r="EZ30" s="282">
        <v>17</v>
      </c>
    </row>
    <row r="31" spans="2:156" ht="21" customHeight="1" x14ac:dyDescent="0.2">
      <c r="B31" s="261" t="s">
        <v>29</v>
      </c>
      <c r="C31" s="276">
        <v>0</v>
      </c>
      <c r="D31" s="280">
        <v>0</v>
      </c>
      <c r="E31" s="376">
        <v>0</v>
      </c>
      <c r="F31" s="279">
        <v>0</v>
      </c>
      <c r="G31" s="280">
        <v>0</v>
      </c>
      <c r="H31" s="280">
        <v>2</v>
      </c>
      <c r="I31" s="280">
        <v>0</v>
      </c>
      <c r="J31" s="280">
        <v>1</v>
      </c>
      <c r="K31" s="280">
        <v>0</v>
      </c>
      <c r="L31" s="281">
        <v>3</v>
      </c>
      <c r="M31" s="282">
        <v>3</v>
      </c>
      <c r="N31" s="276">
        <v>0</v>
      </c>
      <c r="O31" s="280">
        <v>0</v>
      </c>
      <c r="P31" s="277">
        <v>0</v>
      </c>
      <c r="Q31" s="279">
        <v>0</v>
      </c>
      <c r="R31" s="280">
        <v>0</v>
      </c>
      <c r="S31" s="280">
        <v>0</v>
      </c>
      <c r="T31" s="280">
        <v>0</v>
      </c>
      <c r="U31" s="280">
        <v>0</v>
      </c>
      <c r="V31" s="280">
        <v>1</v>
      </c>
      <c r="W31" s="277">
        <v>1</v>
      </c>
      <c r="X31" s="282">
        <v>1</v>
      </c>
      <c r="Y31" s="276">
        <v>0</v>
      </c>
      <c r="Z31" s="280">
        <v>1</v>
      </c>
      <c r="AA31" s="277">
        <v>1</v>
      </c>
      <c r="AB31" s="279">
        <v>0</v>
      </c>
      <c r="AC31" s="280">
        <v>0</v>
      </c>
      <c r="AD31" s="280">
        <v>1</v>
      </c>
      <c r="AE31" s="280">
        <v>0</v>
      </c>
      <c r="AF31" s="280">
        <v>0</v>
      </c>
      <c r="AG31" s="280">
        <v>0</v>
      </c>
      <c r="AH31" s="277">
        <v>1</v>
      </c>
      <c r="AI31" s="282">
        <v>2</v>
      </c>
      <c r="AJ31" s="276">
        <v>0</v>
      </c>
      <c r="AK31" s="280">
        <v>0</v>
      </c>
      <c r="AL31" s="277">
        <v>0</v>
      </c>
      <c r="AM31" s="279">
        <v>0</v>
      </c>
      <c r="AN31" s="280">
        <v>0</v>
      </c>
      <c r="AO31" s="280">
        <v>1</v>
      </c>
      <c r="AP31" s="280">
        <v>0</v>
      </c>
      <c r="AQ31" s="280">
        <v>0</v>
      </c>
      <c r="AR31" s="280">
        <v>0</v>
      </c>
      <c r="AS31" s="277">
        <v>1</v>
      </c>
      <c r="AT31" s="282">
        <v>1</v>
      </c>
      <c r="AU31" s="276">
        <v>0</v>
      </c>
      <c r="AV31" s="280">
        <v>0</v>
      </c>
      <c r="AW31" s="277">
        <v>0</v>
      </c>
      <c r="AX31" s="279">
        <v>0</v>
      </c>
      <c r="AY31" s="280">
        <v>0</v>
      </c>
      <c r="AZ31" s="280">
        <v>3</v>
      </c>
      <c r="BA31" s="280">
        <v>1</v>
      </c>
      <c r="BB31" s="280">
        <v>1</v>
      </c>
      <c r="BC31" s="280">
        <v>1</v>
      </c>
      <c r="BD31" s="281">
        <v>6</v>
      </c>
      <c r="BE31" s="282">
        <v>6</v>
      </c>
      <c r="BF31" s="276">
        <v>0</v>
      </c>
      <c r="BG31" s="280">
        <v>0</v>
      </c>
      <c r="BH31" s="277">
        <v>0</v>
      </c>
      <c r="BI31" s="279">
        <v>0</v>
      </c>
      <c r="BJ31" s="280">
        <v>4</v>
      </c>
      <c r="BK31" s="280">
        <v>6</v>
      </c>
      <c r="BL31" s="280">
        <v>1</v>
      </c>
      <c r="BM31" s="280">
        <v>0</v>
      </c>
      <c r="BN31" s="280">
        <v>0</v>
      </c>
      <c r="BO31" s="277">
        <v>11</v>
      </c>
      <c r="BP31" s="282">
        <v>11</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1</v>
      </c>
      <c r="CG31" s="280">
        <v>0</v>
      </c>
      <c r="CH31" s="280">
        <v>1</v>
      </c>
      <c r="CI31" s="280">
        <v>0</v>
      </c>
      <c r="CJ31" s="280">
        <v>1</v>
      </c>
      <c r="CK31" s="277">
        <v>3</v>
      </c>
      <c r="CL31" s="282">
        <v>3</v>
      </c>
      <c r="CM31" s="276">
        <v>0</v>
      </c>
      <c r="CN31" s="280">
        <v>0</v>
      </c>
      <c r="CO31" s="277">
        <v>0</v>
      </c>
      <c r="CP31" s="279">
        <v>0</v>
      </c>
      <c r="CQ31" s="280">
        <v>0</v>
      </c>
      <c r="CR31" s="280">
        <v>0</v>
      </c>
      <c r="CS31" s="280">
        <v>0</v>
      </c>
      <c r="CT31" s="280">
        <v>0</v>
      </c>
      <c r="CU31" s="280">
        <v>1</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0</v>
      </c>
      <c r="DV31" s="277">
        <v>2</v>
      </c>
      <c r="DW31" s="279">
        <v>0</v>
      </c>
      <c r="DX31" s="280">
        <v>2</v>
      </c>
      <c r="DY31" s="280">
        <v>6</v>
      </c>
      <c r="DZ31" s="280">
        <v>1</v>
      </c>
      <c r="EA31" s="280">
        <v>1</v>
      </c>
      <c r="EB31" s="280">
        <v>1</v>
      </c>
      <c r="EC31" s="277">
        <v>11</v>
      </c>
      <c r="ED31" s="282">
        <v>13</v>
      </c>
      <c r="EE31" s="276">
        <v>1</v>
      </c>
      <c r="EF31" s="280">
        <v>0</v>
      </c>
      <c r="EG31" s="277">
        <v>1</v>
      </c>
      <c r="EH31" s="279">
        <v>0</v>
      </c>
      <c r="EI31" s="280">
        <v>0</v>
      </c>
      <c r="EJ31" s="280">
        <v>1</v>
      </c>
      <c r="EK31" s="280">
        <v>0</v>
      </c>
      <c r="EL31" s="280">
        <v>1</v>
      </c>
      <c r="EM31" s="280">
        <v>0</v>
      </c>
      <c r="EN31" s="277">
        <v>2</v>
      </c>
      <c r="EO31" s="282">
        <v>3</v>
      </c>
      <c r="EP31" s="276">
        <v>3</v>
      </c>
      <c r="EQ31" s="280">
        <v>1</v>
      </c>
      <c r="ER31" s="277">
        <v>4</v>
      </c>
      <c r="ES31" s="279">
        <v>0</v>
      </c>
      <c r="ET31" s="280">
        <v>5</v>
      </c>
      <c r="EU31" s="280">
        <v>7</v>
      </c>
      <c r="EV31" s="280">
        <v>1</v>
      </c>
      <c r="EW31" s="280">
        <v>2</v>
      </c>
      <c r="EX31" s="280">
        <v>1</v>
      </c>
      <c r="EY31" s="277">
        <v>16</v>
      </c>
      <c r="EZ31" s="282">
        <v>20</v>
      </c>
    </row>
    <row r="32" spans="2:156" ht="21" customHeight="1" x14ac:dyDescent="0.2">
      <c r="B32" s="261" t="s">
        <v>30</v>
      </c>
      <c r="C32" s="276">
        <v>0</v>
      </c>
      <c r="D32" s="280">
        <v>0</v>
      </c>
      <c r="E32" s="376">
        <v>0</v>
      </c>
      <c r="F32" s="279">
        <v>0</v>
      </c>
      <c r="G32" s="280">
        <v>2</v>
      </c>
      <c r="H32" s="280">
        <v>1</v>
      </c>
      <c r="I32" s="280">
        <v>1</v>
      </c>
      <c r="J32" s="280">
        <v>1</v>
      </c>
      <c r="K32" s="280">
        <v>1</v>
      </c>
      <c r="L32" s="281">
        <v>6</v>
      </c>
      <c r="M32" s="282">
        <v>6</v>
      </c>
      <c r="N32" s="276">
        <v>0</v>
      </c>
      <c r="O32" s="280">
        <v>0</v>
      </c>
      <c r="P32" s="277">
        <v>0</v>
      </c>
      <c r="Q32" s="279">
        <v>0</v>
      </c>
      <c r="R32" s="280">
        <v>0</v>
      </c>
      <c r="S32" s="280">
        <v>0</v>
      </c>
      <c r="T32" s="280">
        <v>0</v>
      </c>
      <c r="U32" s="280">
        <v>0</v>
      </c>
      <c r="V32" s="280">
        <v>0</v>
      </c>
      <c r="W32" s="277">
        <v>0</v>
      </c>
      <c r="X32" s="282">
        <v>0</v>
      </c>
      <c r="Y32" s="276">
        <v>0</v>
      </c>
      <c r="Z32" s="280">
        <v>1</v>
      </c>
      <c r="AA32" s="277">
        <v>1</v>
      </c>
      <c r="AB32" s="279">
        <v>0</v>
      </c>
      <c r="AC32" s="280">
        <v>2</v>
      </c>
      <c r="AD32" s="280">
        <v>0</v>
      </c>
      <c r="AE32" s="280">
        <v>1</v>
      </c>
      <c r="AF32" s="280">
        <v>1</v>
      </c>
      <c r="AG32" s="280">
        <v>1</v>
      </c>
      <c r="AH32" s="277">
        <v>5</v>
      </c>
      <c r="AI32" s="282">
        <v>6</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0</v>
      </c>
      <c r="BA32" s="280">
        <v>1</v>
      </c>
      <c r="BB32" s="280">
        <v>2</v>
      </c>
      <c r="BC32" s="280">
        <v>0</v>
      </c>
      <c r="BD32" s="281">
        <v>5</v>
      </c>
      <c r="BE32" s="282">
        <v>5</v>
      </c>
      <c r="BF32" s="276">
        <v>0</v>
      </c>
      <c r="BG32" s="280">
        <v>0</v>
      </c>
      <c r="BH32" s="277">
        <v>0</v>
      </c>
      <c r="BI32" s="279">
        <v>0</v>
      </c>
      <c r="BJ32" s="280">
        <v>2</v>
      </c>
      <c r="BK32" s="280">
        <v>1</v>
      </c>
      <c r="BL32" s="280">
        <v>0</v>
      </c>
      <c r="BM32" s="280">
        <v>1</v>
      </c>
      <c r="BN32" s="280">
        <v>0</v>
      </c>
      <c r="BO32" s="277">
        <v>4</v>
      </c>
      <c r="BP32" s="282">
        <v>4</v>
      </c>
      <c r="BQ32" s="276">
        <v>1</v>
      </c>
      <c r="BR32" s="280">
        <v>0</v>
      </c>
      <c r="BS32" s="277">
        <v>1</v>
      </c>
      <c r="BT32" s="279">
        <v>0</v>
      </c>
      <c r="BU32" s="280">
        <v>0</v>
      </c>
      <c r="BV32" s="280">
        <v>0</v>
      </c>
      <c r="BW32" s="280">
        <v>2</v>
      </c>
      <c r="BX32" s="280">
        <v>0</v>
      </c>
      <c r="BY32" s="280">
        <v>0</v>
      </c>
      <c r="BZ32" s="277">
        <v>2</v>
      </c>
      <c r="CA32" s="282">
        <v>3</v>
      </c>
      <c r="CB32" s="276">
        <v>0</v>
      </c>
      <c r="CC32" s="280">
        <v>0</v>
      </c>
      <c r="CD32" s="277">
        <v>0</v>
      </c>
      <c r="CE32" s="279">
        <v>0</v>
      </c>
      <c r="CF32" s="280">
        <v>0</v>
      </c>
      <c r="CG32" s="280">
        <v>0</v>
      </c>
      <c r="CH32" s="280">
        <v>1</v>
      </c>
      <c r="CI32" s="280">
        <v>1</v>
      </c>
      <c r="CJ32" s="280">
        <v>0</v>
      </c>
      <c r="CK32" s="277">
        <v>2</v>
      </c>
      <c r="CL32" s="282">
        <v>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2</v>
      </c>
      <c r="DV32" s="277">
        <v>2</v>
      </c>
      <c r="DW32" s="279">
        <v>0</v>
      </c>
      <c r="DX32" s="280">
        <v>2</v>
      </c>
      <c r="DY32" s="280">
        <v>1</v>
      </c>
      <c r="DZ32" s="280">
        <v>4</v>
      </c>
      <c r="EA32" s="280">
        <v>1</v>
      </c>
      <c r="EB32" s="280">
        <v>1</v>
      </c>
      <c r="EC32" s="277">
        <v>9</v>
      </c>
      <c r="ED32" s="282">
        <v>11</v>
      </c>
      <c r="EE32" s="276">
        <v>0</v>
      </c>
      <c r="EF32" s="280">
        <v>0</v>
      </c>
      <c r="EG32" s="277">
        <v>0</v>
      </c>
      <c r="EH32" s="279">
        <v>0</v>
      </c>
      <c r="EI32" s="280">
        <v>1</v>
      </c>
      <c r="EJ32" s="280">
        <v>0</v>
      </c>
      <c r="EK32" s="280">
        <v>0</v>
      </c>
      <c r="EL32" s="280">
        <v>0</v>
      </c>
      <c r="EM32" s="280">
        <v>0</v>
      </c>
      <c r="EN32" s="277">
        <v>1</v>
      </c>
      <c r="EO32" s="282">
        <v>1</v>
      </c>
      <c r="EP32" s="276">
        <v>3</v>
      </c>
      <c r="EQ32" s="280">
        <v>3</v>
      </c>
      <c r="ER32" s="277">
        <v>6</v>
      </c>
      <c r="ES32" s="279">
        <v>0</v>
      </c>
      <c r="ET32" s="280">
        <v>5</v>
      </c>
      <c r="EU32" s="280">
        <v>1</v>
      </c>
      <c r="EV32" s="280">
        <v>4</v>
      </c>
      <c r="EW32" s="280">
        <v>1</v>
      </c>
      <c r="EX32" s="280">
        <v>1</v>
      </c>
      <c r="EY32" s="277">
        <v>12</v>
      </c>
      <c r="EZ32" s="282">
        <v>18</v>
      </c>
    </row>
    <row r="33" spans="2:156" ht="21" customHeight="1" x14ac:dyDescent="0.2">
      <c r="B33" s="261" t="s">
        <v>31</v>
      </c>
      <c r="C33" s="276">
        <v>0</v>
      </c>
      <c r="D33" s="280">
        <v>0</v>
      </c>
      <c r="E33" s="376">
        <v>0</v>
      </c>
      <c r="F33" s="279">
        <v>0</v>
      </c>
      <c r="G33" s="280">
        <v>1</v>
      </c>
      <c r="H33" s="280">
        <v>0</v>
      </c>
      <c r="I33" s="280">
        <v>1</v>
      </c>
      <c r="J33" s="280">
        <v>0</v>
      </c>
      <c r="K33" s="280">
        <v>0</v>
      </c>
      <c r="L33" s="281">
        <v>2</v>
      </c>
      <c r="M33" s="282">
        <v>2</v>
      </c>
      <c r="N33" s="276">
        <v>0</v>
      </c>
      <c r="O33" s="280">
        <v>0</v>
      </c>
      <c r="P33" s="277">
        <v>0</v>
      </c>
      <c r="Q33" s="279">
        <v>0</v>
      </c>
      <c r="R33" s="280">
        <v>0</v>
      </c>
      <c r="S33" s="280">
        <v>1</v>
      </c>
      <c r="T33" s="280">
        <v>1</v>
      </c>
      <c r="U33" s="280">
        <v>0</v>
      </c>
      <c r="V33" s="280">
        <v>0</v>
      </c>
      <c r="W33" s="277">
        <v>2</v>
      </c>
      <c r="X33" s="282">
        <v>2</v>
      </c>
      <c r="Y33" s="276">
        <v>1</v>
      </c>
      <c r="Z33" s="280">
        <v>0</v>
      </c>
      <c r="AA33" s="277">
        <v>1</v>
      </c>
      <c r="AB33" s="279">
        <v>0</v>
      </c>
      <c r="AC33" s="280">
        <v>0</v>
      </c>
      <c r="AD33" s="280">
        <v>1</v>
      </c>
      <c r="AE33" s="280">
        <v>2</v>
      </c>
      <c r="AF33" s="280">
        <v>1</v>
      </c>
      <c r="AG33" s="280">
        <v>0</v>
      </c>
      <c r="AH33" s="277">
        <v>4</v>
      </c>
      <c r="AI33" s="282">
        <v>5</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0</v>
      </c>
      <c r="BA33" s="280">
        <v>1</v>
      </c>
      <c r="BB33" s="280">
        <v>2</v>
      </c>
      <c r="BC33" s="280">
        <v>1</v>
      </c>
      <c r="BD33" s="281">
        <v>4</v>
      </c>
      <c r="BE33" s="282">
        <v>4</v>
      </c>
      <c r="BF33" s="276">
        <v>0</v>
      </c>
      <c r="BG33" s="280">
        <v>0</v>
      </c>
      <c r="BH33" s="277">
        <v>0</v>
      </c>
      <c r="BI33" s="279">
        <v>0</v>
      </c>
      <c r="BJ33" s="280">
        <v>2</v>
      </c>
      <c r="BK33" s="280">
        <v>3</v>
      </c>
      <c r="BL33" s="280">
        <v>1</v>
      </c>
      <c r="BM33" s="280">
        <v>1</v>
      </c>
      <c r="BN33" s="280">
        <v>0</v>
      </c>
      <c r="BO33" s="277">
        <v>7</v>
      </c>
      <c r="BP33" s="282">
        <v>7</v>
      </c>
      <c r="BQ33" s="276">
        <v>0</v>
      </c>
      <c r="BR33" s="280">
        <v>0</v>
      </c>
      <c r="BS33" s="277">
        <v>0</v>
      </c>
      <c r="BT33" s="279">
        <v>0</v>
      </c>
      <c r="BU33" s="280">
        <v>1</v>
      </c>
      <c r="BV33" s="280">
        <v>0</v>
      </c>
      <c r="BW33" s="280">
        <v>1</v>
      </c>
      <c r="BX33" s="280">
        <v>0</v>
      </c>
      <c r="BY33" s="280">
        <v>0</v>
      </c>
      <c r="BZ33" s="277">
        <v>2</v>
      </c>
      <c r="CA33" s="282">
        <v>2</v>
      </c>
      <c r="CB33" s="276">
        <v>0</v>
      </c>
      <c r="CC33" s="280">
        <v>0</v>
      </c>
      <c r="CD33" s="277">
        <v>0</v>
      </c>
      <c r="CE33" s="279">
        <v>0</v>
      </c>
      <c r="CF33" s="280">
        <v>1</v>
      </c>
      <c r="CG33" s="280">
        <v>1</v>
      </c>
      <c r="CH33" s="280">
        <v>1</v>
      </c>
      <c r="CI33" s="280">
        <v>1</v>
      </c>
      <c r="CJ33" s="280">
        <v>0</v>
      </c>
      <c r="CK33" s="277">
        <v>4</v>
      </c>
      <c r="CL33" s="282">
        <v>4</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2</v>
      </c>
      <c r="DV33" s="277">
        <v>4</v>
      </c>
      <c r="DW33" s="279">
        <v>0</v>
      </c>
      <c r="DX33" s="280">
        <v>4</v>
      </c>
      <c r="DY33" s="280">
        <v>6</v>
      </c>
      <c r="DZ33" s="280">
        <v>3</v>
      </c>
      <c r="EA33" s="280">
        <v>2</v>
      </c>
      <c r="EB33" s="280">
        <v>0</v>
      </c>
      <c r="EC33" s="277">
        <v>15</v>
      </c>
      <c r="ED33" s="282">
        <v>19</v>
      </c>
      <c r="EE33" s="276">
        <v>0</v>
      </c>
      <c r="EF33" s="280">
        <v>0</v>
      </c>
      <c r="EG33" s="277">
        <v>0</v>
      </c>
      <c r="EH33" s="279">
        <v>0</v>
      </c>
      <c r="EI33" s="280">
        <v>0</v>
      </c>
      <c r="EJ33" s="280">
        <v>0</v>
      </c>
      <c r="EK33" s="280">
        <v>1</v>
      </c>
      <c r="EL33" s="280">
        <v>1</v>
      </c>
      <c r="EM33" s="280">
        <v>0</v>
      </c>
      <c r="EN33" s="277">
        <v>2</v>
      </c>
      <c r="EO33" s="282">
        <v>2</v>
      </c>
      <c r="EP33" s="276">
        <v>3</v>
      </c>
      <c r="EQ33" s="280">
        <v>2</v>
      </c>
      <c r="ER33" s="277">
        <v>5</v>
      </c>
      <c r="ES33" s="279">
        <v>0</v>
      </c>
      <c r="ET33" s="280">
        <v>6</v>
      </c>
      <c r="EU33" s="280">
        <v>7</v>
      </c>
      <c r="EV33" s="280">
        <v>3</v>
      </c>
      <c r="EW33" s="280">
        <v>2</v>
      </c>
      <c r="EX33" s="280">
        <v>0</v>
      </c>
      <c r="EY33" s="277">
        <v>18</v>
      </c>
      <c r="EZ33" s="282">
        <v>23</v>
      </c>
    </row>
    <row r="34" spans="2:156" ht="21" customHeight="1" x14ac:dyDescent="0.2">
      <c r="B34" s="261" t="s">
        <v>32</v>
      </c>
      <c r="C34" s="276">
        <v>0</v>
      </c>
      <c r="D34" s="280">
        <v>0</v>
      </c>
      <c r="E34" s="376">
        <v>0</v>
      </c>
      <c r="F34" s="279">
        <v>0</v>
      </c>
      <c r="G34" s="280">
        <v>1</v>
      </c>
      <c r="H34" s="280">
        <v>2</v>
      </c>
      <c r="I34" s="280">
        <v>1</v>
      </c>
      <c r="J34" s="280">
        <v>0</v>
      </c>
      <c r="K34" s="280">
        <v>1</v>
      </c>
      <c r="L34" s="281">
        <v>5</v>
      </c>
      <c r="M34" s="282">
        <v>5</v>
      </c>
      <c r="N34" s="276">
        <v>0</v>
      </c>
      <c r="O34" s="280">
        <v>0</v>
      </c>
      <c r="P34" s="277">
        <v>0</v>
      </c>
      <c r="Q34" s="279">
        <v>0</v>
      </c>
      <c r="R34" s="280">
        <v>0</v>
      </c>
      <c r="S34" s="280">
        <v>0</v>
      </c>
      <c r="T34" s="280">
        <v>0</v>
      </c>
      <c r="U34" s="280">
        <v>0</v>
      </c>
      <c r="V34" s="280">
        <v>1</v>
      </c>
      <c r="W34" s="277">
        <v>1</v>
      </c>
      <c r="X34" s="282">
        <v>1</v>
      </c>
      <c r="Y34" s="276">
        <v>0</v>
      </c>
      <c r="Z34" s="280">
        <v>0</v>
      </c>
      <c r="AA34" s="277">
        <v>0</v>
      </c>
      <c r="AB34" s="279">
        <v>0</v>
      </c>
      <c r="AC34" s="280">
        <v>2</v>
      </c>
      <c r="AD34" s="280">
        <v>3</v>
      </c>
      <c r="AE34" s="280">
        <v>1</v>
      </c>
      <c r="AF34" s="280">
        <v>0</v>
      </c>
      <c r="AG34" s="280">
        <v>0</v>
      </c>
      <c r="AH34" s="277">
        <v>6</v>
      </c>
      <c r="AI34" s="282">
        <v>6</v>
      </c>
      <c r="AJ34" s="276">
        <v>0</v>
      </c>
      <c r="AK34" s="280">
        <v>0</v>
      </c>
      <c r="AL34" s="277">
        <v>0</v>
      </c>
      <c r="AM34" s="279">
        <v>0</v>
      </c>
      <c r="AN34" s="280">
        <v>0</v>
      </c>
      <c r="AO34" s="280">
        <v>1</v>
      </c>
      <c r="AP34" s="280">
        <v>0</v>
      </c>
      <c r="AQ34" s="280">
        <v>0</v>
      </c>
      <c r="AR34" s="280">
        <v>0</v>
      </c>
      <c r="AS34" s="277">
        <v>1</v>
      </c>
      <c r="AT34" s="282">
        <v>1</v>
      </c>
      <c r="AU34" s="276">
        <v>0</v>
      </c>
      <c r="AV34" s="280">
        <v>0</v>
      </c>
      <c r="AW34" s="277">
        <v>0</v>
      </c>
      <c r="AX34" s="279">
        <v>0</v>
      </c>
      <c r="AY34" s="280">
        <v>0</v>
      </c>
      <c r="AZ34" s="280">
        <v>1</v>
      </c>
      <c r="BA34" s="280">
        <v>4</v>
      </c>
      <c r="BB34" s="280">
        <v>2</v>
      </c>
      <c r="BC34" s="280">
        <v>2</v>
      </c>
      <c r="BD34" s="281">
        <v>9</v>
      </c>
      <c r="BE34" s="282">
        <v>9</v>
      </c>
      <c r="BF34" s="276">
        <v>0</v>
      </c>
      <c r="BG34" s="280">
        <v>0</v>
      </c>
      <c r="BH34" s="277">
        <v>0</v>
      </c>
      <c r="BI34" s="279">
        <v>0</v>
      </c>
      <c r="BJ34" s="280">
        <v>2</v>
      </c>
      <c r="BK34" s="280">
        <v>4</v>
      </c>
      <c r="BL34" s="280">
        <v>2</v>
      </c>
      <c r="BM34" s="280">
        <v>0</v>
      </c>
      <c r="BN34" s="280">
        <v>1</v>
      </c>
      <c r="BO34" s="277">
        <v>9</v>
      </c>
      <c r="BP34" s="282">
        <v>9</v>
      </c>
      <c r="BQ34" s="276">
        <v>0</v>
      </c>
      <c r="BR34" s="280">
        <v>0</v>
      </c>
      <c r="BS34" s="277">
        <v>0</v>
      </c>
      <c r="BT34" s="279">
        <v>0</v>
      </c>
      <c r="BU34" s="280">
        <v>1</v>
      </c>
      <c r="BV34" s="280">
        <v>1</v>
      </c>
      <c r="BW34" s="280">
        <v>0</v>
      </c>
      <c r="BX34" s="280">
        <v>0</v>
      </c>
      <c r="BY34" s="280">
        <v>1</v>
      </c>
      <c r="BZ34" s="277">
        <v>3</v>
      </c>
      <c r="CA34" s="282">
        <v>3</v>
      </c>
      <c r="CB34" s="276">
        <v>0</v>
      </c>
      <c r="CC34" s="280">
        <v>0</v>
      </c>
      <c r="CD34" s="277">
        <v>0</v>
      </c>
      <c r="CE34" s="279">
        <v>0</v>
      </c>
      <c r="CF34" s="280">
        <v>0</v>
      </c>
      <c r="CG34" s="280">
        <v>0</v>
      </c>
      <c r="CH34" s="280">
        <v>0</v>
      </c>
      <c r="CI34" s="280">
        <v>0</v>
      </c>
      <c r="CJ34" s="280">
        <v>1</v>
      </c>
      <c r="CK34" s="277">
        <v>1</v>
      </c>
      <c r="CL34" s="282">
        <v>1</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0</v>
      </c>
      <c r="DU34" s="280">
        <v>3</v>
      </c>
      <c r="DV34" s="277">
        <v>3</v>
      </c>
      <c r="DW34" s="279">
        <v>0</v>
      </c>
      <c r="DX34" s="280">
        <v>6</v>
      </c>
      <c r="DY34" s="280">
        <v>9</v>
      </c>
      <c r="DZ34" s="280">
        <v>4</v>
      </c>
      <c r="EA34" s="280">
        <v>1</v>
      </c>
      <c r="EB34" s="280">
        <v>2</v>
      </c>
      <c r="EC34" s="277">
        <v>22</v>
      </c>
      <c r="ED34" s="282">
        <v>25</v>
      </c>
      <c r="EE34" s="276">
        <v>0</v>
      </c>
      <c r="EF34" s="280">
        <v>0</v>
      </c>
      <c r="EG34" s="277">
        <v>0</v>
      </c>
      <c r="EH34" s="279">
        <v>0</v>
      </c>
      <c r="EI34" s="280">
        <v>0</v>
      </c>
      <c r="EJ34" s="280">
        <v>1</v>
      </c>
      <c r="EK34" s="280">
        <v>1</v>
      </c>
      <c r="EL34" s="280">
        <v>1</v>
      </c>
      <c r="EM34" s="280">
        <v>2</v>
      </c>
      <c r="EN34" s="277">
        <v>5</v>
      </c>
      <c r="EO34" s="282">
        <v>5</v>
      </c>
      <c r="EP34" s="276">
        <v>0</v>
      </c>
      <c r="EQ34" s="280">
        <v>3</v>
      </c>
      <c r="ER34" s="277">
        <v>3</v>
      </c>
      <c r="ES34" s="279">
        <v>0</v>
      </c>
      <c r="ET34" s="280">
        <v>8</v>
      </c>
      <c r="EU34" s="280">
        <v>11</v>
      </c>
      <c r="EV34" s="280">
        <v>5</v>
      </c>
      <c r="EW34" s="280">
        <v>1</v>
      </c>
      <c r="EX34" s="280">
        <v>2</v>
      </c>
      <c r="EY34" s="277">
        <v>27</v>
      </c>
      <c r="EZ34" s="282">
        <v>30</v>
      </c>
    </row>
    <row r="35" spans="2:156" ht="21" customHeight="1" x14ac:dyDescent="0.2">
      <c r="B35" s="261" t="s">
        <v>33</v>
      </c>
      <c r="C35" s="276">
        <v>0</v>
      </c>
      <c r="D35" s="280">
        <v>0</v>
      </c>
      <c r="E35" s="376">
        <v>0</v>
      </c>
      <c r="F35" s="279">
        <v>0</v>
      </c>
      <c r="G35" s="280">
        <v>1</v>
      </c>
      <c r="H35" s="280">
        <v>0</v>
      </c>
      <c r="I35" s="280">
        <v>0</v>
      </c>
      <c r="J35" s="280">
        <v>0</v>
      </c>
      <c r="K35" s="280">
        <v>1</v>
      </c>
      <c r="L35" s="281">
        <v>2</v>
      </c>
      <c r="M35" s="282">
        <v>2</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1</v>
      </c>
      <c r="AE35" s="280">
        <v>0</v>
      </c>
      <c r="AF35" s="280">
        <v>0</v>
      </c>
      <c r="AG35" s="280">
        <v>1</v>
      </c>
      <c r="AH35" s="277">
        <v>3</v>
      </c>
      <c r="AI35" s="282">
        <v>3</v>
      </c>
      <c r="AJ35" s="276">
        <v>2</v>
      </c>
      <c r="AK35" s="280">
        <v>1</v>
      </c>
      <c r="AL35" s="277">
        <v>3</v>
      </c>
      <c r="AM35" s="279">
        <v>0</v>
      </c>
      <c r="AN35" s="280">
        <v>1</v>
      </c>
      <c r="AO35" s="280">
        <v>0</v>
      </c>
      <c r="AP35" s="280">
        <v>1</v>
      </c>
      <c r="AQ35" s="280">
        <v>0</v>
      </c>
      <c r="AR35" s="280">
        <v>1</v>
      </c>
      <c r="AS35" s="277">
        <v>3</v>
      </c>
      <c r="AT35" s="282">
        <v>6</v>
      </c>
      <c r="AU35" s="276">
        <v>0</v>
      </c>
      <c r="AV35" s="280">
        <v>0</v>
      </c>
      <c r="AW35" s="277">
        <v>0</v>
      </c>
      <c r="AX35" s="279">
        <v>0</v>
      </c>
      <c r="AY35" s="280">
        <v>1</v>
      </c>
      <c r="AZ35" s="280">
        <v>1</v>
      </c>
      <c r="BA35" s="280">
        <v>1</v>
      </c>
      <c r="BB35" s="280">
        <v>1</v>
      </c>
      <c r="BC35" s="280">
        <v>0</v>
      </c>
      <c r="BD35" s="281">
        <v>4</v>
      </c>
      <c r="BE35" s="282">
        <v>4</v>
      </c>
      <c r="BF35" s="276">
        <v>0</v>
      </c>
      <c r="BG35" s="280">
        <v>0</v>
      </c>
      <c r="BH35" s="277">
        <v>0</v>
      </c>
      <c r="BI35" s="279">
        <v>0</v>
      </c>
      <c r="BJ35" s="280">
        <v>1</v>
      </c>
      <c r="BK35" s="280">
        <v>0</v>
      </c>
      <c r="BL35" s="280">
        <v>0</v>
      </c>
      <c r="BM35" s="280">
        <v>0</v>
      </c>
      <c r="BN35" s="280">
        <v>0</v>
      </c>
      <c r="BO35" s="277">
        <v>1</v>
      </c>
      <c r="BP35" s="282">
        <v>1</v>
      </c>
      <c r="BQ35" s="276">
        <v>0</v>
      </c>
      <c r="BR35" s="280">
        <v>0</v>
      </c>
      <c r="BS35" s="277">
        <v>0</v>
      </c>
      <c r="BT35" s="279">
        <v>0</v>
      </c>
      <c r="BU35" s="280">
        <v>2</v>
      </c>
      <c r="BV35" s="280">
        <v>1</v>
      </c>
      <c r="BW35" s="280">
        <v>0</v>
      </c>
      <c r="BX35" s="280">
        <v>0</v>
      </c>
      <c r="BY35" s="280">
        <v>0</v>
      </c>
      <c r="BZ35" s="277">
        <v>3</v>
      </c>
      <c r="CA35" s="282">
        <v>3</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0</v>
      </c>
      <c r="DV35" s="277">
        <v>1</v>
      </c>
      <c r="DW35" s="279">
        <v>0</v>
      </c>
      <c r="DX35" s="280">
        <v>5</v>
      </c>
      <c r="DY35" s="280">
        <v>1</v>
      </c>
      <c r="DZ35" s="280">
        <v>1</v>
      </c>
      <c r="EA35" s="280">
        <v>0</v>
      </c>
      <c r="EB35" s="280">
        <v>0</v>
      </c>
      <c r="EC35" s="277">
        <v>7</v>
      </c>
      <c r="ED35" s="282">
        <v>8</v>
      </c>
      <c r="EE35" s="276">
        <v>0</v>
      </c>
      <c r="EF35" s="280">
        <v>0</v>
      </c>
      <c r="EG35" s="277">
        <v>0</v>
      </c>
      <c r="EH35" s="279">
        <v>0</v>
      </c>
      <c r="EI35" s="280">
        <v>0</v>
      </c>
      <c r="EJ35" s="280">
        <v>1</v>
      </c>
      <c r="EK35" s="280">
        <v>0</v>
      </c>
      <c r="EL35" s="280">
        <v>1</v>
      </c>
      <c r="EM35" s="280">
        <v>0</v>
      </c>
      <c r="EN35" s="277">
        <v>2</v>
      </c>
      <c r="EO35" s="282">
        <v>2</v>
      </c>
      <c r="EP35" s="276">
        <v>2</v>
      </c>
      <c r="EQ35" s="280">
        <v>1</v>
      </c>
      <c r="ER35" s="277">
        <v>3</v>
      </c>
      <c r="ES35" s="279">
        <v>0</v>
      </c>
      <c r="ET35" s="280">
        <v>6</v>
      </c>
      <c r="EU35" s="280">
        <v>2</v>
      </c>
      <c r="EV35" s="280">
        <v>1</v>
      </c>
      <c r="EW35" s="280">
        <v>0</v>
      </c>
      <c r="EX35" s="280">
        <v>1</v>
      </c>
      <c r="EY35" s="277">
        <v>10</v>
      </c>
      <c r="EZ35" s="282">
        <v>13</v>
      </c>
    </row>
    <row r="36" spans="2:156" ht="21" customHeight="1" x14ac:dyDescent="0.2">
      <c r="B36" s="261" t="s">
        <v>34</v>
      </c>
      <c r="C36" s="276">
        <v>0</v>
      </c>
      <c r="D36" s="280">
        <v>0</v>
      </c>
      <c r="E36" s="376">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v>
      </c>
      <c r="AD36" s="280">
        <v>0</v>
      </c>
      <c r="AE36" s="280">
        <v>0</v>
      </c>
      <c r="AF36" s="280">
        <v>0</v>
      </c>
      <c r="AG36" s="280">
        <v>0</v>
      </c>
      <c r="AH36" s="277">
        <v>1</v>
      </c>
      <c r="AI36" s="282">
        <v>1</v>
      </c>
      <c r="AJ36" s="276">
        <v>0</v>
      </c>
      <c r="AK36" s="280">
        <v>0</v>
      </c>
      <c r="AL36" s="277">
        <v>0</v>
      </c>
      <c r="AM36" s="279">
        <v>0</v>
      </c>
      <c r="AN36" s="280">
        <v>0</v>
      </c>
      <c r="AO36" s="280">
        <v>2</v>
      </c>
      <c r="AP36" s="280">
        <v>0</v>
      </c>
      <c r="AQ36" s="280">
        <v>0</v>
      </c>
      <c r="AR36" s="280">
        <v>0</v>
      </c>
      <c r="AS36" s="277">
        <v>2</v>
      </c>
      <c r="AT36" s="282">
        <v>2</v>
      </c>
      <c r="AU36" s="276">
        <v>0</v>
      </c>
      <c r="AV36" s="280">
        <v>0</v>
      </c>
      <c r="AW36" s="277">
        <v>0</v>
      </c>
      <c r="AX36" s="279">
        <v>0</v>
      </c>
      <c r="AY36" s="280">
        <v>0</v>
      </c>
      <c r="AZ36" s="280">
        <v>2</v>
      </c>
      <c r="BA36" s="280">
        <v>0</v>
      </c>
      <c r="BB36" s="280">
        <v>0</v>
      </c>
      <c r="BC36" s="280">
        <v>2</v>
      </c>
      <c r="BD36" s="281">
        <v>4</v>
      </c>
      <c r="BE36" s="282">
        <v>4</v>
      </c>
      <c r="BF36" s="276">
        <v>0</v>
      </c>
      <c r="BG36" s="280">
        <v>0</v>
      </c>
      <c r="BH36" s="277">
        <v>0</v>
      </c>
      <c r="BI36" s="279">
        <v>0</v>
      </c>
      <c r="BJ36" s="280">
        <v>0</v>
      </c>
      <c r="BK36" s="280">
        <v>1</v>
      </c>
      <c r="BL36" s="280">
        <v>0</v>
      </c>
      <c r="BM36" s="280">
        <v>1</v>
      </c>
      <c r="BN36" s="280">
        <v>0</v>
      </c>
      <c r="BO36" s="277">
        <v>2</v>
      </c>
      <c r="BP36" s="282">
        <v>2</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1</v>
      </c>
      <c r="DV36" s="277">
        <v>1</v>
      </c>
      <c r="DW36" s="279">
        <v>0</v>
      </c>
      <c r="DX36" s="280">
        <v>1</v>
      </c>
      <c r="DY36" s="280">
        <v>3</v>
      </c>
      <c r="DZ36" s="280">
        <v>1</v>
      </c>
      <c r="EA36" s="280">
        <v>1</v>
      </c>
      <c r="EB36" s="280">
        <v>0</v>
      </c>
      <c r="EC36" s="277">
        <v>6</v>
      </c>
      <c r="ED36" s="282">
        <v>7</v>
      </c>
      <c r="EE36" s="276">
        <v>0</v>
      </c>
      <c r="EF36" s="280">
        <v>0</v>
      </c>
      <c r="EG36" s="277">
        <v>0</v>
      </c>
      <c r="EH36" s="279">
        <v>0</v>
      </c>
      <c r="EI36" s="280">
        <v>0</v>
      </c>
      <c r="EJ36" s="280">
        <v>1</v>
      </c>
      <c r="EK36" s="280">
        <v>0</v>
      </c>
      <c r="EL36" s="280">
        <v>0</v>
      </c>
      <c r="EM36" s="280">
        <v>2</v>
      </c>
      <c r="EN36" s="277">
        <v>3</v>
      </c>
      <c r="EO36" s="282">
        <v>3</v>
      </c>
      <c r="EP36" s="276">
        <v>0</v>
      </c>
      <c r="EQ36" s="280">
        <v>1</v>
      </c>
      <c r="ER36" s="277">
        <v>1</v>
      </c>
      <c r="ES36" s="279">
        <v>0</v>
      </c>
      <c r="ET36" s="280">
        <v>2</v>
      </c>
      <c r="EU36" s="280">
        <v>4</v>
      </c>
      <c r="EV36" s="280">
        <v>1</v>
      </c>
      <c r="EW36" s="280">
        <v>1</v>
      </c>
      <c r="EX36" s="280">
        <v>0</v>
      </c>
      <c r="EY36" s="277">
        <v>8</v>
      </c>
      <c r="EZ36" s="282">
        <v>9</v>
      </c>
    </row>
    <row r="37" spans="2:156" ht="21" customHeight="1" x14ac:dyDescent="0.2">
      <c r="B37" s="261" t="s">
        <v>35</v>
      </c>
      <c r="C37" s="276">
        <v>0</v>
      </c>
      <c r="D37" s="280">
        <v>0</v>
      </c>
      <c r="E37" s="376">
        <v>0</v>
      </c>
      <c r="F37" s="279">
        <v>0</v>
      </c>
      <c r="G37" s="280">
        <v>7</v>
      </c>
      <c r="H37" s="280">
        <v>2</v>
      </c>
      <c r="I37" s="280">
        <v>0</v>
      </c>
      <c r="J37" s="280">
        <v>0</v>
      </c>
      <c r="K37" s="280">
        <v>1</v>
      </c>
      <c r="L37" s="281">
        <v>10</v>
      </c>
      <c r="M37" s="282">
        <v>10</v>
      </c>
      <c r="N37" s="276">
        <v>0</v>
      </c>
      <c r="O37" s="280">
        <v>0</v>
      </c>
      <c r="P37" s="277">
        <v>0</v>
      </c>
      <c r="Q37" s="279">
        <v>0</v>
      </c>
      <c r="R37" s="280">
        <v>0</v>
      </c>
      <c r="S37" s="280">
        <v>0</v>
      </c>
      <c r="T37" s="280">
        <v>0</v>
      </c>
      <c r="U37" s="280">
        <v>0</v>
      </c>
      <c r="V37" s="280">
        <v>2</v>
      </c>
      <c r="W37" s="277">
        <v>2</v>
      </c>
      <c r="X37" s="282">
        <v>2</v>
      </c>
      <c r="Y37" s="276">
        <v>0</v>
      </c>
      <c r="Z37" s="280">
        <v>0</v>
      </c>
      <c r="AA37" s="277">
        <v>0</v>
      </c>
      <c r="AB37" s="279">
        <v>0</v>
      </c>
      <c r="AC37" s="280">
        <v>2</v>
      </c>
      <c r="AD37" s="280">
        <v>1</v>
      </c>
      <c r="AE37" s="280">
        <v>1</v>
      </c>
      <c r="AF37" s="280">
        <v>1</v>
      </c>
      <c r="AG37" s="280">
        <v>1</v>
      </c>
      <c r="AH37" s="277">
        <v>6</v>
      </c>
      <c r="AI37" s="282">
        <v>6</v>
      </c>
      <c r="AJ37" s="276">
        <v>1</v>
      </c>
      <c r="AK37" s="280">
        <v>0</v>
      </c>
      <c r="AL37" s="277">
        <v>1</v>
      </c>
      <c r="AM37" s="279">
        <v>0</v>
      </c>
      <c r="AN37" s="280">
        <v>2</v>
      </c>
      <c r="AO37" s="280">
        <v>0</v>
      </c>
      <c r="AP37" s="280">
        <v>0</v>
      </c>
      <c r="AQ37" s="280">
        <v>1</v>
      </c>
      <c r="AR37" s="280">
        <v>0</v>
      </c>
      <c r="AS37" s="277">
        <v>3</v>
      </c>
      <c r="AT37" s="282">
        <v>4</v>
      </c>
      <c r="AU37" s="276">
        <v>2</v>
      </c>
      <c r="AV37" s="280">
        <v>1</v>
      </c>
      <c r="AW37" s="277">
        <v>3</v>
      </c>
      <c r="AX37" s="279">
        <v>0</v>
      </c>
      <c r="AY37" s="280">
        <v>9</v>
      </c>
      <c r="AZ37" s="280">
        <v>2</v>
      </c>
      <c r="BA37" s="280">
        <v>1</v>
      </c>
      <c r="BB37" s="280">
        <v>5</v>
      </c>
      <c r="BC37" s="280">
        <v>3</v>
      </c>
      <c r="BD37" s="281">
        <v>20</v>
      </c>
      <c r="BE37" s="282">
        <v>23</v>
      </c>
      <c r="BF37" s="276">
        <v>0</v>
      </c>
      <c r="BG37" s="280">
        <v>0</v>
      </c>
      <c r="BH37" s="277">
        <v>0</v>
      </c>
      <c r="BI37" s="279">
        <v>0</v>
      </c>
      <c r="BJ37" s="280">
        <v>9</v>
      </c>
      <c r="BK37" s="280">
        <v>4</v>
      </c>
      <c r="BL37" s="280">
        <v>2</v>
      </c>
      <c r="BM37" s="280">
        <v>0</v>
      </c>
      <c r="BN37" s="280">
        <v>0</v>
      </c>
      <c r="BO37" s="277">
        <v>15</v>
      </c>
      <c r="BP37" s="282">
        <v>15</v>
      </c>
      <c r="BQ37" s="276">
        <v>1</v>
      </c>
      <c r="BR37" s="280">
        <v>1</v>
      </c>
      <c r="BS37" s="277">
        <v>2</v>
      </c>
      <c r="BT37" s="279">
        <v>0</v>
      </c>
      <c r="BU37" s="280">
        <v>2</v>
      </c>
      <c r="BV37" s="280">
        <v>0</v>
      </c>
      <c r="BW37" s="280">
        <v>0</v>
      </c>
      <c r="BX37" s="280">
        <v>0</v>
      </c>
      <c r="BY37" s="280">
        <v>0</v>
      </c>
      <c r="BZ37" s="277">
        <v>2</v>
      </c>
      <c r="CA37" s="282">
        <v>4</v>
      </c>
      <c r="CB37" s="276">
        <v>0</v>
      </c>
      <c r="CC37" s="280">
        <v>0</v>
      </c>
      <c r="CD37" s="277">
        <v>0</v>
      </c>
      <c r="CE37" s="279">
        <v>0</v>
      </c>
      <c r="CF37" s="280">
        <v>0</v>
      </c>
      <c r="CG37" s="280">
        <v>2</v>
      </c>
      <c r="CH37" s="280">
        <v>0</v>
      </c>
      <c r="CI37" s="280">
        <v>0</v>
      </c>
      <c r="CJ37" s="280">
        <v>0</v>
      </c>
      <c r="CK37" s="277">
        <v>2</v>
      </c>
      <c r="CL37" s="282">
        <v>2</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0</v>
      </c>
      <c r="DU37" s="280">
        <v>0</v>
      </c>
      <c r="DV37" s="277">
        <v>0</v>
      </c>
      <c r="DW37" s="279">
        <v>0</v>
      </c>
      <c r="DX37" s="280">
        <v>10</v>
      </c>
      <c r="DY37" s="280">
        <v>6</v>
      </c>
      <c r="DZ37" s="280">
        <v>3</v>
      </c>
      <c r="EA37" s="280">
        <v>1</v>
      </c>
      <c r="EB37" s="280">
        <v>2</v>
      </c>
      <c r="EC37" s="277">
        <v>22</v>
      </c>
      <c r="ED37" s="282">
        <v>22</v>
      </c>
      <c r="EE37" s="276">
        <v>3</v>
      </c>
      <c r="EF37" s="280">
        <v>1</v>
      </c>
      <c r="EG37" s="277">
        <v>4</v>
      </c>
      <c r="EH37" s="279">
        <v>0</v>
      </c>
      <c r="EI37" s="280">
        <v>5</v>
      </c>
      <c r="EJ37" s="280">
        <v>0</v>
      </c>
      <c r="EK37" s="280">
        <v>0</v>
      </c>
      <c r="EL37" s="280">
        <v>4</v>
      </c>
      <c r="EM37" s="280">
        <v>1</v>
      </c>
      <c r="EN37" s="277">
        <v>10</v>
      </c>
      <c r="EO37" s="282">
        <v>14</v>
      </c>
      <c r="EP37" s="276">
        <v>2</v>
      </c>
      <c r="EQ37" s="280">
        <v>1</v>
      </c>
      <c r="ER37" s="277">
        <v>3</v>
      </c>
      <c r="ES37" s="279">
        <v>0</v>
      </c>
      <c r="ET37" s="280">
        <v>18</v>
      </c>
      <c r="EU37" s="280">
        <v>7</v>
      </c>
      <c r="EV37" s="280">
        <v>3</v>
      </c>
      <c r="EW37" s="280">
        <v>1</v>
      </c>
      <c r="EX37" s="280">
        <v>2</v>
      </c>
      <c r="EY37" s="277">
        <v>31</v>
      </c>
      <c r="EZ37" s="282">
        <v>34</v>
      </c>
    </row>
    <row r="38" spans="2:156" ht="21" customHeight="1" x14ac:dyDescent="0.2">
      <c r="B38" s="261" t="s">
        <v>36</v>
      </c>
      <c r="C38" s="276">
        <v>0</v>
      </c>
      <c r="D38" s="280">
        <v>0</v>
      </c>
      <c r="E38" s="376">
        <v>0</v>
      </c>
      <c r="F38" s="279">
        <v>0</v>
      </c>
      <c r="G38" s="280">
        <v>1</v>
      </c>
      <c r="H38" s="280">
        <v>1</v>
      </c>
      <c r="I38" s="280">
        <v>1</v>
      </c>
      <c r="J38" s="280">
        <v>1</v>
      </c>
      <c r="K38" s="280">
        <v>2</v>
      </c>
      <c r="L38" s="281">
        <v>6</v>
      </c>
      <c r="M38" s="282">
        <v>6</v>
      </c>
      <c r="N38" s="276">
        <v>0</v>
      </c>
      <c r="O38" s="280">
        <v>0</v>
      </c>
      <c r="P38" s="277">
        <v>0</v>
      </c>
      <c r="Q38" s="279">
        <v>0</v>
      </c>
      <c r="R38" s="280">
        <v>1</v>
      </c>
      <c r="S38" s="280">
        <v>0</v>
      </c>
      <c r="T38" s="280">
        <v>0</v>
      </c>
      <c r="U38" s="280">
        <v>0</v>
      </c>
      <c r="V38" s="280">
        <v>0</v>
      </c>
      <c r="W38" s="277">
        <v>1</v>
      </c>
      <c r="X38" s="282">
        <v>1</v>
      </c>
      <c r="Y38" s="276">
        <v>0</v>
      </c>
      <c r="Z38" s="280">
        <v>0</v>
      </c>
      <c r="AA38" s="277">
        <v>0</v>
      </c>
      <c r="AB38" s="279">
        <v>0</v>
      </c>
      <c r="AC38" s="280">
        <v>3</v>
      </c>
      <c r="AD38" s="280">
        <v>0</v>
      </c>
      <c r="AE38" s="280">
        <v>0</v>
      </c>
      <c r="AF38" s="280">
        <v>0</v>
      </c>
      <c r="AG38" s="280">
        <v>1</v>
      </c>
      <c r="AH38" s="277">
        <v>4</v>
      </c>
      <c r="AI38" s="282">
        <v>4</v>
      </c>
      <c r="AJ38" s="276">
        <v>0</v>
      </c>
      <c r="AK38" s="280">
        <v>1</v>
      </c>
      <c r="AL38" s="277">
        <v>1</v>
      </c>
      <c r="AM38" s="279">
        <v>0</v>
      </c>
      <c r="AN38" s="280">
        <v>0</v>
      </c>
      <c r="AO38" s="280">
        <v>1</v>
      </c>
      <c r="AP38" s="280">
        <v>0</v>
      </c>
      <c r="AQ38" s="280">
        <v>0</v>
      </c>
      <c r="AR38" s="280">
        <v>0</v>
      </c>
      <c r="AS38" s="277">
        <v>1</v>
      </c>
      <c r="AT38" s="282">
        <v>2</v>
      </c>
      <c r="AU38" s="276">
        <v>0</v>
      </c>
      <c r="AV38" s="280">
        <v>0</v>
      </c>
      <c r="AW38" s="277">
        <v>0</v>
      </c>
      <c r="AX38" s="279">
        <v>0</v>
      </c>
      <c r="AY38" s="280">
        <v>0</v>
      </c>
      <c r="AZ38" s="280">
        <v>3</v>
      </c>
      <c r="BA38" s="280">
        <v>2</v>
      </c>
      <c r="BB38" s="280">
        <v>1</v>
      </c>
      <c r="BC38" s="280">
        <v>3</v>
      </c>
      <c r="BD38" s="281">
        <v>9</v>
      </c>
      <c r="BE38" s="282">
        <v>9</v>
      </c>
      <c r="BF38" s="276">
        <v>0</v>
      </c>
      <c r="BG38" s="280">
        <v>0</v>
      </c>
      <c r="BH38" s="277">
        <v>0</v>
      </c>
      <c r="BI38" s="279">
        <v>0</v>
      </c>
      <c r="BJ38" s="280">
        <v>3</v>
      </c>
      <c r="BK38" s="280">
        <v>1</v>
      </c>
      <c r="BL38" s="280">
        <v>1</v>
      </c>
      <c r="BM38" s="280">
        <v>0</v>
      </c>
      <c r="BN38" s="280">
        <v>1</v>
      </c>
      <c r="BO38" s="277">
        <v>6</v>
      </c>
      <c r="BP38" s="282">
        <v>6</v>
      </c>
      <c r="BQ38" s="276">
        <v>0</v>
      </c>
      <c r="BR38" s="280">
        <v>1</v>
      </c>
      <c r="BS38" s="277">
        <v>1</v>
      </c>
      <c r="BT38" s="279">
        <v>0</v>
      </c>
      <c r="BU38" s="280">
        <v>1</v>
      </c>
      <c r="BV38" s="280">
        <v>0</v>
      </c>
      <c r="BW38" s="280">
        <v>1</v>
      </c>
      <c r="BX38" s="280">
        <v>1</v>
      </c>
      <c r="BY38" s="280">
        <v>0</v>
      </c>
      <c r="BZ38" s="277">
        <v>3</v>
      </c>
      <c r="CA38" s="282">
        <v>4</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3</v>
      </c>
      <c r="DV38" s="277">
        <v>3</v>
      </c>
      <c r="DW38" s="279">
        <v>0</v>
      </c>
      <c r="DX38" s="280">
        <v>7</v>
      </c>
      <c r="DY38" s="280">
        <v>4</v>
      </c>
      <c r="DZ38" s="280">
        <v>0</v>
      </c>
      <c r="EA38" s="280">
        <v>2</v>
      </c>
      <c r="EB38" s="280">
        <v>0</v>
      </c>
      <c r="EC38" s="277">
        <v>13</v>
      </c>
      <c r="ED38" s="282">
        <v>16</v>
      </c>
      <c r="EE38" s="276">
        <v>0</v>
      </c>
      <c r="EF38" s="280">
        <v>0</v>
      </c>
      <c r="EG38" s="277">
        <v>0</v>
      </c>
      <c r="EH38" s="279">
        <v>0</v>
      </c>
      <c r="EI38" s="280">
        <v>1</v>
      </c>
      <c r="EJ38" s="280">
        <v>1</v>
      </c>
      <c r="EK38" s="280">
        <v>1</v>
      </c>
      <c r="EL38" s="280">
        <v>0</v>
      </c>
      <c r="EM38" s="280">
        <v>1</v>
      </c>
      <c r="EN38" s="277">
        <v>4</v>
      </c>
      <c r="EO38" s="282">
        <v>4</v>
      </c>
      <c r="EP38" s="276">
        <v>0</v>
      </c>
      <c r="EQ38" s="280">
        <v>5</v>
      </c>
      <c r="ER38" s="277">
        <v>5</v>
      </c>
      <c r="ES38" s="279">
        <v>0</v>
      </c>
      <c r="ET38" s="280">
        <v>12</v>
      </c>
      <c r="EU38" s="280">
        <v>5</v>
      </c>
      <c r="EV38" s="280">
        <v>2</v>
      </c>
      <c r="EW38" s="280">
        <v>2</v>
      </c>
      <c r="EX38" s="280">
        <v>3</v>
      </c>
      <c r="EY38" s="277">
        <v>24</v>
      </c>
      <c r="EZ38" s="282">
        <v>29</v>
      </c>
    </row>
    <row r="39" spans="2:156" ht="21" customHeight="1" thickBot="1" x14ac:dyDescent="0.25">
      <c r="B39" s="262" t="s">
        <v>37</v>
      </c>
      <c r="C39" s="283">
        <v>0</v>
      </c>
      <c r="D39" s="287">
        <v>0</v>
      </c>
      <c r="E39" s="377">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0</v>
      </c>
      <c r="BD39" s="288">
        <v>1</v>
      </c>
      <c r="BE39" s="289">
        <v>1</v>
      </c>
      <c r="BF39" s="283">
        <v>0</v>
      </c>
      <c r="BG39" s="287">
        <v>0</v>
      </c>
      <c r="BH39" s="284">
        <v>0</v>
      </c>
      <c r="BI39" s="286">
        <v>0</v>
      </c>
      <c r="BJ39" s="287">
        <v>0</v>
      </c>
      <c r="BK39" s="287">
        <v>1</v>
      </c>
      <c r="BL39" s="287">
        <v>0</v>
      </c>
      <c r="BM39" s="287">
        <v>0</v>
      </c>
      <c r="BN39" s="287">
        <v>0</v>
      </c>
      <c r="BO39" s="284">
        <v>1</v>
      </c>
      <c r="BP39" s="289">
        <v>1</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1</v>
      </c>
      <c r="DV39" s="284">
        <v>1</v>
      </c>
      <c r="DW39" s="286">
        <v>0</v>
      </c>
      <c r="DX39" s="287">
        <v>0</v>
      </c>
      <c r="DY39" s="287">
        <v>1</v>
      </c>
      <c r="DZ39" s="287">
        <v>0</v>
      </c>
      <c r="EA39" s="287">
        <v>0</v>
      </c>
      <c r="EB39" s="287">
        <v>0</v>
      </c>
      <c r="EC39" s="284">
        <v>1</v>
      </c>
      <c r="ED39" s="289">
        <v>2</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0</v>
      </c>
      <c r="EU39" s="287">
        <v>1</v>
      </c>
      <c r="EV39" s="287">
        <v>0</v>
      </c>
      <c r="EW39" s="287">
        <v>0</v>
      </c>
      <c r="EX39" s="287">
        <v>0</v>
      </c>
      <c r="EY39" s="284">
        <v>1</v>
      </c>
      <c r="EZ39" s="289">
        <v>2</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2">
        <f>第１表!F2</f>
        <v>5</v>
      </c>
      <c r="J1" s="522"/>
      <c r="K1" s="248">
        <f>第１表!G2</f>
        <v>6</v>
      </c>
      <c r="L1" s="527">
        <f>IF(K1&lt;3,K1+12-2,K1-2)</f>
        <v>4</v>
      </c>
      <c r="M1" s="527"/>
    </row>
    <row r="2" spans="2:156" ht="24" customHeight="1" thickBot="1" x14ac:dyDescent="0.25">
      <c r="B2" s="290" t="s">
        <v>153</v>
      </c>
      <c r="G2" s="247"/>
      <c r="H2" s="248"/>
      <c r="J2" s="347"/>
      <c r="K2" s="347"/>
    </row>
    <row r="3" spans="2:156" ht="21" customHeight="1" thickBot="1" x14ac:dyDescent="0.25">
      <c r="B3" s="535"/>
      <c r="C3" s="538" t="s">
        <v>70</v>
      </c>
      <c r="D3" s="539"/>
      <c r="E3" s="539"/>
      <c r="F3" s="539"/>
      <c r="G3" s="539"/>
      <c r="H3" s="539"/>
      <c r="I3" s="539"/>
      <c r="J3" s="539"/>
      <c r="K3" s="539"/>
      <c r="L3" s="539"/>
      <c r="M3" s="540"/>
      <c r="N3" s="538" t="s">
        <v>71</v>
      </c>
      <c r="O3" s="539"/>
      <c r="P3" s="539"/>
      <c r="Q3" s="539"/>
      <c r="R3" s="539"/>
      <c r="S3" s="539"/>
      <c r="T3" s="539"/>
      <c r="U3" s="539"/>
      <c r="V3" s="539"/>
      <c r="W3" s="539"/>
      <c r="X3" s="540"/>
      <c r="Y3" s="538" t="s">
        <v>72</v>
      </c>
      <c r="Z3" s="539"/>
      <c r="AA3" s="539"/>
      <c r="AB3" s="539"/>
      <c r="AC3" s="539"/>
      <c r="AD3" s="539"/>
      <c r="AE3" s="539"/>
      <c r="AF3" s="539"/>
      <c r="AG3" s="539"/>
      <c r="AH3" s="539"/>
      <c r="AI3" s="540"/>
      <c r="AJ3" s="538" t="s">
        <v>73</v>
      </c>
      <c r="AK3" s="539"/>
      <c r="AL3" s="539"/>
      <c r="AM3" s="539"/>
      <c r="AN3" s="539"/>
      <c r="AO3" s="539"/>
      <c r="AP3" s="539"/>
      <c r="AQ3" s="539"/>
      <c r="AR3" s="539"/>
      <c r="AS3" s="539"/>
      <c r="AT3" s="540"/>
      <c r="AU3" s="538" t="s">
        <v>74</v>
      </c>
      <c r="AV3" s="539"/>
      <c r="AW3" s="539"/>
      <c r="AX3" s="539"/>
      <c r="AY3" s="539"/>
      <c r="AZ3" s="539"/>
      <c r="BA3" s="539"/>
      <c r="BB3" s="539"/>
      <c r="BC3" s="539"/>
      <c r="BD3" s="539"/>
      <c r="BE3" s="540"/>
      <c r="BF3" s="538" t="s">
        <v>75</v>
      </c>
      <c r="BG3" s="539"/>
      <c r="BH3" s="539"/>
      <c r="BI3" s="539"/>
      <c r="BJ3" s="539"/>
      <c r="BK3" s="539"/>
      <c r="BL3" s="539"/>
      <c r="BM3" s="539"/>
      <c r="BN3" s="539"/>
      <c r="BO3" s="539"/>
      <c r="BP3" s="540"/>
      <c r="BQ3" s="538" t="s">
        <v>76</v>
      </c>
      <c r="BR3" s="539"/>
      <c r="BS3" s="539"/>
      <c r="BT3" s="539"/>
      <c r="BU3" s="539"/>
      <c r="BV3" s="539"/>
      <c r="BW3" s="539"/>
      <c r="BX3" s="539"/>
      <c r="BY3" s="539"/>
      <c r="BZ3" s="539"/>
      <c r="CA3" s="540"/>
      <c r="CB3" s="538" t="s">
        <v>77</v>
      </c>
      <c r="CC3" s="539"/>
      <c r="CD3" s="539"/>
      <c r="CE3" s="539"/>
      <c r="CF3" s="539"/>
      <c r="CG3" s="539"/>
      <c r="CH3" s="539"/>
      <c r="CI3" s="539"/>
      <c r="CJ3" s="539"/>
      <c r="CK3" s="539"/>
      <c r="CL3" s="540"/>
      <c r="CM3" s="538" t="s">
        <v>78</v>
      </c>
      <c r="CN3" s="539"/>
      <c r="CO3" s="539"/>
      <c r="CP3" s="539"/>
      <c r="CQ3" s="539"/>
      <c r="CR3" s="539"/>
      <c r="CS3" s="539"/>
      <c r="CT3" s="539"/>
      <c r="CU3" s="539"/>
      <c r="CV3" s="539"/>
      <c r="CW3" s="540"/>
      <c r="CX3" s="538" t="s">
        <v>79</v>
      </c>
      <c r="CY3" s="539"/>
      <c r="CZ3" s="539"/>
      <c r="DA3" s="539"/>
      <c r="DB3" s="539"/>
      <c r="DC3" s="539"/>
      <c r="DD3" s="539"/>
      <c r="DE3" s="539"/>
      <c r="DF3" s="539"/>
      <c r="DG3" s="539"/>
      <c r="DH3" s="540"/>
      <c r="DI3" s="538" t="s">
        <v>151</v>
      </c>
      <c r="DJ3" s="539"/>
      <c r="DK3" s="539"/>
      <c r="DL3" s="539"/>
      <c r="DM3" s="539"/>
      <c r="DN3" s="539"/>
      <c r="DO3" s="539"/>
      <c r="DP3" s="539"/>
      <c r="DQ3" s="539"/>
      <c r="DR3" s="539"/>
      <c r="DS3" s="540"/>
      <c r="DT3" s="538" t="s">
        <v>80</v>
      </c>
      <c r="DU3" s="539"/>
      <c r="DV3" s="539"/>
      <c r="DW3" s="539"/>
      <c r="DX3" s="539"/>
      <c r="DY3" s="539"/>
      <c r="DZ3" s="539"/>
      <c r="EA3" s="539"/>
      <c r="EB3" s="539"/>
      <c r="EC3" s="539"/>
      <c r="ED3" s="540"/>
      <c r="EE3" s="538" t="s">
        <v>68</v>
      </c>
      <c r="EF3" s="539"/>
      <c r="EG3" s="539"/>
      <c r="EH3" s="539"/>
      <c r="EI3" s="539"/>
      <c r="EJ3" s="539"/>
      <c r="EK3" s="539"/>
      <c r="EL3" s="539"/>
      <c r="EM3" s="539"/>
      <c r="EN3" s="539"/>
      <c r="EO3" s="540"/>
      <c r="EP3" s="541" t="s">
        <v>69</v>
      </c>
      <c r="EQ3" s="542"/>
      <c r="ER3" s="542"/>
      <c r="ES3" s="542"/>
      <c r="ET3" s="542"/>
      <c r="EU3" s="542"/>
      <c r="EV3" s="542"/>
      <c r="EW3" s="542"/>
      <c r="EX3" s="542"/>
      <c r="EY3" s="542"/>
      <c r="EZ3" s="543"/>
    </row>
    <row r="4" spans="2:156" ht="21" customHeight="1" x14ac:dyDescent="0.2">
      <c r="B4" s="536"/>
      <c r="C4" s="530" t="s">
        <v>61</v>
      </c>
      <c r="D4" s="531"/>
      <c r="E4" s="532"/>
      <c r="F4" s="533" t="s">
        <v>62</v>
      </c>
      <c r="G4" s="531"/>
      <c r="H4" s="531"/>
      <c r="I4" s="531"/>
      <c r="J4" s="531"/>
      <c r="K4" s="531"/>
      <c r="L4" s="534"/>
      <c r="M4" s="528" t="s">
        <v>52</v>
      </c>
      <c r="N4" s="530" t="s">
        <v>61</v>
      </c>
      <c r="O4" s="531"/>
      <c r="P4" s="532"/>
      <c r="Q4" s="533" t="s">
        <v>62</v>
      </c>
      <c r="R4" s="531"/>
      <c r="S4" s="531"/>
      <c r="T4" s="531"/>
      <c r="U4" s="531"/>
      <c r="V4" s="531"/>
      <c r="W4" s="532"/>
      <c r="X4" s="528" t="s">
        <v>52</v>
      </c>
      <c r="Y4" s="530" t="s">
        <v>61</v>
      </c>
      <c r="Z4" s="531"/>
      <c r="AA4" s="532"/>
      <c r="AB4" s="533" t="s">
        <v>62</v>
      </c>
      <c r="AC4" s="531"/>
      <c r="AD4" s="531"/>
      <c r="AE4" s="531"/>
      <c r="AF4" s="531"/>
      <c r="AG4" s="531"/>
      <c r="AH4" s="532"/>
      <c r="AI4" s="528" t="s">
        <v>52</v>
      </c>
      <c r="AJ4" s="530" t="s">
        <v>61</v>
      </c>
      <c r="AK4" s="531"/>
      <c r="AL4" s="532"/>
      <c r="AM4" s="533" t="s">
        <v>62</v>
      </c>
      <c r="AN4" s="531"/>
      <c r="AO4" s="531"/>
      <c r="AP4" s="531"/>
      <c r="AQ4" s="531"/>
      <c r="AR4" s="531"/>
      <c r="AS4" s="532"/>
      <c r="AT4" s="528" t="s">
        <v>52</v>
      </c>
      <c r="AU4" s="530" t="s">
        <v>61</v>
      </c>
      <c r="AV4" s="531"/>
      <c r="AW4" s="532"/>
      <c r="AX4" s="533" t="s">
        <v>62</v>
      </c>
      <c r="AY4" s="531"/>
      <c r="AZ4" s="531"/>
      <c r="BA4" s="531"/>
      <c r="BB4" s="531"/>
      <c r="BC4" s="531"/>
      <c r="BD4" s="534"/>
      <c r="BE4" s="528" t="s">
        <v>52</v>
      </c>
      <c r="BF4" s="530" t="s">
        <v>61</v>
      </c>
      <c r="BG4" s="531"/>
      <c r="BH4" s="532"/>
      <c r="BI4" s="533" t="s">
        <v>62</v>
      </c>
      <c r="BJ4" s="531"/>
      <c r="BK4" s="531"/>
      <c r="BL4" s="531"/>
      <c r="BM4" s="531"/>
      <c r="BN4" s="531"/>
      <c r="BO4" s="532"/>
      <c r="BP4" s="528" t="s">
        <v>52</v>
      </c>
      <c r="BQ4" s="530" t="s">
        <v>61</v>
      </c>
      <c r="BR4" s="531"/>
      <c r="BS4" s="532"/>
      <c r="BT4" s="533" t="s">
        <v>62</v>
      </c>
      <c r="BU4" s="531"/>
      <c r="BV4" s="531"/>
      <c r="BW4" s="531"/>
      <c r="BX4" s="531"/>
      <c r="BY4" s="531"/>
      <c r="BZ4" s="532"/>
      <c r="CA4" s="528" t="s">
        <v>52</v>
      </c>
      <c r="CB4" s="530" t="s">
        <v>61</v>
      </c>
      <c r="CC4" s="531"/>
      <c r="CD4" s="532"/>
      <c r="CE4" s="533" t="s">
        <v>62</v>
      </c>
      <c r="CF4" s="531"/>
      <c r="CG4" s="531"/>
      <c r="CH4" s="531"/>
      <c r="CI4" s="531"/>
      <c r="CJ4" s="531"/>
      <c r="CK4" s="532"/>
      <c r="CL4" s="528" t="s">
        <v>52</v>
      </c>
      <c r="CM4" s="530" t="s">
        <v>61</v>
      </c>
      <c r="CN4" s="531"/>
      <c r="CO4" s="532"/>
      <c r="CP4" s="533" t="s">
        <v>62</v>
      </c>
      <c r="CQ4" s="531"/>
      <c r="CR4" s="531"/>
      <c r="CS4" s="531"/>
      <c r="CT4" s="531"/>
      <c r="CU4" s="531"/>
      <c r="CV4" s="532"/>
      <c r="CW4" s="528" t="s">
        <v>52</v>
      </c>
      <c r="CX4" s="530" t="s">
        <v>61</v>
      </c>
      <c r="CY4" s="531"/>
      <c r="CZ4" s="532"/>
      <c r="DA4" s="533" t="s">
        <v>62</v>
      </c>
      <c r="DB4" s="531"/>
      <c r="DC4" s="531"/>
      <c r="DD4" s="531"/>
      <c r="DE4" s="531"/>
      <c r="DF4" s="531"/>
      <c r="DG4" s="532"/>
      <c r="DH4" s="528" t="s">
        <v>52</v>
      </c>
      <c r="DI4" s="530" t="s">
        <v>61</v>
      </c>
      <c r="DJ4" s="531"/>
      <c r="DK4" s="532"/>
      <c r="DL4" s="533" t="s">
        <v>62</v>
      </c>
      <c r="DM4" s="531"/>
      <c r="DN4" s="531"/>
      <c r="DO4" s="531"/>
      <c r="DP4" s="531"/>
      <c r="DQ4" s="531"/>
      <c r="DR4" s="532"/>
      <c r="DS4" s="528" t="s">
        <v>52</v>
      </c>
      <c r="DT4" s="530" t="s">
        <v>61</v>
      </c>
      <c r="DU4" s="531"/>
      <c r="DV4" s="532"/>
      <c r="DW4" s="533" t="s">
        <v>62</v>
      </c>
      <c r="DX4" s="531"/>
      <c r="DY4" s="531"/>
      <c r="DZ4" s="531"/>
      <c r="EA4" s="531"/>
      <c r="EB4" s="531"/>
      <c r="EC4" s="532"/>
      <c r="ED4" s="528" t="s">
        <v>52</v>
      </c>
      <c r="EE4" s="530" t="s">
        <v>61</v>
      </c>
      <c r="EF4" s="531"/>
      <c r="EG4" s="532"/>
      <c r="EH4" s="533" t="s">
        <v>62</v>
      </c>
      <c r="EI4" s="531"/>
      <c r="EJ4" s="531"/>
      <c r="EK4" s="531"/>
      <c r="EL4" s="531"/>
      <c r="EM4" s="531"/>
      <c r="EN4" s="532"/>
      <c r="EO4" s="528" t="s">
        <v>52</v>
      </c>
      <c r="EP4" s="530" t="s">
        <v>61</v>
      </c>
      <c r="EQ4" s="531"/>
      <c r="ER4" s="532"/>
      <c r="ES4" s="533" t="s">
        <v>62</v>
      </c>
      <c r="ET4" s="531"/>
      <c r="EU4" s="531"/>
      <c r="EV4" s="531"/>
      <c r="EW4" s="531"/>
      <c r="EX4" s="531"/>
      <c r="EY4" s="532"/>
      <c r="EZ4" s="528" t="s">
        <v>52</v>
      </c>
    </row>
    <row r="5" spans="2:156" ht="30" customHeight="1" thickBot="1" x14ac:dyDescent="0.25">
      <c r="B5" s="537"/>
      <c r="C5" s="348" t="s">
        <v>43</v>
      </c>
      <c r="D5" s="259" t="s">
        <v>161</v>
      </c>
      <c r="E5" s="374" t="s">
        <v>45</v>
      </c>
      <c r="F5" s="267" t="s">
        <v>83</v>
      </c>
      <c r="G5" s="259" t="s">
        <v>47</v>
      </c>
      <c r="H5" s="259" t="s">
        <v>48</v>
      </c>
      <c r="I5" s="259" t="s">
        <v>49</v>
      </c>
      <c r="J5" s="259" t="s">
        <v>50</v>
      </c>
      <c r="K5" s="259" t="s">
        <v>51</v>
      </c>
      <c r="L5" s="268" t="s">
        <v>45</v>
      </c>
      <c r="M5" s="529"/>
      <c r="N5" s="348" t="s">
        <v>43</v>
      </c>
      <c r="O5" s="259" t="s">
        <v>44</v>
      </c>
      <c r="P5" s="265" t="s">
        <v>45</v>
      </c>
      <c r="Q5" s="267" t="s">
        <v>83</v>
      </c>
      <c r="R5" s="259" t="s">
        <v>47</v>
      </c>
      <c r="S5" s="259" t="s">
        <v>48</v>
      </c>
      <c r="T5" s="259" t="s">
        <v>49</v>
      </c>
      <c r="U5" s="259" t="s">
        <v>50</v>
      </c>
      <c r="V5" s="259" t="s">
        <v>51</v>
      </c>
      <c r="W5" s="265" t="s">
        <v>45</v>
      </c>
      <c r="X5" s="529"/>
      <c r="Y5" s="348" t="s">
        <v>43</v>
      </c>
      <c r="Z5" s="259" t="s">
        <v>44</v>
      </c>
      <c r="AA5" s="265" t="s">
        <v>45</v>
      </c>
      <c r="AB5" s="267" t="s">
        <v>83</v>
      </c>
      <c r="AC5" s="259" t="s">
        <v>47</v>
      </c>
      <c r="AD5" s="259" t="s">
        <v>48</v>
      </c>
      <c r="AE5" s="259" t="s">
        <v>49</v>
      </c>
      <c r="AF5" s="259" t="s">
        <v>50</v>
      </c>
      <c r="AG5" s="259" t="s">
        <v>51</v>
      </c>
      <c r="AH5" s="265" t="s">
        <v>45</v>
      </c>
      <c r="AI5" s="529"/>
      <c r="AJ5" s="348" t="s">
        <v>43</v>
      </c>
      <c r="AK5" s="259" t="s">
        <v>44</v>
      </c>
      <c r="AL5" s="265" t="s">
        <v>45</v>
      </c>
      <c r="AM5" s="267" t="s">
        <v>83</v>
      </c>
      <c r="AN5" s="259" t="s">
        <v>47</v>
      </c>
      <c r="AO5" s="259" t="s">
        <v>48</v>
      </c>
      <c r="AP5" s="259" t="s">
        <v>49</v>
      </c>
      <c r="AQ5" s="259" t="s">
        <v>50</v>
      </c>
      <c r="AR5" s="259" t="s">
        <v>51</v>
      </c>
      <c r="AS5" s="265" t="s">
        <v>45</v>
      </c>
      <c r="AT5" s="529"/>
      <c r="AU5" s="348" t="s">
        <v>43</v>
      </c>
      <c r="AV5" s="259" t="s">
        <v>44</v>
      </c>
      <c r="AW5" s="265" t="s">
        <v>45</v>
      </c>
      <c r="AX5" s="267" t="s">
        <v>83</v>
      </c>
      <c r="AY5" s="259" t="s">
        <v>47</v>
      </c>
      <c r="AZ5" s="259" t="s">
        <v>48</v>
      </c>
      <c r="BA5" s="259" t="s">
        <v>49</v>
      </c>
      <c r="BB5" s="259" t="s">
        <v>50</v>
      </c>
      <c r="BC5" s="259" t="s">
        <v>51</v>
      </c>
      <c r="BD5" s="268" t="s">
        <v>45</v>
      </c>
      <c r="BE5" s="529"/>
      <c r="BF5" s="348" t="s">
        <v>43</v>
      </c>
      <c r="BG5" s="259" t="s">
        <v>44</v>
      </c>
      <c r="BH5" s="265" t="s">
        <v>45</v>
      </c>
      <c r="BI5" s="267" t="s">
        <v>83</v>
      </c>
      <c r="BJ5" s="259" t="s">
        <v>47</v>
      </c>
      <c r="BK5" s="259" t="s">
        <v>48</v>
      </c>
      <c r="BL5" s="259" t="s">
        <v>49</v>
      </c>
      <c r="BM5" s="259" t="s">
        <v>50</v>
      </c>
      <c r="BN5" s="259" t="s">
        <v>51</v>
      </c>
      <c r="BO5" s="265" t="s">
        <v>45</v>
      </c>
      <c r="BP5" s="529"/>
      <c r="BQ5" s="348" t="s">
        <v>43</v>
      </c>
      <c r="BR5" s="259" t="s">
        <v>44</v>
      </c>
      <c r="BS5" s="265" t="s">
        <v>45</v>
      </c>
      <c r="BT5" s="267" t="s">
        <v>83</v>
      </c>
      <c r="BU5" s="259" t="s">
        <v>47</v>
      </c>
      <c r="BV5" s="259" t="s">
        <v>48</v>
      </c>
      <c r="BW5" s="259" t="s">
        <v>49</v>
      </c>
      <c r="BX5" s="259" t="s">
        <v>50</v>
      </c>
      <c r="BY5" s="259" t="s">
        <v>51</v>
      </c>
      <c r="BZ5" s="265" t="s">
        <v>45</v>
      </c>
      <c r="CA5" s="529"/>
      <c r="CB5" s="348" t="s">
        <v>43</v>
      </c>
      <c r="CC5" s="259" t="s">
        <v>44</v>
      </c>
      <c r="CD5" s="265" t="s">
        <v>45</v>
      </c>
      <c r="CE5" s="267" t="s">
        <v>83</v>
      </c>
      <c r="CF5" s="259" t="s">
        <v>47</v>
      </c>
      <c r="CG5" s="259" t="s">
        <v>48</v>
      </c>
      <c r="CH5" s="259" t="s">
        <v>49</v>
      </c>
      <c r="CI5" s="259" t="s">
        <v>50</v>
      </c>
      <c r="CJ5" s="259" t="s">
        <v>51</v>
      </c>
      <c r="CK5" s="265" t="s">
        <v>45</v>
      </c>
      <c r="CL5" s="529"/>
      <c r="CM5" s="348" t="s">
        <v>43</v>
      </c>
      <c r="CN5" s="259" t="s">
        <v>44</v>
      </c>
      <c r="CO5" s="265" t="s">
        <v>45</v>
      </c>
      <c r="CP5" s="267" t="s">
        <v>83</v>
      </c>
      <c r="CQ5" s="259" t="s">
        <v>47</v>
      </c>
      <c r="CR5" s="259" t="s">
        <v>48</v>
      </c>
      <c r="CS5" s="259" t="s">
        <v>49</v>
      </c>
      <c r="CT5" s="259" t="s">
        <v>50</v>
      </c>
      <c r="CU5" s="259" t="s">
        <v>51</v>
      </c>
      <c r="CV5" s="265" t="s">
        <v>45</v>
      </c>
      <c r="CW5" s="529"/>
      <c r="CX5" s="348" t="s">
        <v>43</v>
      </c>
      <c r="CY5" s="259" t="s">
        <v>44</v>
      </c>
      <c r="CZ5" s="265" t="s">
        <v>45</v>
      </c>
      <c r="DA5" s="267" t="s">
        <v>83</v>
      </c>
      <c r="DB5" s="259" t="s">
        <v>47</v>
      </c>
      <c r="DC5" s="259" t="s">
        <v>48</v>
      </c>
      <c r="DD5" s="259" t="s">
        <v>49</v>
      </c>
      <c r="DE5" s="259" t="s">
        <v>50</v>
      </c>
      <c r="DF5" s="259" t="s">
        <v>51</v>
      </c>
      <c r="DG5" s="265" t="s">
        <v>45</v>
      </c>
      <c r="DH5" s="529"/>
      <c r="DI5" s="348" t="s">
        <v>43</v>
      </c>
      <c r="DJ5" s="259" t="s">
        <v>44</v>
      </c>
      <c r="DK5" s="265" t="s">
        <v>45</v>
      </c>
      <c r="DL5" s="267" t="s">
        <v>83</v>
      </c>
      <c r="DM5" s="259" t="s">
        <v>47</v>
      </c>
      <c r="DN5" s="259" t="s">
        <v>48</v>
      </c>
      <c r="DO5" s="259" t="s">
        <v>49</v>
      </c>
      <c r="DP5" s="259" t="s">
        <v>50</v>
      </c>
      <c r="DQ5" s="259" t="s">
        <v>51</v>
      </c>
      <c r="DR5" s="265" t="s">
        <v>45</v>
      </c>
      <c r="DS5" s="529"/>
      <c r="DT5" s="348" t="s">
        <v>43</v>
      </c>
      <c r="DU5" s="259" t="s">
        <v>44</v>
      </c>
      <c r="DV5" s="265" t="s">
        <v>45</v>
      </c>
      <c r="DW5" s="267" t="s">
        <v>83</v>
      </c>
      <c r="DX5" s="259" t="s">
        <v>47</v>
      </c>
      <c r="DY5" s="259" t="s">
        <v>48</v>
      </c>
      <c r="DZ5" s="259" t="s">
        <v>49</v>
      </c>
      <c r="EA5" s="259" t="s">
        <v>50</v>
      </c>
      <c r="EB5" s="259" t="s">
        <v>51</v>
      </c>
      <c r="EC5" s="265" t="s">
        <v>45</v>
      </c>
      <c r="ED5" s="529"/>
      <c r="EE5" s="348" t="s">
        <v>43</v>
      </c>
      <c r="EF5" s="259" t="s">
        <v>44</v>
      </c>
      <c r="EG5" s="265" t="s">
        <v>45</v>
      </c>
      <c r="EH5" s="267" t="s">
        <v>83</v>
      </c>
      <c r="EI5" s="259" t="s">
        <v>47</v>
      </c>
      <c r="EJ5" s="259" t="s">
        <v>48</v>
      </c>
      <c r="EK5" s="259" t="s">
        <v>49</v>
      </c>
      <c r="EL5" s="259" t="s">
        <v>50</v>
      </c>
      <c r="EM5" s="259" t="s">
        <v>51</v>
      </c>
      <c r="EN5" s="265" t="s">
        <v>45</v>
      </c>
      <c r="EO5" s="529"/>
      <c r="EP5" s="348" t="s">
        <v>43</v>
      </c>
      <c r="EQ5" s="259" t="s">
        <v>44</v>
      </c>
      <c r="ER5" s="265" t="s">
        <v>45</v>
      </c>
      <c r="ES5" s="267" t="s">
        <v>83</v>
      </c>
      <c r="ET5" s="259" t="s">
        <v>47</v>
      </c>
      <c r="EU5" s="259" t="s">
        <v>48</v>
      </c>
      <c r="EV5" s="259" t="s">
        <v>49</v>
      </c>
      <c r="EW5" s="259" t="s">
        <v>50</v>
      </c>
      <c r="EX5" s="259" t="s">
        <v>51</v>
      </c>
      <c r="EY5" s="265" t="s">
        <v>45</v>
      </c>
      <c r="EZ5" s="529"/>
    </row>
    <row r="6" spans="2:156" ht="21" customHeight="1" x14ac:dyDescent="0.2">
      <c r="B6" s="260" t="s">
        <v>4</v>
      </c>
      <c r="C6" s="269">
        <v>0</v>
      </c>
      <c r="D6" s="273">
        <v>0</v>
      </c>
      <c r="E6" s="375">
        <v>0</v>
      </c>
      <c r="F6" s="272">
        <v>0</v>
      </c>
      <c r="G6" s="273">
        <v>1183</v>
      </c>
      <c r="H6" s="273">
        <v>1277</v>
      </c>
      <c r="I6" s="273">
        <v>671</v>
      </c>
      <c r="J6" s="273">
        <v>603</v>
      </c>
      <c r="K6" s="273">
        <v>436</v>
      </c>
      <c r="L6" s="274">
        <v>4170</v>
      </c>
      <c r="M6" s="275">
        <v>4170</v>
      </c>
      <c r="N6" s="269">
        <v>1</v>
      </c>
      <c r="O6" s="273">
        <v>1</v>
      </c>
      <c r="P6" s="270">
        <v>2</v>
      </c>
      <c r="Q6" s="272">
        <v>0</v>
      </c>
      <c r="R6" s="273">
        <v>10</v>
      </c>
      <c r="S6" s="273">
        <v>30</v>
      </c>
      <c r="T6" s="273">
        <v>62</v>
      </c>
      <c r="U6" s="273">
        <v>147</v>
      </c>
      <c r="V6" s="273">
        <v>226</v>
      </c>
      <c r="W6" s="270">
        <v>475</v>
      </c>
      <c r="X6" s="275">
        <v>477</v>
      </c>
      <c r="Y6" s="269">
        <v>230</v>
      </c>
      <c r="Z6" s="273">
        <v>431</v>
      </c>
      <c r="AA6" s="270">
        <v>661</v>
      </c>
      <c r="AB6" s="272">
        <v>0</v>
      </c>
      <c r="AC6" s="273">
        <v>931</v>
      </c>
      <c r="AD6" s="273">
        <v>1207</v>
      </c>
      <c r="AE6" s="273">
        <v>722</v>
      </c>
      <c r="AF6" s="273">
        <v>627</v>
      </c>
      <c r="AG6" s="273">
        <v>427</v>
      </c>
      <c r="AH6" s="270">
        <v>3914</v>
      </c>
      <c r="AI6" s="275">
        <v>4575</v>
      </c>
      <c r="AJ6" s="269">
        <v>16</v>
      </c>
      <c r="AK6" s="273">
        <v>50</v>
      </c>
      <c r="AL6" s="270">
        <v>66</v>
      </c>
      <c r="AM6" s="272">
        <v>0</v>
      </c>
      <c r="AN6" s="273">
        <v>105</v>
      </c>
      <c r="AO6" s="273">
        <v>152</v>
      </c>
      <c r="AP6" s="273">
        <v>90</v>
      </c>
      <c r="AQ6" s="273">
        <v>91</v>
      </c>
      <c r="AR6" s="273">
        <v>45</v>
      </c>
      <c r="AS6" s="270">
        <v>483</v>
      </c>
      <c r="AT6" s="275">
        <v>549</v>
      </c>
      <c r="AU6" s="269">
        <v>300</v>
      </c>
      <c r="AV6" s="273">
        <v>342</v>
      </c>
      <c r="AW6" s="270">
        <v>642</v>
      </c>
      <c r="AX6" s="272">
        <v>0</v>
      </c>
      <c r="AY6" s="273">
        <v>1277</v>
      </c>
      <c r="AZ6" s="273">
        <v>1548</v>
      </c>
      <c r="BA6" s="273">
        <v>1330</v>
      </c>
      <c r="BB6" s="273">
        <v>1487</v>
      </c>
      <c r="BC6" s="273">
        <v>1012</v>
      </c>
      <c r="BD6" s="274">
        <v>6654</v>
      </c>
      <c r="BE6" s="275">
        <v>7296</v>
      </c>
      <c r="BF6" s="269">
        <v>0</v>
      </c>
      <c r="BG6" s="273">
        <v>0</v>
      </c>
      <c r="BH6" s="270">
        <v>0</v>
      </c>
      <c r="BI6" s="272">
        <v>0</v>
      </c>
      <c r="BJ6" s="273">
        <v>1393</v>
      </c>
      <c r="BK6" s="273">
        <v>1180</v>
      </c>
      <c r="BL6" s="273">
        <v>590</v>
      </c>
      <c r="BM6" s="273">
        <v>348</v>
      </c>
      <c r="BN6" s="273">
        <v>145</v>
      </c>
      <c r="BO6" s="270">
        <v>3656</v>
      </c>
      <c r="BP6" s="275">
        <v>3656</v>
      </c>
      <c r="BQ6" s="269">
        <v>110</v>
      </c>
      <c r="BR6" s="273">
        <v>160</v>
      </c>
      <c r="BS6" s="270">
        <v>270</v>
      </c>
      <c r="BT6" s="272">
        <v>0</v>
      </c>
      <c r="BU6" s="273">
        <v>327</v>
      </c>
      <c r="BV6" s="273">
        <v>467</v>
      </c>
      <c r="BW6" s="273">
        <v>255</v>
      </c>
      <c r="BX6" s="273">
        <v>197</v>
      </c>
      <c r="BY6" s="273">
        <v>79</v>
      </c>
      <c r="BZ6" s="270">
        <v>1325</v>
      </c>
      <c r="CA6" s="275">
        <v>1595</v>
      </c>
      <c r="CB6" s="269">
        <v>3</v>
      </c>
      <c r="CC6" s="273">
        <v>13</v>
      </c>
      <c r="CD6" s="270">
        <v>16</v>
      </c>
      <c r="CE6" s="272">
        <v>0</v>
      </c>
      <c r="CF6" s="273">
        <v>130</v>
      </c>
      <c r="CG6" s="273">
        <v>215</v>
      </c>
      <c r="CH6" s="273">
        <v>259</v>
      </c>
      <c r="CI6" s="273">
        <v>203</v>
      </c>
      <c r="CJ6" s="273">
        <v>85</v>
      </c>
      <c r="CK6" s="270">
        <v>892</v>
      </c>
      <c r="CL6" s="275">
        <v>908</v>
      </c>
      <c r="CM6" s="269">
        <v>0</v>
      </c>
      <c r="CN6" s="273">
        <v>2</v>
      </c>
      <c r="CO6" s="270">
        <v>2</v>
      </c>
      <c r="CP6" s="272">
        <v>0</v>
      </c>
      <c r="CQ6" s="273">
        <v>17</v>
      </c>
      <c r="CR6" s="273">
        <v>52</v>
      </c>
      <c r="CS6" s="273">
        <v>46</v>
      </c>
      <c r="CT6" s="273">
        <v>43</v>
      </c>
      <c r="CU6" s="273">
        <v>22</v>
      </c>
      <c r="CV6" s="270">
        <v>180</v>
      </c>
      <c r="CW6" s="275">
        <v>182</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00</v>
      </c>
      <c r="DU6" s="273">
        <v>1236</v>
      </c>
      <c r="DV6" s="270">
        <v>1836</v>
      </c>
      <c r="DW6" s="272">
        <v>0</v>
      </c>
      <c r="DX6" s="273">
        <v>1608</v>
      </c>
      <c r="DY6" s="273">
        <v>2756</v>
      </c>
      <c r="DZ6" s="273">
        <v>1646</v>
      </c>
      <c r="EA6" s="273">
        <v>1312</v>
      </c>
      <c r="EB6" s="273">
        <v>769</v>
      </c>
      <c r="EC6" s="270">
        <v>8091</v>
      </c>
      <c r="ED6" s="275">
        <v>9927</v>
      </c>
      <c r="EE6" s="269">
        <v>201</v>
      </c>
      <c r="EF6" s="273">
        <v>153</v>
      </c>
      <c r="EG6" s="270">
        <v>354</v>
      </c>
      <c r="EH6" s="272">
        <v>0</v>
      </c>
      <c r="EI6" s="273">
        <v>623</v>
      </c>
      <c r="EJ6" s="273">
        <v>650</v>
      </c>
      <c r="EK6" s="273">
        <v>543</v>
      </c>
      <c r="EL6" s="273">
        <v>694</v>
      </c>
      <c r="EM6" s="273">
        <v>366</v>
      </c>
      <c r="EN6" s="270">
        <v>2876</v>
      </c>
      <c r="EO6" s="275">
        <v>3230</v>
      </c>
      <c r="EP6" s="269">
        <v>881</v>
      </c>
      <c r="EQ6" s="273">
        <v>1594</v>
      </c>
      <c r="ER6" s="270">
        <v>2475</v>
      </c>
      <c r="ES6" s="272">
        <v>0</v>
      </c>
      <c r="ET6" s="273">
        <v>3797</v>
      </c>
      <c r="EU6" s="273">
        <v>3904</v>
      </c>
      <c r="EV6" s="273">
        <v>2000</v>
      </c>
      <c r="EW6" s="273">
        <v>1428</v>
      </c>
      <c r="EX6" s="273">
        <v>809</v>
      </c>
      <c r="EY6" s="270">
        <v>11938</v>
      </c>
      <c r="EZ6" s="275">
        <v>14413</v>
      </c>
    </row>
    <row r="7" spans="2:156" ht="21" customHeight="1" x14ac:dyDescent="0.2">
      <c r="B7" s="261" t="s">
        <v>5</v>
      </c>
      <c r="C7" s="276">
        <v>0</v>
      </c>
      <c r="D7" s="280">
        <v>0</v>
      </c>
      <c r="E7" s="376">
        <v>0</v>
      </c>
      <c r="F7" s="279">
        <v>0</v>
      </c>
      <c r="G7" s="280">
        <v>457</v>
      </c>
      <c r="H7" s="280">
        <v>701</v>
      </c>
      <c r="I7" s="280">
        <v>288</v>
      </c>
      <c r="J7" s="280">
        <v>264</v>
      </c>
      <c r="K7" s="280">
        <v>186</v>
      </c>
      <c r="L7" s="281">
        <v>1896</v>
      </c>
      <c r="M7" s="282">
        <v>1896</v>
      </c>
      <c r="N7" s="276">
        <v>1</v>
      </c>
      <c r="O7" s="280">
        <v>1</v>
      </c>
      <c r="P7" s="277">
        <v>2</v>
      </c>
      <c r="Q7" s="279">
        <v>0</v>
      </c>
      <c r="R7" s="280">
        <v>1</v>
      </c>
      <c r="S7" s="280">
        <v>13</v>
      </c>
      <c r="T7" s="280">
        <v>35</v>
      </c>
      <c r="U7" s="280">
        <v>61</v>
      </c>
      <c r="V7" s="280">
        <v>101</v>
      </c>
      <c r="W7" s="277">
        <v>211</v>
      </c>
      <c r="X7" s="282">
        <v>213</v>
      </c>
      <c r="Y7" s="276">
        <v>119</v>
      </c>
      <c r="Z7" s="280">
        <v>218</v>
      </c>
      <c r="AA7" s="277">
        <v>337</v>
      </c>
      <c r="AB7" s="279">
        <v>0</v>
      </c>
      <c r="AC7" s="280">
        <v>344</v>
      </c>
      <c r="AD7" s="280">
        <v>661</v>
      </c>
      <c r="AE7" s="280">
        <v>336</v>
      </c>
      <c r="AF7" s="280">
        <v>283</v>
      </c>
      <c r="AG7" s="280">
        <v>191</v>
      </c>
      <c r="AH7" s="277">
        <v>1815</v>
      </c>
      <c r="AI7" s="282">
        <v>2152</v>
      </c>
      <c r="AJ7" s="276">
        <v>8</v>
      </c>
      <c r="AK7" s="280">
        <v>35</v>
      </c>
      <c r="AL7" s="277">
        <v>43</v>
      </c>
      <c r="AM7" s="279">
        <v>0</v>
      </c>
      <c r="AN7" s="280">
        <v>35</v>
      </c>
      <c r="AO7" s="280">
        <v>73</v>
      </c>
      <c r="AP7" s="280">
        <v>36</v>
      </c>
      <c r="AQ7" s="280">
        <v>44</v>
      </c>
      <c r="AR7" s="280">
        <v>19</v>
      </c>
      <c r="AS7" s="277">
        <v>207</v>
      </c>
      <c r="AT7" s="282">
        <v>250</v>
      </c>
      <c r="AU7" s="276">
        <v>130</v>
      </c>
      <c r="AV7" s="280">
        <v>194</v>
      </c>
      <c r="AW7" s="277">
        <v>324</v>
      </c>
      <c r="AX7" s="279">
        <v>0</v>
      </c>
      <c r="AY7" s="280">
        <v>510</v>
      </c>
      <c r="AZ7" s="280">
        <v>778</v>
      </c>
      <c r="BA7" s="280">
        <v>600</v>
      </c>
      <c r="BB7" s="280">
        <v>672</v>
      </c>
      <c r="BC7" s="280">
        <v>429</v>
      </c>
      <c r="BD7" s="281">
        <v>2989</v>
      </c>
      <c r="BE7" s="282">
        <v>3313</v>
      </c>
      <c r="BF7" s="276">
        <v>0</v>
      </c>
      <c r="BG7" s="280">
        <v>0</v>
      </c>
      <c r="BH7" s="277">
        <v>0</v>
      </c>
      <c r="BI7" s="279">
        <v>0</v>
      </c>
      <c r="BJ7" s="280">
        <v>478</v>
      </c>
      <c r="BK7" s="280">
        <v>478</v>
      </c>
      <c r="BL7" s="280">
        <v>242</v>
      </c>
      <c r="BM7" s="280">
        <v>124</v>
      </c>
      <c r="BN7" s="280">
        <v>51</v>
      </c>
      <c r="BO7" s="277">
        <v>1373</v>
      </c>
      <c r="BP7" s="282">
        <v>1373</v>
      </c>
      <c r="BQ7" s="276">
        <v>54</v>
      </c>
      <c r="BR7" s="280">
        <v>82</v>
      </c>
      <c r="BS7" s="277">
        <v>136</v>
      </c>
      <c r="BT7" s="279">
        <v>0</v>
      </c>
      <c r="BU7" s="280">
        <v>111</v>
      </c>
      <c r="BV7" s="280">
        <v>225</v>
      </c>
      <c r="BW7" s="280">
        <v>126</v>
      </c>
      <c r="BX7" s="280">
        <v>82</v>
      </c>
      <c r="BY7" s="280">
        <v>42</v>
      </c>
      <c r="BZ7" s="277">
        <v>586</v>
      </c>
      <c r="CA7" s="282">
        <v>722</v>
      </c>
      <c r="CB7" s="276">
        <v>1</v>
      </c>
      <c r="CC7" s="280">
        <v>4</v>
      </c>
      <c r="CD7" s="277">
        <v>5</v>
      </c>
      <c r="CE7" s="279">
        <v>0</v>
      </c>
      <c r="CF7" s="280">
        <v>43</v>
      </c>
      <c r="CG7" s="280">
        <v>86</v>
      </c>
      <c r="CH7" s="280">
        <v>106</v>
      </c>
      <c r="CI7" s="280">
        <v>77</v>
      </c>
      <c r="CJ7" s="280">
        <v>32</v>
      </c>
      <c r="CK7" s="277">
        <v>344</v>
      </c>
      <c r="CL7" s="282">
        <v>349</v>
      </c>
      <c r="CM7" s="276">
        <v>0</v>
      </c>
      <c r="CN7" s="280">
        <v>2</v>
      </c>
      <c r="CO7" s="277">
        <v>2</v>
      </c>
      <c r="CP7" s="279">
        <v>0</v>
      </c>
      <c r="CQ7" s="280">
        <v>6</v>
      </c>
      <c r="CR7" s="280">
        <v>33</v>
      </c>
      <c r="CS7" s="280">
        <v>28</v>
      </c>
      <c r="CT7" s="280">
        <v>23</v>
      </c>
      <c r="CU7" s="280">
        <v>11</v>
      </c>
      <c r="CV7" s="277">
        <v>101</v>
      </c>
      <c r="CW7" s="282">
        <v>103</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25</v>
      </c>
      <c r="DU7" s="280">
        <v>571</v>
      </c>
      <c r="DV7" s="277">
        <v>796</v>
      </c>
      <c r="DW7" s="279">
        <v>0</v>
      </c>
      <c r="DX7" s="280">
        <v>493</v>
      </c>
      <c r="DY7" s="280">
        <v>1323</v>
      </c>
      <c r="DZ7" s="280">
        <v>693</v>
      </c>
      <c r="EA7" s="280">
        <v>562</v>
      </c>
      <c r="EB7" s="280">
        <v>320</v>
      </c>
      <c r="EC7" s="277">
        <v>3391</v>
      </c>
      <c r="ED7" s="282">
        <v>4187</v>
      </c>
      <c r="EE7" s="276">
        <v>87</v>
      </c>
      <c r="EF7" s="280">
        <v>81</v>
      </c>
      <c r="EG7" s="277">
        <v>168</v>
      </c>
      <c r="EH7" s="279">
        <v>0</v>
      </c>
      <c r="EI7" s="280">
        <v>264</v>
      </c>
      <c r="EJ7" s="280">
        <v>344</v>
      </c>
      <c r="EK7" s="280">
        <v>262</v>
      </c>
      <c r="EL7" s="280">
        <v>329</v>
      </c>
      <c r="EM7" s="280">
        <v>161</v>
      </c>
      <c r="EN7" s="277">
        <v>1360</v>
      </c>
      <c r="EO7" s="282">
        <v>1528</v>
      </c>
      <c r="EP7" s="276">
        <v>371</v>
      </c>
      <c r="EQ7" s="280">
        <v>765</v>
      </c>
      <c r="ER7" s="277">
        <v>1136</v>
      </c>
      <c r="ES7" s="279">
        <v>0</v>
      </c>
      <c r="ET7" s="280">
        <v>1370</v>
      </c>
      <c r="EU7" s="280">
        <v>1883</v>
      </c>
      <c r="EV7" s="280">
        <v>877</v>
      </c>
      <c r="EW7" s="280">
        <v>619</v>
      </c>
      <c r="EX7" s="280">
        <v>354</v>
      </c>
      <c r="EY7" s="277">
        <v>5103</v>
      </c>
      <c r="EZ7" s="282">
        <v>6239</v>
      </c>
    </row>
    <row r="8" spans="2:156" ht="21" customHeight="1" x14ac:dyDescent="0.2">
      <c r="B8" s="261" t="s">
        <v>6</v>
      </c>
      <c r="C8" s="276">
        <v>0</v>
      </c>
      <c r="D8" s="280">
        <v>0</v>
      </c>
      <c r="E8" s="376">
        <v>0</v>
      </c>
      <c r="F8" s="279">
        <v>0</v>
      </c>
      <c r="G8" s="280">
        <v>231</v>
      </c>
      <c r="H8" s="280">
        <v>168</v>
      </c>
      <c r="I8" s="280">
        <v>109</v>
      </c>
      <c r="J8" s="280">
        <v>109</v>
      </c>
      <c r="K8" s="280">
        <v>73</v>
      </c>
      <c r="L8" s="281">
        <v>690</v>
      </c>
      <c r="M8" s="282">
        <v>690</v>
      </c>
      <c r="N8" s="276">
        <v>0</v>
      </c>
      <c r="O8" s="280">
        <v>0</v>
      </c>
      <c r="P8" s="277">
        <v>0</v>
      </c>
      <c r="Q8" s="279">
        <v>0</v>
      </c>
      <c r="R8" s="280">
        <v>2</v>
      </c>
      <c r="S8" s="280">
        <v>7</v>
      </c>
      <c r="T8" s="280">
        <v>8</v>
      </c>
      <c r="U8" s="280">
        <v>28</v>
      </c>
      <c r="V8" s="280">
        <v>33</v>
      </c>
      <c r="W8" s="277">
        <v>78</v>
      </c>
      <c r="X8" s="282">
        <v>78</v>
      </c>
      <c r="Y8" s="276">
        <v>31</v>
      </c>
      <c r="Z8" s="280">
        <v>76</v>
      </c>
      <c r="AA8" s="277">
        <v>107</v>
      </c>
      <c r="AB8" s="279">
        <v>0</v>
      </c>
      <c r="AC8" s="280">
        <v>209</v>
      </c>
      <c r="AD8" s="280">
        <v>182</v>
      </c>
      <c r="AE8" s="280">
        <v>135</v>
      </c>
      <c r="AF8" s="280">
        <v>119</v>
      </c>
      <c r="AG8" s="280">
        <v>70</v>
      </c>
      <c r="AH8" s="277">
        <v>715</v>
      </c>
      <c r="AI8" s="282">
        <v>822</v>
      </c>
      <c r="AJ8" s="276">
        <v>2</v>
      </c>
      <c r="AK8" s="280">
        <v>0</v>
      </c>
      <c r="AL8" s="277">
        <v>2</v>
      </c>
      <c r="AM8" s="279">
        <v>0</v>
      </c>
      <c r="AN8" s="280">
        <v>14</v>
      </c>
      <c r="AO8" s="280">
        <v>18</v>
      </c>
      <c r="AP8" s="280">
        <v>18</v>
      </c>
      <c r="AQ8" s="280">
        <v>14</v>
      </c>
      <c r="AR8" s="280">
        <v>7</v>
      </c>
      <c r="AS8" s="277">
        <v>71</v>
      </c>
      <c r="AT8" s="282">
        <v>73</v>
      </c>
      <c r="AU8" s="276">
        <v>53</v>
      </c>
      <c r="AV8" s="280">
        <v>53</v>
      </c>
      <c r="AW8" s="277">
        <v>106</v>
      </c>
      <c r="AX8" s="279">
        <v>0</v>
      </c>
      <c r="AY8" s="280">
        <v>263</v>
      </c>
      <c r="AZ8" s="280">
        <v>251</v>
      </c>
      <c r="BA8" s="280">
        <v>242</v>
      </c>
      <c r="BB8" s="280">
        <v>266</v>
      </c>
      <c r="BC8" s="280">
        <v>192</v>
      </c>
      <c r="BD8" s="281">
        <v>1214</v>
      </c>
      <c r="BE8" s="282">
        <v>1320</v>
      </c>
      <c r="BF8" s="276">
        <v>0</v>
      </c>
      <c r="BG8" s="280">
        <v>0</v>
      </c>
      <c r="BH8" s="277">
        <v>0</v>
      </c>
      <c r="BI8" s="279">
        <v>0</v>
      </c>
      <c r="BJ8" s="280">
        <v>281</v>
      </c>
      <c r="BK8" s="280">
        <v>181</v>
      </c>
      <c r="BL8" s="280">
        <v>81</v>
      </c>
      <c r="BM8" s="280">
        <v>64</v>
      </c>
      <c r="BN8" s="280">
        <v>29</v>
      </c>
      <c r="BO8" s="277">
        <v>636</v>
      </c>
      <c r="BP8" s="282">
        <v>636</v>
      </c>
      <c r="BQ8" s="276">
        <v>10</v>
      </c>
      <c r="BR8" s="280">
        <v>14</v>
      </c>
      <c r="BS8" s="277">
        <v>24</v>
      </c>
      <c r="BT8" s="279">
        <v>0</v>
      </c>
      <c r="BU8" s="280">
        <v>52</v>
      </c>
      <c r="BV8" s="280">
        <v>56</v>
      </c>
      <c r="BW8" s="280">
        <v>33</v>
      </c>
      <c r="BX8" s="280">
        <v>39</v>
      </c>
      <c r="BY8" s="280">
        <v>8</v>
      </c>
      <c r="BZ8" s="277">
        <v>188</v>
      </c>
      <c r="CA8" s="282">
        <v>212</v>
      </c>
      <c r="CB8" s="276">
        <v>1</v>
      </c>
      <c r="CC8" s="280">
        <v>0</v>
      </c>
      <c r="CD8" s="277">
        <v>1</v>
      </c>
      <c r="CE8" s="279">
        <v>0</v>
      </c>
      <c r="CF8" s="280">
        <v>16</v>
      </c>
      <c r="CG8" s="280">
        <v>22</v>
      </c>
      <c r="CH8" s="280">
        <v>40</v>
      </c>
      <c r="CI8" s="280">
        <v>31</v>
      </c>
      <c r="CJ8" s="280">
        <v>12</v>
      </c>
      <c r="CK8" s="277">
        <v>121</v>
      </c>
      <c r="CL8" s="282">
        <v>122</v>
      </c>
      <c r="CM8" s="276">
        <v>0</v>
      </c>
      <c r="CN8" s="280">
        <v>0</v>
      </c>
      <c r="CO8" s="277">
        <v>0</v>
      </c>
      <c r="CP8" s="279">
        <v>0</v>
      </c>
      <c r="CQ8" s="280">
        <v>5</v>
      </c>
      <c r="CR8" s="280">
        <v>8</v>
      </c>
      <c r="CS8" s="280">
        <v>6</v>
      </c>
      <c r="CT8" s="280">
        <v>9</v>
      </c>
      <c r="CU8" s="280">
        <v>5</v>
      </c>
      <c r="CV8" s="277">
        <v>33</v>
      </c>
      <c r="CW8" s="282">
        <v>33</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99</v>
      </c>
      <c r="DU8" s="280">
        <v>182</v>
      </c>
      <c r="DV8" s="277">
        <v>281</v>
      </c>
      <c r="DW8" s="279">
        <v>0</v>
      </c>
      <c r="DX8" s="280">
        <v>336</v>
      </c>
      <c r="DY8" s="280">
        <v>394</v>
      </c>
      <c r="DZ8" s="280">
        <v>289</v>
      </c>
      <c r="EA8" s="280">
        <v>236</v>
      </c>
      <c r="EB8" s="280">
        <v>128</v>
      </c>
      <c r="EC8" s="277">
        <v>1383</v>
      </c>
      <c r="ED8" s="282">
        <v>1664</v>
      </c>
      <c r="EE8" s="276">
        <v>35</v>
      </c>
      <c r="EF8" s="280">
        <v>21</v>
      </c>
      <c r="EG8" s="277">
        <v>56</v>
      </c>
      <c r="EH8" s="279">
        <v>0</v>
      </c>
      <c r="EI8" s="280">
        <v>109</v>
      </c>
      <c r="EJ8" s="280">
        <v>92</v>
      </c>
      <c r="EK8" s="280">
        <v>88</v>
      </c>
      <c r="EL8" s="280">
        <v>103</v>
      </c>
      <c r="EM8" s="280">
        <v>68</v>
      </c>
      <c r="EN8" s="277">
        <v>460</v>
      </c>
      <c r="EO8" s="282">
        <v>516</v>
      </c>
      <c r="EP8" s="276">
        <v>130</v>
      </c>
      <c r="EQ8" s="280">
        <v>229</v>
      </c>
      <c r="ER8" s="277">
        <v>359</v>
      </c>
      <c r="ES8" s="279">
        <v>0</v>
      </c>
      <c r="ET8" s="280">
        <v>741</v>
      </c>
      <c r="EU8" s="280">
        <v>546</v>
      </c>
      <c r="EV8" s="280">
        <v>331</v>
      </c>
      <c r="EW8" s="280">
        <v>256</v>
      </c>
      <c r="EX8" s="280">
        <v>136</v>
      </c>
      <c r="EY8" s="277">
        <v>2010</v>
      </c>
      <c r="EZ8" s="282">
        <v>2369</v>
      </c>
    </row>
    <row r="9" spans="2:156" ht="21" customHeight="1" x14ac:dyDescent="0.2">
      <c r="B9" s="261" t="s">
        <v>14</v>
      </c>
      <c r="C9" s="276">
        <v>0</v>
      </c>
      <c r="D9" s="280">
        <v>0</v>
      </c>
      <c r="E9" s="376">
        <v>0</v>
      </c>
      <c r="F9" s="279">
        <v>0</v>
      </c>
      <c r="G9" s="280">
        <v>55</v>
      </c>
      <c r="H9" s="280">
        <v>72</v>
      </c>
      <c r="I9" s="280">
        <v>43</v>
      </c>
      <c r="J9" s="280">
        <v>34</v>
      </c>
      <c r="K9" s="280">
        <v>25</v>
      </c>
      <c r="L9" s="281">
        <v>229</v>
      </c>
      <c r="M9" s="282">
        <v>229</v>
      </c>
      <c r="N9" s="276">
        <v>0</v>
      </c>
      <c r="O9" s="280">
        <v>0</v>
      </c>
      <c r="P9" s="277">
        <v>0</v>
      </c>
      <c r="Q9" s="279">
        <v>0</v>
      </c>
      <c r="R9" s="280">
        <v>1</v>
      </c>
      <c r="S9" s="280">
        <v>1</v>
      </c>
      <c r="T9" s="280">
        <v>3</v>
      </c>
      <c r="U9" s="280">
        <v>13</v>
      </c>
      <c r="V9" s="280">
        <v>15</v>
      </c>
      <c r="W9" s="277">
        <v>33</v>
      </c>
      <c r="X9" s="282">
        <v>33</v>
      </c>
      <c r="Y9" s="276">
        <v>5</v>
      </c>
      <c r="Z9" s="280">
        <v>23</v>
      </c>
      <c r="AA9" s="277">
        <v>28</v>
      </c>
      <c r="AB9" s="279">
        <v>0</v>
      </c>
      <c r="AC9" s="280">
        <v>33</v>
      </c>
      <c r="AD9" s="280">
        <v>75</v>
      </c>
      <c r="AE9" s="280">
        <v>43</v>
      </c>
      <c r="AF9" s="280">
        <v>36</v>
      </c>
      <c r="AG9" s="280">
        <v>32</v>
      </c>
      <c r="AH9" s="277">
        <v>219</v>
      </c>
      <c r="AI9" s="282">
        <v>247</v>
      </c>
      <c r="AJ9" s="276">
        <v>1</v>
      </c>
      <c r="AK9" s="280">
        <v>3</v>
      </c>
      <c r="AL9" s="277">
        <v>4</v>
      </c>
      <c r="AM9" s="279">
        <v>0</v>
      </c>
      <c r="AN9" s="280">
        <v>2</v>
      </c>
      <c r="AO9" s="280">
        <v>7</v>
      </c>
      <c r="AP9" s="280">
        <v>5</v>
      </c>
      <c r="AQ9" s="280">
        <v>2</v>
      </c>
      <c r="AR9" s="280">
        <v>0</v>
      </c>
      <c r="AS9" s="277">
        <v>16</v>
      </c>
      <c r="AT9" s="282">
        <v>20</v>
      </c>
      <c r="AU9" s="276">
        <v>11</v>
      </c>
      <c r="AV9" s="280">
        <v>22</v>
      </c>
      <c r="AW9" s="277">
        <v>33</v>
      </c>
      <c r="AX9" s="279">
        <v>0</v>
      </c>
      <c r="AY9" s="280">
        <v>68</v>
      </c>
      <c r="AZ9" s="280">
        <v>95</v>
      </c>
      <c r="BA9" s="280">
        <v>83</v>
      </c>
      <c r="BB9" s="280">
        <v>71</v>
      </c>
      <c r="BC9" s="280">
        <v>63</v>
      </c>
      <c r="BD9" s="281">
        <v>380</v>
      </c>
      <c r="BE9" s="282">
        <v>413</v>
      </c>
      <c r="BF9" s="276">
        <v>0</v>
      </c>
      <c r="BG9" s="280">
        <v>0</v>
      </c>
      <c r="BH9" s="277">
        <v>0</v>
      </c>
      <c r="BI9" s="279">
        <v>0</v>
      </c>
      <c r="BJ9" s="280">
        <v>93</v>
      </c>
      <c r="BK9" s="280">
        <v>96</v>
      </c>
      <c r="BL9" s="280">
        <v>65</v>
      </c>
      <c r="BM9" s="280">
        <v>24</v>
      </c>
      <c r="BN9" s="280">
        <v>16</v>
      </c>
      <c r="BO9" s="277">
        <v>294</v>
      </c>
      <c r="BP9" s="282">
        <v>294</v>
      </c>
      <c r="BQ9" s="276">
        <v>3</v>
      </c>
      <c r="BR9" s="280">
        <v>4</v>
      </c>
      <c r="BS9" s="277">
        <v>7</v>
      </c>
      <c r="BT9" s="279">
        <v>0</v>
      </c>
      <c r="BU9" s="280">
        <v>9</v>
      </c>
      <c r="BV9" s="280">
        <v>26</v>
      </c>
      <c r="BW9" s="280">
        <v>11</v>
      </c>
      <c r="BX9" s="280">
        <v>8</v>
      </c>
      <c r="BY9" s="280">
        <v>0</v>
      </c>
      <c r="BZ9" s="277">
        <v>54</v>
      </c>
      <c r="CA9" s="282">
        <v>61</v>
      </c>
      <c r="CB9" s="276">
        <v>0</v>
      </c>
      <c r="CC9" s="280">
        <v>1</v>
      </c>
      <c r="CD9" s="277">
        <v>1</v>
      </c>
      <c r="CE9" s="279">
        <v>0</v>
      </c>
      <c r="CF9" s="280">
        <v>6</v>
      </c>
      <c r="CG9" s="280">
        <v>20</v>
      </c>
      <c r="CH9" s="280">
        <v>15</v>
      </c>
      <c r="CI9" s="280">
        <v>22</v>
      </c>
      <c r="CJ9" s="280">
        <v>8</v>
      </c>
      <c r="CK9" s="277">
        <v>71</v>
      </c>
      <c r="CL9" s="282">
        <v>72</v>
      </c>
      <c r="CM9" s="276">
        <v>0</v>
      </c>
      <c r="CN9" s="280">
        <v>0</v>
      </c>
      <c r="CO9" s="277">
        <v>0</v>
      </c>
      <c r="CP9" s="279">
        <v>0</v>
      </c>
      <c r="CQ9" s="280">
        <v>0</v>
      </c>
      <c r="CR9" s="280">
        <v>1</v>
      </c>
      <c r="CS9" s="280">
        <v>2</v>
      </c>
      <c r="CT9" s="280">
        <v>0</v>
      </c>
      <c r="CU9" s="280">
        <v>0</v>
      </c>
      <c r="CV9" s="277">
        <v>3</v>
      </c>
      <c r="CW9" s="282">
        <v>3</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7</v>
      </c>
      <c r="DU9" s="280">
        <v>85</v>
      </c>
      <c r="DV9" s="277">
        <v>122</v>
      </c>
      <c r="DW9" s="279">
        <v>0</v>
      </c>
      <c r="DX9" s="280">
        <v>78</v>
      </c>
      <c r="DY9" s="280">
        <v>199</v>
      </c>
      <c r="DZ9" s="280">
        <v>124</v>
      </c>
      <c r="EA9" s="280">
        <v>78</v>
      </c>
      <c r="EB9" s="280">
        <v>53</v>
      </c>
      <c r="EC9" s="277">
        <v>532</v>
      </c>
      <c r="ED9" s="282">
        <v>654</v>
      </c>
      <c r="EE9" s="276">
        <v>8</v>
      </c>
      <c r="EF9" s="280">
        <v>11</v>
      </c>
      <c r="EG9" s="277">
        <v>19</v>
      </c>
      <c r="EH9" s="279">
        <v>0</v>
      </c>
      <c r="EI9" s="280">
        <v>32</v>
      </c>
      <c r="EJ9" s="280">
        <v>30</v>
      </c>
      <c r="EK9" s="280">
        <v>30</v>
      </c>
      <c r="EL9" s="280">
        <v>28</v>
      </c>
      <c r="EM9" s="280">
        <v>15</v>
      </c>
      <c r="EN9" s="277">
        <v>135</v>
      </c>
      <c r="EO9" s="282">
        <v>154</v>
      </c>
      <c r="EP9" s="276">
        <v>43</v>
      </c>
      <c r="EQ9" s="280">
        <v>102</v>
      </c>
      <c r="ER9" s="277">
        <v>145</v>
      </c>
      <c r="ES9" s="279">
        <v>0</v>
      </c>
      <c r="ET9" s="280">
        <v>200</v>
      </c>
      <c r="EU9" s="280">
        <v>279</v>
      </c>
      <c r="EV9" s="280">
        <v>145</v>
      </c>
      <c r="EW9" s="280">
        <v>83</v>
      </c>
      <c r="EX9" s="280">
        <v>52</v>
      </c>
      <c r="EY9" s="277">
        <v>759</v>
      </c>
      <c r="EZ9" s="282">
        <v>904</v>
      </c>
    </row>
    <row r="10" spans="2:156" ht="21" customHeight="1" x14ac:dyDescent="0.2">
      <c r="B10" s="261" t="s">
        <v>7</v>
      </c>
      <c r="C10" s="276">
        <v>0</v>
      </c>
      <c r="D10" s="280">
        <v>0</v>
      </c>
      <c r="E10" s="376">
        <v>0</v>
      </c>
      <c r="F10" s="279">
        <v>0</v>
      </c>
      <c r="G10" s="280">
        <v>58</v>
      </c>
      <c r="H10" s="280">
        <v>31</v>
      </c>
      <c r="I10" s="280">
        <v>17</v>
      </c>
      <c r="J10" s="280">
        <v>16</v>
      </c>
      <c r="K10" s="280">
        <v>14</v>
      </c>
      <c r="L10" s="281">
        <v>136</v>
      </c>
      <c r="M10" s="282">
        <v>136</v>
      </c>
      <c r="N10" s="276">
        <v>0</v>
      </c>
      <c r="O10" s="280">
        <v>0</v>
      </c>
      <c r="P10" s="277">
        <v>0</v>
      </c>
      <c r="Q10" s="279">
        <v>0</v>
      </c>
      <c r="R10" s="280">
        <v>1</v>
      </c>
      <c r="S10" s="280">
        <v>2</v>
      </c>
      <c r="T10" s="280">
        <v>1</v>
      </c>
      <c r="U10" s="280">
        <v>4</v>
      </c>
      <c r="V10" s="280">
        <v>8</v>
      </c>
      <c r="W10" s="277">
        <v>16</v>
      </c>
      <c r="X10" s="282">
        <v>16</v>
      </c>
      <c r="Y10" s="276">
        <v>1</v>
      </c>
      <c r="Z10" s="280">
        <v>0</v>
      </c>
      <c r="AA10" s="277">
        <v>1</v>
      </c>
      <c r="AB10" s="279">
        <v>0</v>
      </c>
      <c r="AC10" s="280">
        <v>35</v>
      </c>
      <c r="AD10" s="280">
        <v>24</v>
      </c>
      <c r="AE10" s="280">
        <v>18</v>
      </c>
      <c r="AF10" s="280">
        <v>16</v>
      </c>
      <c r="AG10" s="280">
        <v>13</v>
      </c>
      <c r="AH10" s="277">
        <v>106</v>
      </c>
      <c r="AI10" s="282">
        <v>107</v>
      </c>
      <c r="AJ10" s="276">
        <v>0</v>
      </c>
      <c r="AK10" s="280">
        <v>0</v>
      </c>
      <c r="AL10" s="277">
        <v>0</v>
      </c>
      <c r="AM10" s="279">
        <v>0</v>
      </c>
      <c r="AN10" s="280">
        <v>6</v>
      </c>
      <c r="AO10" s="280">
        <v>5</v>
      </c>
      <c r="AP10" s="280">
        <v>1</v>
      </c>
      <c r="AQ10" s="280">
        <v>3</v>
      </c>
      <c r="AR10" s="280">
        <v>0</v>
      </c>
      <c r="AS10" s="277">
        <v>15</v>
      </c>
      <c r="AT10" s="282">
        <v>15</v>
      </c>
      <c r="AU10" s="276">
        <v>11</v>
      </c>
      <c r="AV10" s="280">
        <v>4</v>
      </c>
      <c r="AW10" s="277">
        <v>15</v>
      </c>
      <c r="AX10" s="279">
        <v>0</v>
      </c>
      <c r="AY10" s="280">
        <v>60</v>
      </c>
      <c r="AZ10" s="280">
        <v>46</v>
      </c>
      <c r="BA10" s="280">
        <v>41</v>
      </c>
      <c r="BB10" s="280">
        <v>50</v>
      </c>
      <c r="BC10" s="280">
        <v>26</v>
      </c>
      <c r="BD10" s="281">
        <v>223</v>
      </c>
      <c r="BE10" s="282">
        <v>238</v>
      </c>
      <c r="BF10" s="276">
        <v>0</v>
      </c>
      <c r="BG10" s="280">
        <v>0</v>
      </c>
      <c r="BH10" s="277">
        <v>0</v>
      </c>
      <c r="BI10" s="279">
        <v>0</v>
      </c>
      <c r="BJ10" s="280">
        <v>79</v>
      </c>
      <c r="BK10" s="280">
        <v>44</v>
      </c>
      <c r="BL10" s="280">
        <v>21</v>
      </c>
      <c r="BM10" s="280">
        <v>9</v>
      </c>
      <c r="BN10" s="280">
        <v>3</v>
      </c>
      <c r="BO10" s="277">
        <v>156</v>
      </c>
      <c r="BP10" s="282">
        <v>156</v>
      </c>
      <c r="BQ10" s="276">
        <v>2</v>
      </c>
      <c r="BR10" s="280">
        <v>2</v>
      </c>
      <c r="BS10" s="277">
        <v>4</v>
      </c>
      <c r="BT10" s="279">
        <v>0</v>
      </c>
      <c r="BU10" s="280">
        <v>19</v>
      </c>
      <c r="BV10" s="280">
        <v>6</v>
      </c>
      <c r="BW10" s="280">
        <v>6</v>
      </c>
      <c r="BX10" s="280">
        <v>7</v>
      </c>
      <c r="BY10" s="280">
        <v>3</v>
      </c>
      <c r="BZ10" s="277">
        <v>41</v>
      </c>
      <c r="CA10" s="282">
        <v>45</v>
      </c>
      <c r="CB10" s="276">
        <v>0</v>
      </c>
      <c r="CC10" s="280">
        <v>0</v>
      </c>
      <c r="CD10" s="277">
        <v>0</v>
      </c>
      <c r="CE10" s="279">
        <v>0</v>
      </c>
      <c r="CF10" s="280">
        <v>9</v>
      </c>
      <c r="CG10" s="280">
        <v>15</v>
      </c>
      <c r="CH10" s="280">
        <v>8</v>
      </c>
      <c r="CI10" s="280">
        <v>6</v>
      </c>
      <c r="CJ10" s="280">
        <v>4</v>
      </c>
      <c r="CK10" s="277">
        <v>42</v>
      </c>
      <c r="CL10" s="282">
        <v>42</v>
      </c>
      <c r="CM10" s="276">
        <v>0</v>
      </c>
      <c r="CN10" s="280">
        <v>0</v>
      </c>
      <c r="CO10" s="277">
        <v>0</v>
      </c>
      <c r="CP10" s="279">
        <v>0</v>
      </c>
      <c r="CQ10" s="280">
        <v>0</v>
      </c>
      <c r="CR10" s="280">
        <v>0</v>
      </c>
      <c r="CS10" s="280">
        <v>0</v>
      </c>
      <c r="CT10" s="280">
        <v>1</v>
      </c>
      <c r="CU10" s="280">
        <v>0</v>
      </c>
      <c r="CV10" s="277">
        <v>1</v>
      </c>
      <c r="CW10" s="282">
        <v>1</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12</v>
      </c>
      <c r="DU10" s="280">
        <v>24</v>
      </c>
      <c r="DV10" s="277">
        <v>36</v>
      </c>
      <c r="DW10" s="279">
        <v>0</v>
      </c>
      <c r="DX10" s="280">
        <v>85</v>
      </c>
      <c r="DY10" s="280">
        <v>90</v>
      </c>
      <c r="DZ10" s="280">
        <v>49</v>
      </c>
      <c r="EA10" s="280">
        <v>41</v>
      </c>
      <c r="EB10" s="280">
        <v>20</v>
      </c>
      <c r="EC10" s="277">
        <v>285</v>
      </c>
      <c r="ED10" s="282">
        <v>321</v>
      </c>
      <c r="EE10" s="276">
        <v>7</v>
      </c>
      <c r="EF10" s="280">
        <v>4</v>
      </c>
      <c r="EG10" s="277">
        <v>11</v>
      </c>
      <c r="EH10" s="279">
        <v>0</v>
      </c>
      <c r="EI10" s="280">
        <v>24</v>
      </c>
      <c r="EJ10" s="280">
        <v>21</v>
      </c>
      <c r="EK10" s="280">
        <v>20</v>
      </c>
      <c r="EL10" s="280">
        <v>31</v>
      </c>
      <c r="EM10" s="280">
        <v>8</v>
      </c>
      <c r="EN10" s="277">
        <v>104</v>
      </c>
      <c r="EO10" s="282">
        <v>115</v>
      </c>
      <c r="EP10" s="276">
        <v>15</v>
      </c>
      <c r="EQ10" s="280">
        <v>25</v>
      </c>
      <c r="ER10" s="277">
        <v>40</v>
      </c>
      <c r="ES10" s="279">
        <v>0</v>
      </c>
      <c r="ET10" s="280">
        <v>188</v>
      </c>
      <c r="EU10" s="280">
        <v>131</v>
      </c>
      <c r="EV10" s="280">
        <v>61</v>
      </c>
      <c r="EW10" s="280">
        <v>44</v>
      </c>
      <c r="EX10" s="280">
        <v>21</v>
      </c>
      <c r="EY10" s="277">
        <v>445</v>
      </c>
      <c r="EZ10" s="282">
        <v>485</v>
      </c>
    </row>
    <row r="11" spans="2:156" ht="21" customHeight="1" x14ac:dyDescent="0.2">
      <c r="B11" s="261" t="s">
        <v>8</v>
      </c>
      <c r="C11" s="276">
        <v>0</v>
      </c>
      <c r="D11" s="280">
        <v>0</v>
      </c>
      <c r="E11" s="376">
        <v>0</v>
      </c>
      <c r="F11" s="279">
        <v>0</v>
      </c>
      <c r="G11" s="280">
        <v>22</v>
      </c>
      <c r="H11" s="280">
        <v>23</v>
      </c>
      <c r="I11" s="280">
        <v>15</v>
      </c>
      <c r="J11" s="280">
        <v>9</v>
      </c>
      <c r="K11" s="280">
        <v>7</v>
      </c>
      <c r="L11" s="281">
        <v>76</v>
      </c>
      <c r="M11" s="282">
        <v>76</v>
      </c>
      <c r="N11" s="276">
        <v>0</v>
      </c>
      <c r="O11" s="280">
        <v>0</v>
      </c>
      <c r="P11" s="277">
        <v>0</v>
      </c>
      <c r="Q11" s="279">
        <v>0</v>
      </c>
      <c r="R11" s="280">
        <v>0</v>
      </c>
      <c r="S11" s="280">
        <v>0</v>
      </c>
      <c r="T11" s="280">
        <v>2</v>
      </c>
      <c r="U11" s="280">
        <v>5</v>
      </c>
      <c r="V11" s="280">
        <v>4</v>
      </c>
      <c r="W11" s="277">
        <v>11</v>
      </c>
      <c r="X11" s="282">
        <v>11</v>
      </c>
      <c r="Y11" s="276">
        <v>5</v>
      </c>
      <c r="Z11" s="280">
        <v>5</v>
      </c>
      <c r="AA11" s="277">
        <v>10</v>
      </c>
      <c r="AB11" s="279">
        <v>0</v>
      </c>
      <c r="AC11" s="280">
        <v>18</v>
      </c>
      <c r="AD11" s="280">
        <v>18</v>
      </c>
      <c r="AE11" s="280">
        <v>7</v>
      </c>
      <c r="AF11" s="280">
        <v>15</v>
      </c>
      <c r="AG11" s="280">
        <v>11</v>
      </c>
      <c r="AH11" s="277">
        <v>69</v>
      </c>
      <c r="AI11" s="282">
        <v>79</v>
      </c>
      <c r="AJ11" s="276">
        <v>1</v>
      </c>
      <c r="AK11" s="280">
        <v>1</v>
      </c>
      <c r="AL11" s="277">
        <v>2</v>
      </c>
      <c r="AM11" s="279">
        <v>0</v>
      </c>
      <c r="AN11" s="280">
        <v>6</v>
      </c>
      <c r="AO11" s="280">
        <v>6</v>
      </c>
      <c r="AP11" s="280">
        <v>2</v>
      </c>
      <c r="AQ11" s="280">
        <v>5</v>
      </c>
      <c r="AR11" s="280">
        <v>3</v>
      </c>
      <c r="AS11" s="277">
        <v>22</v>
      </c>
      <c r="AT11" s="282">
        <v>24</v>
      </c>
      <c r="AU11" s="276">
        <v>6</v>
      </c>
      <c r="AV11" s="280">
        <v>4</v>
      </c>
      <c r="AW11" s="277">
        <v>10</v>
      </c>
      <c r="AX11" s="279">
        <v>0</v>
      </c>
      <c r="AY11" s="280">
        <v>18</v>
      </c>
      <c r="AZ11" s="280">
        <v>21</v>
      </c>
      <c r="BA11" s="280">
        <v>18</v>
      </c>
      <c r="BB11" s="280">
        <v>29</v>
      </c>
      <c r="BC11" s="280">
        <v>19</v>
      </c>
      <c r="BD11" s="281">
        <v>105</v>
      </c>
      <c r="BE11" s="282">
        <v>115</v>
      </c>
      <c r="BF11" s="276">
        <v>0</v>
      </c>
      <c r="BG11" s="280">
        <v>0</v>
      </c>
      <c r="BH11" s="277">
        <v>0</v>
      </c>
      <c r="BI11" s="279">
        <v>0</v>
      </c>
      <c r="BJ11" s="280">
        <v>28</v>
      </c>
      <c r="BK11" s="280">
        <v>29</v>
      </c>
      <c r="BL11" s="280">
        <v>9</v>
      </c>
      <c r="BM11" s="280">
        <v>12</v>
      </c>
      <c r="BN11" s="280">
        <v>3</v>
      </c>
      <c r="BO11" s="277">
        <v>81</v>
      </c>
      <c r="BP11" s="282">
        <v>81</v>
      </c>
      <c r="BQ11" s="276">
        <v>0</v>
      </c>
      <c r="BR11" s="280">
        <v>4</v>
      </c>
      <c r="BS11" s="277">
        <v>4</v>
      </c>
      <c r="BT11" s="279">
        <v>0</v>
      </c>
      <c r="BU11" s="280">
        <v>10</v>
      </c>
      <c r="BV11" s="280">
        <v>10</v>
      </c>
      <c r="BW11" s="280">
        <v>11</v>
      </c>
      <c r="BX11" s="280">
        <v>8</v>
      </c>
      <c r="BY11" s="280">
        <v>3</v>
      </c>
      <c r="BZ11" s="277">
        <v>42</v>
      </c>
      <c r="CA11" s="282">
        <v>46</v>
      </c>
      <c r="CB11" s="276">
        <v>0</v>
      </c>
      <c r="CC11" s="280">
        <v>1</v>
      </c>
      <c r="CD11" s="277">
        <v>1</v>
      </c>
      <c r="CE11" s="279">
        <v>0</v>
      </c>
      <c r="CF11" s="280">
        <v>7</v>
      </c>
      <c r="CG11" s="280">
        <v>7</v>
      </c>
      <c r="CH11" s="280">
        <v>6</v>
      </c>
      <c r="CI11" s="280">
        <v>6</v>
      </c>
      <c r="CJ11" s="280">
        <v>1</v>
      </c>
      <c r="CK11" s="277">
        <v>27</v>
      </c>
      <c r="CL11" s="282">
        <v>28</v>
      </c>
      <c r="CM11" s="276">
        <v>0</v>
      </c>
      <c r="CN11" s="280">
        <v>0</v>
      </c>
      <c r="CO11" s="277">
        <v>0</v>
      </c>
      <c r="CP11" s="279">
        <v>0</v>
      </c>
      <c r="CQ11" s="280">
        <v>0</v>
      </c>
      <c r="CR11" s="280">
        <v>1</v>
      </c>
      <c r="CS11" s="280">
        <v>0</v>
      </c>
      <c r="CT11" s="280">
        <v>1</v>
      </c>
      <c r="CU11" s="280">
        <v>0</v>
      </c>
      <c r="CV11" s="277">
        <v>2</v>
      </c>
      <c r="CW11" s="282">
        <v>2</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6</v>
      </c>
      <c r="DU11" s="280">
        <v>18</v>
      </c>
      <c r="DV11" s="277">
        <v>34</v>
      </c>
      <c r="DW11" s="279">
        <v>0</v>
      </c>
      <c r="DX11" s="280">
        <v>46</v>
      </c>
      <c r="DY11" s="280">
        <v>61</v>
      </c>
      <c r="DZ11" s="280">
        <v>32</v>
      </c>
      <c r="EA11" s="280">
        <v>31</v>
      </c>
      <c r="EB11" s="280">
        <v>18</v>
      </c>
      <c r="EC11" s="277">
        <v>188</v>
      </c>
      <c r="ED11" s="282">
        <v>222</v>
      </c>
      <c r="EE11" s="276">
        <v>7</v>
      </c>
      <c r="EF11" s="280">
        <v>2</v>
      </c>
      <c r="EG11" s="277">
        <v>9</v>
      </c>
      <c r="EH11" s="279">
        <v>0</v>
      </c>
      <c r="EI11" s="280">
        <v>13</v>
      </c>
      <c r="EJ11" s="280">
        <v>9</v>
      </c>
      <c r="EK11" s="280">
        <v>8</v>
      </c>
      <c r="EL11" s="280">
        <v>11</v>
      </c>
      <c r="EM11" s="280">
        <v>7</v>
      </c>
      <c r="EN11" s="277">
        <v>48</v>
      </c>
      <c r="EO11" s="282">
        <v>57</v>
      </c>
      <c r="EP11" s="276">
        <v>22</v>
      </c>
      <c r="EQ11" s="280">
        <v>26</v>
      </c>
      <c r="ER11" s="277">
        <v>48</v>
      </c>
      <c r="ES11" s="279">
        <v>0</v>
      </c>
      <c r="ET11" s="280">
        <v>111</v>
      </c>
      <c r="EU11" s="280">
        <v>90</v>
      </c>
      <c r="EV11" s="280">
        <v>39</v>
      </c>
      <c r="EW11" s="280">
        <v>34</v>
      </c>
      <c r="EX11" s="280">
        <v>17</v>
      </c>
      <c r="EY11" s="277">
        <v>291</v>
      </c>
      <c r="EZ11" s="282">
        <v>339</v>
      </c>
    </row>
    <row r="12" spans="2:156" ht="21" customHeight="1" x14ac:dyDescent="0.2">
      <c r="B12" s="261" t="s">
        <v>9</v>
      </c>
      <c r="C12" s="276">
        <v>0</v>
      </c>
      <c r="D12" s="280">
        <v>0</v>
      </c>
      <c r="E12" s="376">
        <v>0</v>
      </c>
      <c r="F12" s="279">
        <v>0</v>
      </c>
      <c r="G12" s="280">
        <v>70</v>
      </c>
      <c r="H12" s="280">
        <v>50</v>
      </c>
      <c r="I12" s="280">
        <v>36</v>
      </c>
      <c r="J12" s="280">
        <v>36</v>
      </c>
      <c r="K12" s="280">
        <v>27</v>
      </c>
      <c r="L12" s="281">
        <v>219</v>
      </c>
      <c r="M12" s="282">
        <v>219</v>
      </c>
      <c r="N12" s="276">
        <v>0</v>
      </c>
      <c r="O12" s="280">
        <v>0</v>
      </c>
      <c r="P12" s="277">
        <v>0</v>
      </c>
      <c r="Q12" s="279">
        <v>0</v>
      </c>
      <c r="R12" s="280">
        <v>1</v>
      </c>
      <c r="S12" s="280">
        <v>1</v>
      </c>
      <c r="T12" s="280">
        <v>1</v>
      </c>
      <c r="U12" s="280">
        <v>9</v>
      </c>
      <c r="V12" s="280">
        <v>16</v>
      </c>
      <c r="W12" s="277">
        <v>28</v>
      </c>
      <c r="X12" s="282">
        <v>28</v>
      </c>
      <c r="Y12" s="276">
        <v>7</v>
      </c>
      <c r="Z12" s="280">
        <v>16</v>
      </c>
      <c r="AA12" s="277">
        <v>23</v>
      </c>
      <c r="AB12" s="279">
        <v>0</v>
      </c>
      <c r="AC12" s="280">
        <v>58</v>
      </c>
      <c r="AD12" s="280">
        <v>29</v>
      </c>
      <c r="AE12" s="280">
        <v>30</v>
      </c>
      <c r="AF12" s="280">
        <v>23</v>
      </c>
      <c r="AG12" s="280">
        <v>19</v>
      </c>
      <c r="AH12" s="277">
        <v>159</v>
      </c>
      <c r="AI12" s="282">
        <v>182</v>
      </c>
      <c r="AJ12" s="276">
        <v>0</v>
      </c>
      <c r="AK12" s="280">
        <v>0</v>
      </c>
      <c r="AL12" s="277">
        <v>0</v>
      </c>
      <c r="AM12" s="279">
        <v>0</v>
      </c>
      <c r="AN12" s="280">
        <v>3</v>
      </c>
      <c r="AO12" s="280">
        <v>9</v>
      </c>
      <c r="AP12" s="280">
        <v>7</v>
      </c>
      <c r="AQ12" s="280">
        <v>7</v>
      </c>
      <c r="AR12" s="280">
        <v>5</v>
      </c>
      <c r="AS12" s="277">
        <v>31</v>
      </c>
      <c r="AT12" s="282">
        <v>31</v>
      </c>
      <c r="AU12" s="276">
        <v>13</v>
      </c>
      <c r="AV12" s="280">
        <v>7</v>
      </c>
      <c r="AW12" s="277">
        <v>20</v>
      </c>
      <c r="AX12" s="279">
        <v>0</v>
      </c>
      <c r="AY12" s="280">
        <v>59</v>
      </c>
      <c r="AZ12" s="280">
        <v>56</v>
      </c>
      <c r="BA12" s="280">
        <v>60</v>
      </c>
      <c r="BB12" s="280">
        <v>62</v>
      </c>
      <c r="BC12" s="280">
        <v>45</v>
      </c>
      <c r="BD12" s="281">
        <v>282</v>
      </c>
      <c r="BE12" s="282">
        <v>302</v>
      </c>
      <c r="BF12" s="276">
        <v>0</v>
      </c>
      <c r="BG12" s="280">
        <v>0</v>
      </c>
      <c r="BH12" s="277">
        <v>0</v>
      </c>
      <c r="BI12" s="279">
        <v>0</v>
      </c>
      <c r="BJ12" s="280">
        <v>57</v>
      </c>
      <c r="BK12" s="280">
        <v>38</v>
      </c>
      <c r="BL12" s="280">
        <v>22</v>
      </c>
      <c r="BM12" s="280">
        <v>20</v>
      </c>
      <c r="BN12" s="280">
        <v>4</v>
      </c>
      <c r="BO12" s="277">
        <v>141</v>
      </c>
      <c r="BP12" s="282">
        <v>141</v>
      </c>
      <c r="BQ12" s="276">
        <v>6</v>
      </c>
      <c r="BR12" s="280">
        <v>8</v>
      </c>
      <c r="BS12" s="277">
        <v>14</v>
      </c>
      <c r="BT12" s="279">
        <v>0</v>
      </c>
      <c r="BU12" s="280">
        <v>14</v>
      </c>
      <c r="BV12" s="280">
        <v>13</v>
      </c>
      <c r="BW12" s="280">
        <v>4</v>
      </c>
      <c r="BX12" s="280">
        <v>13</v>
      </c>
      <c r="BY12" s="280">
        <v>2</v>
      </c>
      <c r="BZ12" s="277">
        <v>46</v>
      </c>
      <c r="CA12" s="282">
        <v>60</v>
      </c>
      <c r="CB12" s="276">
        <v>0</v>
      </c>
      <c r="CC12" s="280">
        <v>2</v>
      </c>
      <c r="CD12" s="277">
        <v>2</v>
      </c>
      <c r="CE12" s="279">
        <v>0</v>
      </c>
      <c r="CF12" s="280">
        <v>6</v>
      </c>
      <c r="CG12" s="280">
        <v>8</v>
      </c>
      <c r="CH12" s="280">
        <v>11</v>
      </c>
      <c r="CI12" s="280">
        <v>11</v>
      </c>
      <c r="CJ12" s="280">
        <v>6</v>
      </c>
      <c r="CK12" s="277">
        <v>42</v>
      </c>
      <c r="CL12" s="282">
        <v>44</v>
      </c>
      <c r="CM12" s="276">
        <v>0</v>
      </c>
      <c r="CN12" s="280">
        <v>0</v>
      </c>
      <c r="CO12" s="277">
        <v>0</v>
      </c>
      <c r="CP12" s="279">
        <v>0</v>
      </c>
      <c r="CQ12" s="280">
        <v>0</v>
      </c>
      <c r="CR12" s="280">
        <v>2</v>
      </c>
      <c r="CS12" s="280">
        <v>2</v>
      </c>
      <c r="CT12" s="280">
        <v>1</v>
      </c>
      <c r="CU12" s="280">
        <v>1</v>
      </c>
      <c r="CV12" s="277">
        <v>6</v>
      </c>
      <c r="CW12" s="282">
        <v>6</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9</v>
      </c>
      <c r="DU12" s="280">
        <v>35</v>
      </c>
      <c r="DV12" s="277">
        <v>64</v>
      </c>
      <c r="DW12" s="279">
        <v>0</v>
      </c>
      <c r="DX12" s="280">
        <v>91</v>
      </c>
      <c r="DY12" s="280">
        <v>97</v>
      </c>
      <c r="DZ12" s="280">
        <v>72</v>
      </c>
      <c r="EA12" s="280">
        <v>59</v>
      </c>
      <c r="EB12" s="280">
        <v>38</v>
      </c>
      <c r="EC12" s="277">
        <v>357</v>
      </c>
      <c r="ED12" s="282">
        <v>421</v>
      </c>
      <c r="EE12" s="276">
        <v>9</v>
      </c>
      <c r="EF12" s="280">
        <v>6</v>
      </c>
      <c r="EG12" s="277">
        <v>15</v>
      </c>
      <c r="EH12" s="279">
        <v>0</v>
      </c>
      <c r="EI12" s="280">
        <v>31</v>
      </c>
      <c r="EJ12" s="280">
        <v>19</v>
      </c>
      <c r="EK12" s="280">
        <v>17</v>
      </c>
      <c r="EL12" s="280">
        <v>32</v>
      </c>
      <c r="EM12" s="280">
        <v>16</v>
      </c>
      <c r="EN12" s="277">
        <v>115</v>
      </c>
      <c r="EO12" s="282">
        <v>130</v>
      </c>
      <c r="EP12" s="276">
        <v>36</v>
      </c>
      <c r="EQ12" s="280">
        <v>51</v>
      </c>
      <c r="ER12" s="277">
        <v>87</v>
      </c>
      <c r="ES12" s="279">
        <v>0</v>
      </c>
      <c r="ET12" s="280">
        <v>182</v>
      </c>
      <c r="EU12" s="280">
        <v>130</v>
      </c>
      <c r="EV12" s="280">
        <v>77</v>
      </c>
      <c r="EW12" s="280">
        <v>63</v>
      </c>
      <c r="EX12" s="280">
        <v>36</v>
      </c>
      <c r="EY12" s="277">
        <v>488</v>
      </c>
      <c r="EZ12" s="282">
        <v>575</v>
      </c>
    </row>
    <row r="13" spans="2:156" ht="21" customHeight="1" x14ac:dyDescent="0.2">
      <c r="B13" s="261" t="s">
        <v>10</v>
      </c>
      <c r="C13" s="276">
        <v>0</v>
      </c>
      <c r="D13" s="280">
        <v>0</v>
      </c>
      <c r="E13" s="376">
        <v>0</v>
      </c>
      <c r="F13" s="279">
        <v>0</v>
      </c>
      <c r="G13" s="280">
        <v>96</v>
      </c>
      <c r="H13" s="280">
        <v>46</v>
      </c>
      <c r="I13" s="280">
        <v>29</v>
      </c>
      <c r="J13" s="280">
        <v>31</v>
      </c>
      <c r="K13" s="280">
        <v>26</v>
      </c>
      <c r="L13" s="281">
        <v>228</v>
      </c>
      <c r="M13" s="282">
        <v>228</v>
      </c>
      <c r="N13" s="276">
        <v>0</v>
      </c>
      <c r="O13" s="280">
        <v>0</v>
      </c>
      <c r="P13" s="277">
        <v>0</v>
      </c>
      <c r="Q13" s="279">
        <v>0</v>
      </c>
      <c r="R13" s="280">
        <v>0</v>
      </c>
      <c r="S13" s="280">
        <v>2</v>
      </c>
      <c r="T13" s="280">
        <v>2</v>
      </c>
      <c r="U13" s="280">
        <v>3</v>
      </c>
      <c r="V13" s="280">
        <v>8</v>
      </c>
      <c r="W13" s="277">
        <v>15</v>
      </c>
      <c r="X13" s="282">
        <v>15</v>
      </c>
      <c r="Y13" s="276">
        <v>15</v>
      </c>
      <c r="Z13" s="280">
        <v>26</v>
      </c>
      <c r="AA13" s="277">
        <v>41</v>
      </c>
      <c r="AB13" s="279">
        <v>0</v>
      </c>
      <c r="AC13" s="280">
        <v>63</v>
      </c>
      <c r="AD13" s="280">
        <v>40</v>
      </c>
      <c r="AE13" s="280">
        <v>21</v>
      </c>
      <c r="AF13" s="280">
        <v>20</v>
      </c>
      <c r="AG13" s="280">
        <v>16</v>
      </c>
      <c r="AH13" s="277">
        <v>160</v>
      </c>
      <c r="AI13" s="282">
        <v>201</v>
      </c>
      <c r="AJ13" s="276">
        <v>2</v>
      </c>
      <c r="AK13" s="280">
        <v>3</v>
      </c>
      <c r="AL13" s="277">
        <v>5</v>
      </c>
      <c r="AM13" s="279">
        <v>0</v>
      </c>
      <c r="AN13" s="280">
        <v>9</v>
      </c>
      <c r="AO13" s="280">
        <v>9</v>
      </c>
      <c r="AP13" s="280">
        <v>6</v>
      </c>
      <c r="AQ13" s="280">
        <v>1</v>
      </c>
      <c r="AR13" s="280">
        <v>2</v>
      </c>
      <c r="AS13" s="277">
        <v>27</v>
      </c>
      <c r="AT13" s="282">
        <v>32</v>
      </c>
      <c r="AU13" s="276">
        <v>25</v>
      </c>
      <c r="AV13" s="280">
        <v>21</v>
      </c>
      <c r="AW13" s="277">
        <v>46</v>
      </c>
      <c r="AX13" s="279">
        <v>0</v>
      </c>
      <c r="AY13" s="280">
        <v>97</v>
      </c>
      <c r="AZ13" s="280">
        <v>75</v>
      </c>
      <c r="BA13" s="280">
        <v>63</v>
      </c>
      <c r="BB13" s="280">
        <v>68</v>
      </c>
      <c r="BC13" s="280">
        <v>66</v>
      </c>
      <c r="BD13" s="281">
        <v>369</v>
      </c>
      <c r="BE13" s="282">
        <v>415</v>
      </c>
      <c r="BF13" s="276">
        <v>0</v>
      </c>
      <c r="BG13" s="280">
        <v>0</v>
      </c>
      <c r="BH13" s="277">
        <v>0</v>
      </c>
      <c r="BI13" s="279">
        <v>0</v>
      </c>
      <c r="BJ13" s="280">
        <v>116</v>
      </c>
      <c r="BK13" s="280">
        <v>71</v>
      </c>
      <c r="BL13" s="280">
        <v>31</v>
      </c>
      <c r="BM13" s="280">
        <v>15</v>
      </c>
      <c r="BN13" s="280">
        <v>6</v>
      </c>
      <c r="BO13" s="277">
        <v>239</v>
      </c>
      <c r="BP13" s="282">
        <v>239</v>
      </c>
      <c r="BQ13" s="276">
        <v>4</v>
      </c>
      <c r="BR13" s="280">
        <v>6</v>
      </c>
      <c r="BS13" s="277">
        <v>10</v>
      </c>
      <c r="BT13" s="279">
        <v>0</v>
      </c>
      <c r="BU13" s="280">
        <v>25</v>
      </c>
      <c r="BV13" s="280">
        <v>20</v>
      </c>
      <c r="BW13" s="280">
        <v>3</v>
      </c>
      <c r="BX13" s="280">
        <v>2</v>
      </c>
      <c r="BY13" s="280">
        <v>1</v>
      </c>
      <c r="BZ13" s="277">
        <v>51</v>
      </c>
      <c r="CA13" s="282">
        <v>61</v>
      </c>
      <c r="CB13" s="276">
        <v>0</v>
      </c>
      <c r="CC13" s="280">
        <v>0</v>
      </c>
      <c r="CD13" s="277">
        <v>0</v>
      </c>
      <c r="CE13" s="279">
        <v>0</v>
      </c>
      <c r="CF13" s="280">
        <v>7</v>
      </c>
      <c r="CG13" s="280">
        <v>11</v>
      </c>
      <c r="CH13" s="280">
        <v>17</v>
      </c>
      <c r="CI13" s="280">
        <v>7</v>
      </c>
      <c r="CJ13" s="280">
        <v>3</v>
      </c>
      <c r="CK13" s="277">
        <v>45</v>
      </c>
      <c r="CL13" s="282">
        <v>45</v>
      </c>
      <c r="CM13" s="276">
        <v>0</v>
      </c>
      <c r="CN13" s="280">
        <v>0</v>
      </c>
      <c r="CO13" s="277">
        <v>0</v>
      </c>
      <c r="CP13" s="279">
        <v>0</v>
      </c>
      <c r="CQ13" s="280">
        <v>1</v>
      </c>
      <c r="CR13" s="280">
        <v>2</v>
      </c>
      <c r="CS13" s="280">
        <v>0</v>
      </c>
      <c r="CT13" s="280">
        <v>0</v>
      </c>
      <c r="CU13" s="280">
        <v>0</v>
      </c>
      <c r="CV13" s="277">
        <v>3</v>
      </c>
      <c r="CW13" s="282">
        <v>3</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52</v>
      </c>
      <c r="DU13" s="280">
        <v>91</v>
      </c>
      <c r="DV13" s="277">
        <v>143</v>
      </c>
      <c r="DW13" s="279">
        <v>0</v>
      </c>
      <c r="DX13" s="280">
        <v>140</v>
      </c>
      <c r="DY13" s="280">
        <v>111</v>
      </c>
      <c r="DZ13" s="280">
        <v>55</v>
      </c>
      <c r="EA13" s="280">
        <v>53</v>
      </c>
      <c r="EB13" s="280">
        <v>39</v>
      </c>
      <c r="EC13" s="277">
        <v>398</v>
      </c>
      <c r="ED13" s="282">
        <v>541</v>
      </c>
      <c r="EE13" s="276">
        <v>14</v>
      </c>
      <c r="EF13" s="280">
        <v>5</v>
      </c>
      <c r="EG13" s="277">
        <v>19</v>
      </c>
      <c r="EH13" s="279">
        <v>0</v>
      </c>
      <c r="EI13" s="280">
        <v>32</v>
      </c>
      <c r="EJ13" s="280">
        <v>32</v>
      </c>
      <c r="EK13" s="280">
        <v>19</v>
      </c>
      <c r="EL13" s="280">
        <v>26</v>
      </c>
      <c r="EM13" s="280">
        <v>25</v>
      </c>
      <c r="EN13" s="277">
        <v>134</v>
      </c>
      <c r="EO13" s="282">
        <v>153</v>
      </c>
      <c r="EP13" s="276">
        <v>69</v>
      </c>
      <c r="EQ13" s="280">
        <v>103</v>
      </c>
      <c r="ER13" s="277">
        <v>172</v>
      </c>
      <c r="ES13" s="279">
        <v>0</v>
      </c>
      <c r="ET13" s="280">
        <v>250</v>
      </c>
      <c r="EU13" s="280">
        <v>155</v>
      </c>
      <c r="EV13" s="280">
        <v>68</v>
      </c>
      <c r="EW13" s="280">
        <v>57</v>
      </c>
      <c r="EX13" s="280">
        <v>37</v>
      </c>
      <c r="EY13" s="277">
        <v>567</v>
      </c>
      <c r="EZ13" s="282">
        <v>739</v>
      </c>
    </row>
    <row r="14" spans="2:156" ht="21" customHeight="1" x14ac:dyDescent="0.2">
      <c r="B14" s="261" t="s">
        <v>11</v>
      </c>
      <c r="C14" s="276">
        <v>0</v>
      </c>
      <c r="D14" s="280">
        <v>0</v>
      </c>
      <c r="E14" s="376">
        <v>0</v>
      </c>
      <c r="F14" s="279">
        <v>0</v>
      </c>
      <c r="G14" s="280">
        <v>14</v>
      </c>
      <c r="H14" s="280">
        <v>10</v>
      </c>
      <c r="I14" s="280">
        <v>8</v>
      </c>
      <c r="J14" s="280">
        <v>10</v>
      </c>
      <c r="K14" s="280">
        <v>4</v>
      </c>
      <c r="L14" s="281">
        <v>46</v>
      </c>
      <c r="M14" s="282">
        <v>46</v>
      </c>
      <c r="N14" s="276">
        <v>0</v>
      </c>
      <c r="O14" s="280">
        <v>0</v>
      </c>
      <c r="P14" s="277">
        <v>0</v>
      </c>
      <c r="Q14" s="279">
        <v>0</v>
      </c>
      <c r="R14" s="280">
        <v>0</v>
      </c>
      <c r="S14" s="280">
        <v>0</v>
      </c>
      <c r="T14" s="280">
        <v>1</v>
      </c>
      <c r="U14" s="280">
        <v>4</v>
      </c>
      <c r="V14" s="280">
        <v>2</v>
      </c>
      <c r="W14" s="277">
        <v>7</v>
      </c>
      <c r="X14" s="282">
        <v>7</v>
      </c>
      <c r="Y14" s="276">
        <v>3</v>
      </c>
      <c r="Z14" s="280">
        <v>1</v>
      </c>
      <c r="AA14" s="277">
        <v>4</v>
      </c>
      <c r="AB14" s="279">
        <v>0</v>
      </c>
      <c r="AC14" s="280">
        <v>17</v>
      </c>
      <c r="AD14" s="280">
        <v>15</v>
      </c>
      <c r="AE14" s="280">
        <v>10</v>
      </c>
      <c r="AF14" s="280">
        <v>14</v>
      </c>
      <c r="AG14" s="280">
        <v>2</v>
      </c>
      <c r="AH14" s="277">
        <v>58</v>
      </c>
      <c r="AI14" s="282">
        <v>62</v>
      </c>
      <c r="AJ14" s="276">
        <v>0</v>
      </c>
      <c r="AK14" s="280">
        <v>0</v>
      </c>
      <c r="AL14" s="277">
        <v>0</v>
      </c>
      <c r="AM14" s="279">
        <v>0</v>
      </c>
      <c r="AN14" s="280">
        <v>1</v>
      </c>
      <c r="AO14" s="280">
        <v>1</v>
      </c>
      <c r="AP14" s="280">
        <v>0</v>
      </c>
      <c r="AQ14" s="280">
        <v>2</v>
      </c>
      <c r="AR14" s="280">
        <v>1</v>
      </c>
      <c r="AS14" s="277">
        <v>5</v>
      </c>
      <c r="AT14" s="282">
        <v>5</v>
      </c>
      <c r="AU14" s="276">
        <v>3</v>
      </c>
      <c r="AV14" s="280">
        <v>1</v>
      </c>
      <c r="AW14" s="277">
        <v>4</v>
      </c>
      <c r="AX14" s="279">
        <v>0</v>
      </c>
      <c r="AY14" s="280">
        <v>23</v>
      </c>
      <c r="AZ14" s="280">
        <v>21</v>
      </c>
      <c r="BA14" s="280">
        <v>21</v>
      </c>
      <c r="BB14" s="280">
        <v>33</v>
      </c>
      <c r="BC14" s="280">
        <v>11</v>
      </c>
      <c r="BD14" s="281">
        <v>109</v>
      </c>
      <c r="BE14" s="282">
        <v>113</v>
      </c>
      <c r="BF14" s="276">
        <v>0</v>
      </c>
      <c r="BG14" s="280">
        <v>0</v>
      </c>
      <c r="BH14" s="277">
        <v>0</v>
      </c>
      <c r="BI14" s="279">
        <v>0</v>
      </c>
      <c r="BJ14" s="280">
        <v>19</v>
      </c>
      <c r="BK14" s="280">
        <v>13</v>
      </c>
      <c r="BL14" s="280">
        <v>11</v>
      </c>
      <c r="BM14" s="280">
        <v>8</v>
      </c>
      <c r="BN14" s="280">
        <v>3</v>
      </c>
      <c r="BO14" s="277">
        <v>54</v>
      </c>
      <c r="BP14" s="282">
        <v>54</v>
      </c>
      <c r="BQ14" s="276">
        <v>4</v>
      </c>
      <c r="BR14" s="280">
        <v>4</v>
      </c>
      <c r="BS14" s="277">
        <v>8</v>
      </c>
      <c r="BT14" s="279">
        <v>0</v>
      </c>
      <c r="BU14" s="280">
        <v>11</v>
      </c>
      <c r="BV14" s="280">
        <v>9</v>
      </c>
      <c r="BW14" s="280">
        <v>8</v>
      </c>
      <c r="BX14" s="280">
        <v>2</v>
      </c>
      <c r="BY14" s="280">
        <v>2</v>
      </c>
      <c r="BZ14" s="277">
        <v>32</v>
      </c>
      <c r="CA14" s="282">
        <v>40</v>
      </c>
      <c r="CB14" s="276">
        <v>0</v>
      </c>
      <c r="CC14" s="280">
        <v>0</v>
      </c>
      <c r="CD14" s="277">
        <v>0</v>
      </c>
      <c r="CE14" s="279">
        <v>0</v>
      </c>
      <c r="CF14" s="280">
        <v>5</v>
      </c>
      <c r="CG14" s="280">
        <v>3</v>
      </c>
      <c r="CH14" s="280">
        <v>6</v>
      </c>
      <c r="CI14" s="280">
        <v>4</v>
      </c>
      <c r="CJ14" s="280">
        <v>2</v>
      </c>
      <c r="CK14" s="277">
        <v>20</v>
      </c>
      <c r="CL14" s="282">
        <v>20</v>
      </c>
      <c r="CM14" s="276">
        <v>0</v>
      </c>
      <c r="CN14" s="280">
        <v>0</v>
      </c>
      <c r="CO14" s="277">
        <v>0</v>
      </c>
      <c r="CP14" s="279">
        <v>0</v>
      </c>
      <c r="CQ14" s="280">
        <v>0</v>
      </c>
      <c r="CR14" s="280">
        <v>0</v>
      </c>
      <c r="CS14" s="280">
        <v>1</v>
      </c>
      <c r="CT14" s="280">
        <v>1</v>
      </c>
      <c r="CU14" s="280">
        <v>3</v>
      </c>
      <c r="CV14" s="277">
        <v>5</v>
      </c>
      <c r="CW14" s="282">
        <v>5</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1</v>
      </c>
      <c r="DU14" s="280">
        <v>17</v>
      </c>
      <c r="DV14" s="277">
        <v>28</v>
      </c>
      <c r="DW14" s="279">
        <v>0</v>
      </c>
      <c r="DX14" s="280">
        <v>41</v>
      </c>
      <c r="DY14" s="280">
        <v>32</v>
      </c>
      <c r="DZ14" s="280">
        <v>32</v>
      </c>
      <c r="EA14" s="280">
        <v>25</v>
      </c>
      <c r="EB14" s="280">
        <v>8</v>
      </c>
      <c r="EC14" s="277">
        <v>138</v>
      </c>
      <c r="ED14" s="282">
        <v>166</v>
      </c>
      <c r="EE14" s="276">
        <v>1</v>
      </c>
      <c r="EF14" s="280">
        <v>2</v>
      </c>
      <c r="EG14" s="277">
        <v>3</v>
      </c>
      <c r="EH14" s="279">
        <v>0</v>
      </c>
      <c r="EI14" s="280">
        <v>20</v>
      </c>
      <c r="EJ14" s="280">
        <v>7</v>
      </c>
      <c r="EK14" s="280">
        <v>15</v>
      </c>
      <c r="EL14" s="280">
        <v>15</v>
      </c>
      <c r="EM14" s="280">
        <v>6</v>
      </c>
      <c r="EN14" s="277">
        <v>63</v>
      </c>
      <c r="EO14" s="282">
        <v>66</v>
      </c>
      <c r="EP14" s="276">
        <v>18</v>
      </c>
      <c r="EQ14" s="280">
        <v>20</v>
      </c>
      <c r="ER14" s="277">
        <v>38</v>
      </c>
      <c r="ES14" s="279">
        <v>0</v>
      </c>
      <c r="ET14" s="280">
        <v>85</v>
      </c>
      <c r="EU14" s="280">
        <v>45</v>
      </c>
      <c r="EV14" s="280">
        <v>35</v>
      </c>
      <c r="EW14" s="280">
        <v>29</v>
      </c>
      <c r="EX14" s="280">
        <v>8</v>
      </c>
      <c r="EY14" s="277">
        <v>202</v>
      </c>
      <c r="EZ14" s="282">
        <v>240</v>
      </c>
    </row>
    <row r="15" spans="2:156" ht="21" customHeight="1" x14ac:dyDescent="0.2">
      <c r="B15" s="261" t="s">
        <v>12</v>
      </c>
      <c r="C15" s="276">
        <v>0</v>
      </c>
      <c r="D15" s="280">
        <v>0</v>
      </c>
      <c r="E15" s="376">
        <v>0</v>
      </c>
      <c r="F15" s="279">
        <v>0</v>
      </c>
      <c r="G15" s="280">
        <v>42</v>
      </c>
      <c r="H15" s="280">
        <v>29</v>
      </c>
      <c r="I15" s="280">
        <v>26</v>
      </c>
      <c r="J15" s="280">
        <v>14</v>
      </c>
      <c r="K15" s="280">
        <v>14</v>
      </c>
      <c r="L15" s="281">
        <v>125</v>
      </c>
      <c r="M15" s="282">
        <v>125</v>
      </c>
      <c r="N15" s="276">
        <v>0</v>
      </c>
      <c r="O15" s="280">
        <v>0</v>
      </c>
      <c r="P15" s="277">
        <v>0</v>
      </c>
      <c r="Q15" s="279">
        <v>0</v>
      </c>
      <c r="R15" s="280">
        <v>0</v>
      </c>
      <c r="S15" s="280">
        <v>2</v>
      </c>
      <c r="T15" s="280">
        <v>1</v>
      </c>
      <c r="U15" s="280">
        <v>1</v>
      </c>
      <c r="V15" s="280">
        <v>8</v>
      </c>
      <c r="W15" s="277">
        <v>12</v>
      </c>
      <c r="X15" s="282">
        <v>12</v>
      </c>
      <c r="Y15" s="276">
        <v>9</v>
      </c>
      <c r="Z15" s="280">
        <v>17</v>
      </c>
      <c r="AA15" s="277">
        <v>26</v>
      </c>
      <c r="AB15" s="279">
        <v>0</v>
      </c>
      <c r="AC15" s="280">
        <v>26</v>
      </c>
      <c r="AD15" s="280">
        <v>18</v>
      </c>
      <c r="AE15" s="280">
        <v>17</v>
      </c>
      <c r="AF15" s="280">
        <v>15</v>
      </c>
      <c r="AG15" s="280">
        <v>11</v>
      </c>
      <c r="AH15" s="277">
        <v>87</v>
      </c>
      <c r="AI15" s="282">
        <v>113</v>
      </c>
      <c r="AJ15" s="276">
        <v>0</v>
      </c>
      <c r="AK15" s="280">
        <v>3</v>
      </c>
      <c r="AL15" s="277">
        <v>3</v>
      </c>
      <c r="AM15" s="279">
        <v>0</v>
      </c>
      <c r="AN15" s="280">
        <v>4</v>
      </c>
      <c r="AO15" s="280">
        <v>2</v>
      </c>
      <c r="AP15" s="280">
        <v>3</v>
      </c>
      <c r="AQ15" s="280">
        <v>1</v>
      </c>
      <c r="AR15" s="280">
        <v>0</v>
      </c>
      <c r="AS15" s="277">
        <v>10</v>
      </c>
      <c r="AT15" s="282">
        <v>13</v>
      </c>
      <c r="AU15" s="276">
        <v>11</v>
      </c>
      <c r="AV15" s="280">
        <v>7</v>
      </c>
      <c r="AW15" s="277">
        <v>18</v>
      </c>
      <c r="AX15" s="279">
        <v>0</v>
      </c>
      <c r="AY15" s="280">
        <v>21</v>
      </c>
      <c r="AZ15" s="280">
        <v>18</v>
      </c>
      <c r="BA15" s="280">
        <v>24</v>
      </c>
      <c r="BB15" s="280">
        <v>40</v>
      </c>
      <c r="BC15" s="280">
        <v>19</v>
      </c>
      <c r="BD15" s="281">
        <v>122</v>
      </c>
      <c r="BE15" s="282">
        <v>140</v>
      </c>
      <c r="BF15" s="276">
        <v>0</v>
      </c>
      <c r="BG15" s="280">
        <v>0</v>
      </c>
      <c r="BH15" s="277">
        <v>0</v>
      </c>
      <c r="BI15" s="279">
        <v>0</v>
      </c>
      <c r="BJ15" s="280">
        <v>43</v>
      </c>
      <c r="BK15" s="280">
        <v>29</v>
      </c>
      <c r="BL15" s="280">
        <v>10</v>
      </c>
      <c r="BM15" s="280">
        <v>8</v>
      </c>
      <c r="BN15" s="280">
        <v>7</v>
      </c>
      <c r="BO15" s="277">
        <v>97</v>
      </c>
      <c r="BP15" s="282">
        <v>97</v>
      </c>
      <c r="BQ15" s="276">
        <v>14</v>
      </c>
      <c r="BR15" s="280">
        <v>7</v>
      </c>
      <c r="BS15" s="277">
        <v>21</v>
      </c>
      <c r="BT15" s="279">
        <v>0</v>
      </c>
      <c r="BU15" s="280">
        <v>12</v>
      </c>
      <c r="BV15" s="280">
        <v>11</v>
      </c>
      <c r="BW15" s="280">
        <v>9</v>
      </c>
      <c r="BX15" s="280">
        <v>5</v>
      </c>
      <c r="BY15" s="280">
        <v>0</v>
      </c>
      <c r="BZ15" s="277">
        <v>37</v>
      </c>
      <c r="CA15" s="282">
        <v>58</v>
      </c>
      <c r="CB15" s="276">
        <v>1</v>
      </c>
      <c r="CC15" s="280">
        <v>1</v>
      </c>
      <c r="CD15" s="277">
        <v>2</v>
      </c>
      <c r="CE15" s="279">
        <v>0</v>
      </c>
      <c r="CF15" s="280">
        <v>8</v>
      </c>
      <c r="CG15" s="280">
        <v>5</v>
      </c>
      <c r="CH15" s="280">
        <v>12</v>
      </c>
      <c r="CI15" s="280">
        <v>7</v>
      </c>
      <c r="CJ15" s="280">
        <v>4</v>
      </c>
      <c r="CK15" s="277">
        <v>36</v>
      </c>
      <c r="CL15" s="282">
        <v>38</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1</v>
      </c>
      <c r="DU15" s="280">
        <v>45</v>
      </c>
      <c r="DV15" s="277">
        <v>66</v>
      </c>
      <c r="DW15" s="279">
        <v>0</v>
      </c>
      <c r="DX15" s="280">
        <v>41</v>
      </c>
      <c r="DY15" s="280">
        <v>56</v>
      </c>
      <c r="DZ15" s="280">
        <v>44</v>
      </c>
      <c r="EA15" s="280">
        <v>48</v>
      </c>
      <c r="EB15" s="280">
        <v>18</v>
      </c>
      <c r="EC15" s="277">
        <v>207</v>
      </c>
      <c r="ED15" s="282">
        <v>273</v>
      </c>
      <c r="EE15" s="276">
        <v>8</v>
      </c>
      <c r="EF15" s="280">
        <v>5</v>
      </c>
      <c r="EG15" s="277">
        <v>13</v>
      </c>
      <c r="EH15" s="279">
        <v>0</v>
      </c>
      <c r="EI15" s="280">
        <v>6</v>
      </c>
      <c r="EJ15" s="280">
        <v>6</v>
      </c>
      <c r="EK15" s="280">
        <v>10</v>
      </c>
      <c r="EL15" s="280">
        <v>14</v>
      </c>
      <c r="EM15" s="280">
        <v>7</v>
      </c>
      <c r="EN15" s="277">
        <v>43</v>
      </c>
      <c r="EO15" s="282">
        <v>56</v>
      </c>
      <c r="EP15" s="276">
        <v>41</v>
      </c>
      <c r="EQ15" s="280">
        <v>57</v>
      </c>
      <c r="ER15" s="277">
        <v>98</v>
      </c>
      <c r="ES15" s="279">
        <v>0</v>
      </c>
      <c r="ET15" s="280">
        <v>111</v>
      </c>
      <c r="EU15" s="280">
        <v>75</v>
      </c>
      <c r="EV15" s="280">
        <v>51</v>
      </c>
      <c r="EW15" s="280">
        <v>42</v>
      </c>
      <c r="EX15" s="280">
        <v>20</v>
      </c>
      <c r="EY15" s="277">
        <v>299</v>
      </c>
      <c r="EZ15" s="282">
        <v>397</v>
      </c>
    </row>
    <row r="16" spans="2:156" ht="21" customHeight="1" x14ac:dyDescent="0.2">
      <c r="B16" s="261" t="s">
        <v>13</v>
      </c>
      <c r="C16" s="276">
        <v>0</v>
      </c>
      <c r="D16" s="280">
        <v>0</v>
      </c>
      <c r="E16" s="376">
        <v>0</v>
      </c>
      <c r="F16" s="279">
        <v>0</v>
      </c>
      <c r="G16" s="280">
        <v>19</v>
      </c>
      <c r="H16" s="280">
        <v>26</v>
      </c>
      <c r="I16" s="280">
        <v>15</v>
      </c>
      <c r="J16" s="280">
        <v>8</v>
      </c>
      <c r="K16" s="280">
        <v>14</v>
      </c>
      <c r="L16" s="281">
        <v>82</v>
      </c>
      <c r="M16" s="282">
        <v>82</v>
      </c>
      <c r="N16" s="276">
        <v>0</v>
      </c>
      <c r="O16" s="280">
        <v>0</v>
      </c>
      <c r="P16" s="277">
        <v>0</v>
      </c>
      <c r="Q16" s="279">
        <v>0</v>
      </c>
      <c r="R16" s="280">
        <v>0</v>
      </c>
      <c r="S16" s="280">
        <v>0</v>
      </c>
      <c r="T16" s="280">
        <v>1</v>
      </c>
      <c r="U16" s="280">
        <v>3</v>
      </c>
      <c r="V16" s="280">
        <v>0</v>
      </c>
      <c r="W16" s="277">
        <v>4</v>
      </c>
      <c r="X16" s="282">
        <v>4</v>
      </c>
      <c r="Y16" s="276">
        <v>1</v>
      </c>
      <c r="Z16" s="280">
        <v>3</v>
      </c>
      <c r="AA16" s="277">
        <v>4</v>
      </c>
      <c r="AB16" s="279">
        <v>0</v>
      </c>
      <c r="AC16" s="280">
        <v>16</v>
      </c>
      <c r="AD16" s="280">
        <v>12</v>
      </c>
      <c r="AE16" s="280">
        <v>9</v>
      </c>
      <c r="AF16" s="280">
        <v>9</v>
      </c>
      <c r="AG16" s="280">
        <v>7</v>
      </c>
      <c r="AH16" s="277">
        <v>53</v>
      </c>
      <c r="AI16" s="282">
        <v>57</v>
      </c>
      <c r="AJ16" s="276">
        <v>0</v>
      </c>
      <c r="AK16" s="280">
        <v>0</v>
      </c>
      <c r="AL16" s="277">
        <v>0</v>
      </c>
      <c r="AM16" s="279">
        <v>0</v>
      </c>
      <c r="AN16" s="280">
        <v>1</v>
      </c>
      <c r="AO16" s="280">
        <v>4</v>
      </c>
      <c r="AP16" s="280">
        <v>0</v>
      </c>
      <c r="AQ16" s="280">
        <v>1</v>
      </c>
      <c r="AR16" s="280">
        <v>3</v>
      </c>
      <c r="AS16" s="277">
        <v>9</v>
      </c>
      <c r="AT16" s="282">
        <v>9</v>
      </c>
      <c r="AU16" s="276">
        <v>5</v>
      </c>
      <c r="AV16" s="280">
        <v>5</v>
      </c>
      <c r="AW16" s="277">
        <v>10</v>
      </c>
      <c r="AX16" s="279">
        <v>0</v>
      </c>
      <c r="AY16" s="280">
        <v>16</v>
      </c>
      <c r="AZ16" s="280">
        <v>29</v>
      </c>
      <c r="BA16" s="280">
        <v>16</v>
      </c>
      <c r="BB16" s="280">
        <v>17</v>
      </c>
      <c r="BC16" s="280">
        <v>19</v>
      </c>
      <c r="BD16" s="281">
        <v>97</v>
      </c>
      <c r="BE16" s="282">
        <v>107</v>
      </c>
      <c r="BF16" s="276">
        <v>0</v>
      </c>
      <c r="BG16" s="280">
        <v>0</v>
      </c>
      <c r="BH16" s="277">
        <v>0</v>
      </c>
      <c r="BI16" s="279">
        <v>0</v>
      </c>
      <c r="BJ16" s="280">
        <v>21</v>
      </c>
      <c r="BK16" s="280">
        <v>16</v>
      </c>
      <c r="BL16" s="280">
        <v>9</v>
      </c>
      <c r="BM16" s="280">
        <v>4</v>
      </c>
      <c r="BN16" s="280">
        <v>1</v>
      </c>
      <c r="BO16" s="277">
        <v>51</v>
      </c>
      <c r="BP16" s="282">
        <v>51</v>
      </c>
      <c r="BQ16" s="276">
        <v>0</v>
      </c>
      <c r="BR16" s="280">
        <v>0</v>
      </c>
      <c r="BS16" s="277">
        <v>0</v>
      </c>
      <c r="BT16" s="279">
        <v>0</v>
      </c>
      <c r="BU16" s="280">
        <v>2</v>
      </c>
      <c r="BV16" s="280">
        <v>2</v>
      </c>
      <c r="BW16" s="280">
        <v>3</v>
      </c>
      <c r="BX16" s="280">
        <v>2</v>
      </c>
      <c r="BY16" s="280">
        <v>1</v>
      </c>
      <c r="BZ16" s="277">
        <v>10</v>
      </c>
      <c r="CA16" s="282">
        <v>10</v>
      </c>
      <c r="CB16" s="276">
        <v>0</v>
      </c>
      <c r="CC16" s="280">
        <v>0</v>
      </c>
      <c r="CD16" s="277">
        <v>0</v>
      </c>
      <c r="CE16" s="279">
        <v>0</v>
      </c>
      <c r="CF16" s="280">
        <v>0</v>
      </c>
      <c r="CG16" s="280">
        <v>1</v>
      </c>
      <c r="CH16" s="280">
        <v>2</v>
      </c>
      <c r="CI16" s="280">
        <v>2</v>
      </c>
      <c r="CJ16" s="280">
        <v>0</v>
      </c>
      <c r="CK16" s="277">
        <v>5</v>
      </c>
      <c r="CL16" s="282">
        <v>5</v>
      </c>
      <c r="CM16" s="276">
        <v>0</v>
      </c>
      <c r="CN16" s="280">
        <v>0</v>
      </c>
      <c r="CO16" s="277">
        <v>0</v>
      </c>
      <c r="CP16" s="279">
        <v>0</v>
      </c>
      <c r="CQ16" s="280">
        <v>0</v>
      </c>
      <c r="CR16" s="280">
        <v>0</v>
      </c>
      <c r="CS16" s="280">
        <v>0</v>
      </c>
      <c r="CT16" s="280">
        <v>1</v>
      </c>
      <c r="CU16" s="280">
        <v>0</v>
      </c>
      <c r="CV16" s="277">
        <v>1</v>
      </c>
      <c r="CW16" s="282">
        <v>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6</v>
      </c>
      <c r="DU16" s="280">
        <v>12</v>
      </c>
      <c r="DV16" s="277">
        <v>18</v>
      </c>
      <c r="DW16" s="279">
        <v>0</v>
      </c>
      <c r="DX16" s="280">
        <v>21</v>
      </c>
      <c r="DY16" s="280">
        <v>35</v>
      </c>
      <c r="DZ16" s="280">
        <v>21</v>
      </c>
      <c r="EA16" s="280">
        <v>12</v>
      </c>
      <c r="EB16" s="280">
        <v>17</v>
      </c>
      <c r="EC16" s="277">
        <v>106</v>
      </c>
      <c r="ED16" s="282">
        <v>124</v>
      </c>
      <c r="EE16" s="276">
        <v>4</v>
      </c>
      <c r="EF16" s="280">
        <v>2</v>
      </c>
      <c r="EG16" s="277">
        <v>6</v>
      </c>
      <c r="EH16" s="279">
        <v>0</v>
      </c>
      <c r="EI16" s="280">
        <v>11</v>
      </c>
      <c r="EJ16" s="280">
        <v>11</v>
      </c>
      <c r="EK16" s="280">
        <v>5</v>
      </c>
      <c r="EL16" s="280">
        <v>10</v>
      </c>
      <c r="EM16" s="280">
        <v>6</v>
      </c>
      <c r="EN16" s="277">
        <v>43</v>
      </c>
      <c r="EO16" s="282">
        <v>49</v>
      </c>
      <c r="EP16" s="276">
        <v>6</v>
      </c>
      <c r="EQ16" s="280">
        <v>13</v>
      </c>
      <c r="ER16" s="277">
        <v>19</v>
      </c>
      <c r="ES16" s="279">
        <v>0</v>
      </c>
      <c r="ET16" s="280">
        <v>54</v>
      </c>
      <c r="EU16" s="280">
        <v>59</v>
      </c>
      <c r="EV16" s="280">
        <v>28</v>
      </c>
      <c r="EW16" s="280">
        <v>16</v>
      </c>
      <c r="EX16" s="280">
        <v>17</v>
      </c>
      <c r="EY16" s="277">
        <v>174</v>
      </c>
      <c r="EZ16" s="282">
        <v>193</v>
      </c>
    </row>
    <row r="17" spans="2:156" ht="21" customHeight="1" x14ac:dyDescent="0.2">
      <c r="B17" s="261" t="s">
        <v>15</v>
      </c>
      <c r="C17" s="276">
        <v>0</v>
      </c>
      <c r="D17" s="280">
        <v>0</v>
      </c>
      <c r="E17" s="376">
        <v>0</v>
      </c>
      <c r="F17" s="279">
        <v>0</v>
      </c>
      <c r="G17" s="280">
        <v>7</v>
      </c>
      <c r="H17" s="280">
        <v>5</v>
      </c>
      <c r="I17" s="280">
        <v>1</v>
      </c>
      <c r="J17" s="280">
        <v>2</v>
      </c>
      <c r="K17" s="280">
        <v>3</v>
      </c>
      <c r="L17" s="281">
        <v>18</v>
      </c>
      <c r="M17" s="282">
        <v>18</v>
      </c>
      <c r="N17" s="276">
        <v>0</v>
      </c>
      <c r="O17" s="280">
        <v>0</v>
      </c>
      <c r="P17" s="277">
        <v>0</v>
      </c>
      <c r="Q17" s="279">
        <v>0</v>
      </c>
      <c r="R17" s="280">
        <v>0</v>
      </c>
      <c r="S17" s="280">
        <v>0</v>
      </c>
      <c r="T17" s="280">
        <v>0</v>
      </c>
      <c r="U17" s="280">
        <v>0</v>
      </c>
      <c r="V17" s="280">
        <v>3</v>
      </c>
      <c r="W17" s="277">
        <v>3</v>
      </c>
      <c r="X17" s="282">
        <v>3</v>
      </c>
      <c r="Y17" s="276">
        <v>0</v>
      </c>
      <c r="Z17" s="280">
        <v>1</v>
      </c>
      <c r="AA17" s="277">
        <v>1</v>
      </c>
      <c r="AB17" s="279">
        <v>0</v>
      </c>
      <c r="AC17" s="280">
        <v>2</v>
      </c>
      <c r="AD17" s="280">
        <v>1</v>
      </c>
      <c r="AE17" s="280">
        <v>2</v>
      </c>
      <c r="AF17" s="280">
        <v>5</v>
      </c>
      <c r="AG17" s="280">
        <v>4</v>
      </c>
      <c r="AH17" s="277">
        <v>14</v>
      </c>
      <c r="AI17" s="282">
        <v>15</v>
      </c>
      <c r="AJ17" s="276">
        <v>0</v>
      </c>
      <c r="AK17" s="280">
        <v>0</v>
      </c>
      <c r="AL17" s="277">
        <v>0</v>
      </c>
      <c r="AM17" s="279">
        <v>0</v>
      </c>
      <c r="AN17" s="280">
        <v>0</v>
      </c>
      <c r="AO17" s="280">
        <v>0</v>
      </c>
      <c r="AP17" s="280">
        <v>0</v>
      </c>
      <c r="AQ17" s="280">
        <v>0</v>
      </c>
      <c r="AR17" s="280">
        <v>2</v>
      </c>
      <c r="AS17" s="277">
        <v>2</v>
      </c>
      <c r="AT17" s="282">
        <v>2</v>
      </c>
      <c r="AU17" s="276">
        <v>1</v>
      </c>
      <c r="AV17" s="280">
        <v>1</v>
      </c>
      <c r="AW17" s="277">
        <v>2</v>
      </c>
      <c r="AX17" s="279">
        <v>0</v>
      </c>
      <c r="AY17" s="280">
        <v>3</v>
      </c>
      <c r="AZ17" s="280">
        <v>7</v>
      </c>
      <c r="BA17" s="280">
        <v>5</v>
      </c>
      <c r="BB17" s="280">
        <v>4</v>
      </c>
      <c r="BC17" s="280">
        <v>4</v>
      </c>
      <c r="BD17" s="281">
        <v>23</v>
      </c>
      <c r="BE17" s="282">
        <v>25</v>
      </c>
      <c r="BF17" s="276">
        <v>0</v>
      </c>
      <c r="BG17" s="280">
        <v>0</v>
      </c>
      <c r="BH17" s="277">
        <v>0</v>
      </c>
      <c r="BI17" s="279">
        <v>0</v>
      </c>
      <c r="BJ17" s="280">
        <v>3</v>
      </c>
      <c r="BK17" s="280">
        <v>4</v>
      </c>
      <c r="BL17" s="280">
        <v>0</v>
      </c>
      <c r="BM17" s="280">
        <v>2</v>
      </c>
      <c r="BN17" s="280">
        <v>0</v>
      </c>
      <c r="BO17" s="277">
        <v>9</v>
      </c>
      <c r="BP17" s="282">
        <v>9</v>
      </c>
      <c r="BQ17" s="276">
        <v>0</v>
      </c>
      <c r="BR17" s="280">
        <v>0</v>
      </c>
      <c r="BS17" s="277">
        <v>0</v>
      </c>
      <c r="BT17" s="279">
        <v>0</v>
      </c>
      <c r="BU17" s="280">
        <v>1</v>
      </c>
      <c r="BV17" s="280">
        <v>2</v>
      </c>
      <c r="BW17" s="280">
        <v>1</v>
      </c>
      <c r="BX17" s="280">
        <v>3</v>
      </c>
      <c r="BY17" s="280">
        <v>2</v>
      </c>
      <c r="BZ17" s="277">
        <v>9</v>
      </c>
      <c r="CA17" s="282">
        <v>9</v>
      </c>
      <c r="CB17" s="276">
        <v>0</v>
      </c>
      <c r="CC17" s="280">
        <v>0</v>
      </c>
      <c r="CD17" s="277">
        <v>0</v>
      </c>
      <c r="CE17" s="279">
        <v>0</v>
      </c>
      <c r="CF17" s="280">
        <v>0</v>
      </c>
      <c r="CG17" s="280">
        <v>0</v>
      </c>
      <c r="CH17" s="280">
        <v>3</v>
      </c>
      <c r="CI17" s="280">
        <v>3</v>
      </c>
      <c r="CJ17" s="280">
        <v>0</v>
      </c>
      <c r="CK17" s="277">
        <v>6</v>
      </c>
      <c r="CL17" s="282">
        <v>6</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0</v>
      </c>
      <c r="DU17" s="280">
        <v>2</v>
      </c>
      <c r="DV17" s="277">
        <v>2</v>
      </c>
      <c r="DW17" s="279">
        <v>0</v>
      </c>
      <c r="DX17" s="280">
        <v>9</v>
      </c>
      <c r="DY17" s="280">
        <v>12</v>
      </c>
      <c r="DZ17" s="280">
        <v>5</v>
      </c>
      <c r="EA17" s="280">
        <v>6</v>
      </c>
      <c r="EB17" s="280">
        <v>6</v>
      </c>
      <c r="EC17" s="277">
        <v>38</v>
      </c>
      <c r="ED17" s="282">
        <v>40</v>
      </c>
      <c r="EE17" s="276">
        <v>1</v>
      </c>
      <c r="EF17" s="280">
        <v>1</v>
      </c>
      <c r="EG17" s="277">
        <v>2</v>
      </c>
      <c r="EH17" s="279">
        <v>0</v>
      </c>
      <c r="EI17" s="280">
        <v>6</v>
      </c>
      <c r="EJ17" s="280">
        <v>3</v>
      </c>
      <c r="EK17" s="280">
        <v>2</v>
      </c>
      <c r="EL17" s="280">
        <v>2</v>
      </c>
      <c r="EM17" s="280">
        <v>1</v>
      </c>
      <c r="EN17" s="277">
        <v>14</v>
      </c>
      <c r="EO17" s="282">
        <v>16</v>
      </c>
      <c r="EP17" s="276">
        <v>0</v>
      </c>
      <c r="EQ17" s="280">
        <v>3</v>
      </c>
      <c r="ER17" s="277">
        <v>3</v>
      </c>
      <c r="ES17" s="279">
        <v>0</v>
      </c>
      <c r="ET17" s="280">
        <v>16</v>
      </c>
      <c r="EU17" s="280">
        <v>15</v>
      </c>
      <c r="EV17" s="280">
        <v>6</v>
      </c>
      <c r="EW17" s="280">
        <v>7</v>
      </c>
      <c r="EX17" s="280">
        <v>6</v>
      </c>
      <c r="EY17" s="277">
        <v>50</v>
      </c>
      <c r="EZ17" s="282">
        <v>53</v>
      </c>
    </row>
    <row r="18" spans="2:156" ht="21" customHeight="1" x14ac:dyDescent="0.2">
      <c r="B18" s="261" t="s">
        <v>16</v>
      </c>
      <c r="C18" s="276">
        <v>0</v>
      </c>
      <c r="D18" s="280">
        <v>0</v>
      </c>
      <c r="E18" s="376">
        <v>0</v>
      </c>
      <c r="F18" s="279">
        <v>0</v>
      </c>
      <c r="G18" s="280">
        <v>8</v>
      </c>
      <c r="H18" s="280">
        <v>12</v>
      </c>
      <c r="I18" s="280">
        <v>6</v>
      </c>
      <c r="J18" s="280">
        <v>4</v>
      </c>
      <c r="K18" s="280">
        <v>1</v>
      </c>
      <c r="L18" s="281">
        <v>31</v>
      </c>
      <c r="M18" s="282">
        <v>31</v>
      </c>
      <c r="N18" s="276">
        <v>0</v>
      </c>
      <c r="O18" s="280">
        <v>0</v>
      </c>
      <c r="P18" s="277">
        <v>0</v>
      </c>
      <c r="Q18" s="279">
        <v>0</v>
      </c>
      <c r="R18" s="280">
        <v>0</v>
      </c>
      <c r="S18" s="280">
        <v>0</v>
      </c>
      <c r="T18" s="280">
        <v>1</v>
      </c>
      <c r="U18" s="280">
        <v>1</v>
      </c>
      <c r="V18" s="280">
        <v>2</v>
      </c>
      <c r="W18" s="277">
        <v>4</v>
      </c>
      <c r="X18" s="282">
        <v>4</v>
      </c>
      <c r="Y18" s="276">
        <v>4</v>
      </c>
      <c r="Z18" s="280">
        <v>2</v>
      </c>
      <c r="AA18" s="277">
        <v>6</v>
      </c>
      <c r="AB18" s="279">
        <v>0</v>
      </c>
      <c r="AC18" s="280">
        <v>10</v>
      </c>
      <c r="AD18" s="280">
        <v>18</v>
      </c>
      <c r="AE18" s="280">
        <v>8</v>
      </c>
      <c r="AF18" s="280">
        <v>6</v>
      </c>
      <c r="AG18" s="280">
        <v>4</v>
      </c>
      <c r="AH18" s="277">
        <v>46</v>
      </c>
      <c r="AI18" s="282">
        <v>52</v>
      </c>
      <c r="AJ18" s="276">
        <v>0</v>
      </c>
      <c r="AK18" s="280">
        <v>0</v>
      </c>
      <c r="AL18" s="277">
        <v>0</v>
      </c>
      <c r="AM18" s="279">
        <v>0</v>
      </c>
      <c r="AN18" s="280">
        <v>1</v>
      </c>
      <c r="AO18" s="280">
        <v>1</v>
      </c>
      <c r="AP18" s="280">
        <v>2</v>
      </c>
      <c r="AQ18" s="280">
        <v>0</v>
      </c>
      <c r="AR18" s="280">
        <v>0</v>
      </c>
      <c r="AS18" s="277">
        <v>4</v>
      </c>
      <c r="AT18" s="282">
        <v>4</v>
      </c>
      <c r="AU18" s="276">
        <v>2</v>
      </c>
      <c r="AV18" s="280">
        <v>1</v>
      </c>
      <c r="AW18" s="277">
        <v>3</v>
      </c>
      <c r="AX18" s="279">
        <v>0</v>
      </c>
      <c r="AY18" s="280">
        <v>10</v>
      </c>
      <c r="AZ18" s="280">
        <v>18</v>
      </c>
      <c r="BA18" s="280">
        <v>15</v>
      </c>
      <c r="BB18" s="280">
        <v>16</v>
      </c>
      <c r="BC18" s="280">
        <v>11</v>
      </c>
      <c r="BD18" s="281">
        <v>70</v>
      </c>
      <c r="BE18" s="282">
        <v>73</v>
      </c>
      <c r="BF18" s="276">
        <v>0</v>
      </c>
      <c r="BG18" s="280">
        <v>0</v>
      </c>
      <c r="BH18" s="277">
        <v>0</v>
      </c>
      <c r="BI18" s="279">
        <v>0</v>
      </c>
      <c r="BJ18" s="280">
        <v>25</v>
      </c>
      <c r="BK18" s="280">
        <v>23</v>
      </c>
      <c r="BL18" s="280">
        <v>10</v>
      </c>
      <c r="BM18" s="280">
        <v>3</v>
      </c>
      <c r="BN18" s="280">
        <v>1</v>
      </c>
      <c r="BO18" s="277">
        <v>62</v>
      </c>
      <c r="BP18" s="282">
        <v>62</v>
      </c>
      <c r="BQ18" s="276">
        <v>2</v>
      </c>
      <c r="BR18" s="280">
        <v>4</v>
      </c>
      <c r="BS18" s="277">
        <v>6</v>
      </c>
      <c r="BT18" s="279">
        <v>0</v>
      </c>
      <c r="BU18" s="280">
        <v>10</v>
      </c>
      <c r="BV18" s="280">
        <v>19</v>
      </c>
      <c r="BW18" s="280">
        <v>6</v>
      </c>
      <c r="BX18" s="280">
        <v>1</v>
      </c>
      <c r="BY18" s="280">
        <v>1</v>
      </c>
      <c r="BZ18" s="277">
        <v>37</v>
      </c>
      <c r="CA18" s="282">
        <v>43</v>
      </c>
      <c r="CB18" s="276">
        <v>0</v>
      </c>
      <c r="CC18" s="280">
        <v>0</v>
      </c>
      <c r="CD18" s="277">
        <v>0</v>
      </c>
      <c r="CE18" s="279">
        <v>0</v>
      </c>
      <c r="CF18" s="280">
        <v>6</v>
      </c>
      <c r="CG18" s="280">
        <v>5</v>
      </c>
      <c r="CH18" s="280">
        <v>4</v>
      </c>
      <c r="CI18" s="280">
        <v>1</v>
      </c>
      <c r="CJ18" s="280">
        <v>0</v>
      </c>
      <c r="CK18" s="277">
        <v>16</v>
      </c>
      <c r="CL18" s="282">
        <v>16</v>
      </c>
      <c r="CM18" s="276">
        <v>0</v>
      </c>
      <c r="CN18" s="280">
        <v>0</v>
      </c>
      <c r="CO18" s="277">
        <v>0</v>
      </c>
      <c r="CP18" s="279">
        <v>0</v>
      </c>
      <c r="CQ18" s="280">
        <v>1</v>
      </c>
      <c r="CR18" s="280">
        <v>0</v>
      </c>
      <c r="CS18" s="280">
        <v>2</v>
      </c>
      <c r="CT18" s="280">
        <v>0</v>
      </c>
      <c r="CU18" s="280">
        <v>0</v>
      </c>
      <c r="CV18" s="277">
        <v>3</v>
      </c>
      <c r="CW18" s="282">
        <v>3</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9</v>
      </c>
      <c r="DU18" s="280">
        <v>16</v>
      </c>
      <c r="DV18" s="277">
        <v>25</v>
      </c>
      <c r="DW18" s="279">
        <v>0</v>
      </c>
      <c r="DX18" s="280">
        <v>27</v>
      </c>
      <c r="DY18" s="280">
        <v>49</v>
      </c>
      <c r="DZ18" s="280">
        <v>27</v>
      </c>
      <c r="EA18" s="280">
        <v>10</v>
      </c>
      <c r="EB18" s="280">
        <v>8</v>
      </c>
      <c r="EC18" s="277">
        <v>121</v>
      </c>
      <c r="ED18" s="282">
        <v>146</v>
      </c>
      <c r="EE18" s="276">
        <v>2</v>
      </c>
      <c r="EF18" s="280">
        <v>1</v>
      </c>
      <c r="EG18" s="277">
        <v>3</v>
      </c>
      <c r="EH18" s="279">
        <v>0</v>
      </c>
      <c r="EI18" s="280">
        <v>8</v>
      </c>
      <c r="EJ18" s="280">
        <v>9</v>
      </c>
      <c r="EK18" s="280">
        <v>9</v>
      </c>
      <c r="EL18" s="280">
        <v>13</v>
      </c>
      <c r="EM18" s="280">
        <v>6</v>
      </c>
      <c r="EN18" s="277">
        <v>45</v>
      </c>
      <c r="EO18" s="282">
        <v>48</v>
      </c>
      <c r="EP18" s="276">
        <v>14</v>
      </c>
      <c r="EQ18" s="280">
        <v>20</v>
      </c>
      <c r="ER18" s="277">
        <v>34</v>
      </c>
      <c r="ES18" s="279">
        <v>0</v>
      </c>
      <c r="ET18" s="280">
        <v>53</v>
      </c>
      <c r="EU18" s="280">
        <v>71</v>
      </c>
      <c r="EV18" s="280">
        <v>34</v>
      </c>
      <c r="EW18" s="280">
        <v>12</v>
      </c>
      <c r="EX18" s="280">
        <v>8</v>
      </c>
      <c r="EY18" s="277">
        <v>178</v>
      </c>
      <c r="EZ18" s="282">
        <v>212</v>
      </c>
    </row>
    <row r="19" spans="2:156" ht="21" customHeight="1" x14ac:dyDescent="0.2">
      <c r="B19" s="261" t="s">
        <v>17</v>
      </c>
      <c r="C19" s="276">
        <v>0</v>
      </c>
      <c r="D19" s="280">
        <v>0</v>
      </c>
      <c r="E19" s="376">
        <v>0</v>
      </c>
      <c r="F19" s="279">
        <v>0</v>
      </c>
      <c r="G19" s="280">
        <v>13</v>
      </c>
      <c r="H19" s="280">
        <v>19</v>
      </c>
      <c r="I19" s="280">
        <v>18</v>
      </c>
      <c r="J19" s="280">
        <v>9</v>
      </c>
      <c r="K19" s="280">
        <v>5</v>
      </c>
      <c r="L19" s="281">
        <v>64</v>
      </c>
      <c r="M19" s="282">
        <v>64</v>
      </c>
      <c r="N19" s="276">
        <v>0</v>
      </c>
      <c r="O19" s="280">
        <v>0</v>
      </c>
      <c r="P19" s="277">
        <v>0</v>
      </c>
      <c r="Q19" s="279">
        <v>0</v>
      </c>
      <c r="R19" s="280">
        <v>0</v>
      </c>
      <c r="S19" s="280">
        <v>0</v>
      </c>
      <c r="T19" s="280">
        <v>1</v>
      </c>
      <c r="U19" s="280">
        <v>3</v>
      </c>
      <c r="V19" s="280">
        <v>2</v>
      </c>
      <c r="W19" s="277">
        <v>6</v>
      </c>
      <c r="X19" s="282">
        <v>6</v>
      </c>
      <c r="Y19" s="276">
        <v>3</v>
      </c>
      <c r="Z19" s="280">
        <v>5</v>
      </c>
      <c r="AA19" s="277">
        <v>8</v>
      </c>
      <c r="AB19" s="279">
        <v>0</v>
      </c>
      <c r="AC19" s="280">
        <v>17</v>
      </c>
      <c r="AD19" s="280">
        <v>18</v>
      </c>
      <c r="AE19" s="280">
        <v>14</v>
      </c>
      <c r="AF19" s="280">
        <v>11</v>
      </c>
      <c r="AG19" s="280">
        <v>7</v>
      </c>
      <c r="AH19" s="277">
        <v>67</v>
      </c>
      <c r="AI19" s="282">
        <v>75</v>
      </c>
      <c r="AJ19" s="276">
        <v>0</v>
      </c>
      <c r="AK19" s="280">
        <v>1</v>
      </c>
      <c r="AL19" s="277">
        <v>1</v>
      </c>
      <c r="AM19" s="279">
        <v>0</v>
      </c>
      <c r="AN19" s="280">
        <v>1</v>
      </c>
      <c r="AO19" s="280">
        <v>0</v>
      </c>
      <c r="AP19" s="280">
        <v>2</v>
      </c>
      <c r="AQ19" s="280">
        <v>4</v>
      </c>
      <c r="AR19" s="280">
        <v>0</v>
      </c>
      <c r="AS19" s="277">
        <v>7</v>
      </c>
      <c r="AT19" s="282">
        <v>8</v>
      </c>
      <c r="AU19" s="276">
        <v>4</v>
      </c>
      <c r="AV19" s="280">
        <v>4</v>
      </c>
      <c r="AW19" s="277">
        <v>8</v>
      </c>
      <c r="AX19" s="279">
        <v>0</v>
      </c>
      <c r="AY19" s="280">
        <v>18</v>
      </c>
      <c r="AZ19" s="280">
        <v>18</v>
      </c>
      <c r="BA19" s="280">
        <v>25</v>
      </c>
      <c r="BB19" s="280">
        <v>28</v>
      </c>
      <c r="BC19" s="280">
        <v>19</v>
      </c>
      <c r="BD19" s="281">
        <v>108</v>
      </c>
      <c r="BE19" s="282">
        <v>116</v>
      </c>
      <c r="BF19" s="276">
        <v>0</v>
      </c>
      <c r="BG19" s="280">
        <v>0</v>
      </c>
      <c r="BH19" s="277">
        <v>0</v>
      </c>
      <c r="BI19" s="279">
        <v>0</v>
      </c>
      <c r="BJ19" s="280">
        <v>18</v>
      </c>
      <c r="BK19" s="280">
        <v>29</v>
      </c>
      <c r="BL19" s="280">
        <v>13</v>
      </c>
      <c r="BM19" s="280">
        <v>11</v>
      </c>
      <c r="BN19" s="280">
        <v>2</v>
      </c>
      <c r="BO19" s="277">
        <v>73</v>
      </c>
      <c r="BP19" s="282">
        <v>73</v>
      </c>
      <c r="BQ19" s="276">
        <v>4</v>
      </c>
      <c r="BR19" s="280">
        <v>6</v>
      </c>
      <c r="BS19" s="277">
        <v>10</v>
      </c>
      <c r="BT19" s="279">
        <v>0</v>
      </c>
      <c r="BU19" s="280">
        <v>8</v>
      </c>
      <c r="BV19" s="280">
        <v>13</v>
      </c>
      <c r="BW19" s="280">
        <v>8</v>
      </c>
      <c r="BX19" s="280">
        <v>4</v>
      </c>
      <c r="BY19" s="280">
        <v>1</v>
      </c>
      <c r="BZ19" s="277">
        <v>34</v>
      </c>
      <c r="CA19" s="282">
        <v>44</v>
      </c>
      <c r="CB19" s="276">
        <v>0</v>
      </c>
      <c r="CC19" s="280">
        <v>1</v>
      </c>
      <c r="CD19" s="277">
        <v>1</v>
      </c>
      <c r="CE19" s="279">
        <v>0</v>
      </c>
      <c r="CF19" s="280">
        <v>1</v>
      </c>
      <c r="CG19" s="280">
        <v>7</v>
      </c>
      <c r="CH19" s="280">
        <v>3</v>
      </c>
      <c r="CI19" s="280">
        <v>5</v>
      </c>
      <c r="CJ19" s="280">
        <v>2</v>
      </c>
      <c r="CK19" s="277">
        <v>18</v>
      </c>
      <c r="CL19" s="282">
        <v>19</v>
      </c>
      <c r="CM19" s="276">
        <v>0</v>
      </c>
      <c r="CN19" s="280">
        <v>0</v>
      </c>
      <c r="CO19" s="277">
        <v>0</v>
      </c>
      <c r="CP19" s="279">
        <v>0</v>
      </c>
      <c r="CQ19" s="280">
        <v>2</v>
      </c>
      <c r="CR19" s="280">
        <v>2</v>
      </c>
      <c r="CS19" s="280">
        <v>2</v>
      </c>
      <c r="CT19" s="280">
        <v>4</v>
      </c>
      <c r="CU19" s="280">
        <v>0</v>
      </c>
      <c r="CV19" s="277">
        <v>10</v>
      </c>
      <c r="CW19" s="282">
        <v>10</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4</v>
      </c>
      <c r="DU19" s="280">
        <v>22</v>
      </c>
      <c r="DV19" s="277">
        <v>36</v>
      </c>
      <c r="DW19" s="279">
        <v>0</v>
      </c>
      <c r="DX19" s="280">
        <v>23</v>
      </c>
      <c r="DY19" s="280">
        <v>65</v>
      </c>
      <c r="DZ19" s="280">
        <v>50</v>
      </c>
      <c r="EA19" s="280">
        <v>25</v>
      </c>
      <c r="EB19" s="280">
        <v>17</v>
      </c>
      <c r="EC19" s="277">
        <v>180</v>
      </c>
      <c r="ED19" s="282">
        <v>216</v>
      </c>
      <c r="EE19" s="276">
        <v>2</v>
      </c>
      <c r="EF19" s="280">
        <v>3</v>
      </c>
      <c r="EG19" s="277">
        <v>5</v>
      </c>
      <c r="EH19" s="279">
        <v>0</v>
      </c>
      <c r="EI19" s="280">
        <v>14</v>
      </c>
      <c r="EJ19" s="280">
        <v>6</v>
      </c>
      <c r="EK19" s="280">
        <v>9</v>
      </c>
      <c r="EL19" s="280">
        <v>17</v>
      </c>
      <c r="EM19" s="280">
        <v>8</v>
      </c>
      <c r="EN19" s="277">
        <v>54</v>
      </c>
      <c r="EO19" s="282">
        <v>59</v>
      </c>
      <c r="EP19" s="276">
        <v>21</v>
      </c>
      <c r="EQ19" s="280">
        <v>28</v>
      </c>
      <c r="ER19" s="277">
        <v>49</v>
      </c>
      <c r="ES19" s="279">
        <v>0</v>
      </c>
      <c r="ET19" s="280">
        <v>58</v>
      </c>
      <c r="EU19" s="280">
        <v>86</v>
      </c>
      <c r="EV19" s="280">
        <v>55</v>
      </c>
      <c r="EW19" s="280">
        <v>28</v>
      </c>
      <c r="EX19" s="280">
        <v>17</v>
      </c>
      <c r="EY19" s="277">
        <v>244</v>
      </c>
      <c r="EZ19" s="282">
        <v>293</v>
      </c>
    </row>
    <row r="20" spans="2:156" ht="21" customHeight="1" x14ac:dyDescent="0.2">
      <c r="B20" s="261" t="s">
        <v>18</v>
      </c>
      <c r="C20" s="276">
        <v>0</v>
      </c>
      <c r="D20" s="280">
        <v>0</v>
      </c>
      <c r="E20" s="376">
        <v>0</v>
      </c>
      <c r="F20" s="279">
        <v>0</v>
      </c>
      <c r="G20" s="280">
        <v>26</v>
      </c>
      <c r="H20" s="280">
        <v>28</v>
      </c>
      <c r="I20" s="280">
        <v>18</v>
      </c>
      <c r="J20" s="280">
        <v>15</v>
      </c>
      <c r="K20" s="280">
        <v>8</v>
      </c>
      <c r="L20" s="281">
        <v>95</v>
      </c>
      <c r="M20" s="282">
        <v>95</v>
      </c>
      <c r="N20" s="276">
        <v>0</v>
      </c>
      <c r="O20" s="280">
        <v>0</v>
      </c>
      <c r="P20" s="277">
        <v>0</v>
      </c>
      <c r="Q20" s="279">
        <v>0</v>
      </c>
      <c r="R20" s="280">
        <v>0</v>
      </c>
      <c r="S20" s="280">
        <v>0</v>
      </c>
      <c r="T20" s="280">
        <v>2</v>
      </c>
      <c r="U20" s="280">
        <v>3</v>
      </c>
      <c r="V20" s="280">
        <v>3</v>
      </c>
      <c r="W20" s="277">
        <v>8</v>
      </c>
      <c r="X20" s="282">
        <v>8</v>
      </c>
      <c r="Y20" s="276">
        <v>8</v>
      </c>
      <c r="Z20" s="280">
        <v>7</v>
      </c>
      <c r="AA20" s="277">
        <v>15</v>
      </c>
      <c r="AB20" s="279">
        <v>0</v>
      </c>
      <c r="AC20" s="280">
        <v>19</v>
      </c>
      <c r="AD20" s="280">
        <v>27</v>
      </c>
      <c r="AE20" s="280">
        <v>20</v>
      </c>
      <c r="AF20" s="280">
        <v>9</v>
      </c>
      <c r="AG20" s="280">
        <v>9</v>
      </c>
      <c r="AH20" s="277">
        <v>84</v>
      </c>
      <c r="AI20" s="282">
        <v>99</v>
      </c>
      <c r="AJ20" s="276">
        <v>1</v>
      </c>
      <c r="AK20" s="280">
        <v>0</v>
      </c>
      <c r="AL20" s="277">
        <v>1</v>
      </c>
      <c r="AM20" s="279">
        <v>0</v>
      </c>
      <c r="AN20" s="280">
        <v>4</v>
      </c>
      <c r="AO20" s="280">
        <v>3</v>
      </c>
      <c r="AP20" s="280">
        <v>2</v>
      </c>
      <c r="AQ20" s="280">
        <v>0</v>
      </c>
      <c r="AR20" s="280">
        <v>0</v>
      </c>
      <c r="AS20" s="277">
        <v>9</v>
      </c>
      <c r="AT20" s="282">
        <v>10</v>
      </c>
      <c r="AU20" s="276">
        <v>3</v>
      </c>
      <c r="AV20" s="280">
        <v>5</v>
      </c>
      <c r="AW20" s="277">
        <v>8</v>
      </c>
      <c r="AX20" s="279">
        <v>0</v>
      </c>
      <c r="AY20" s="280">
        <v>34</v>
      </c>
      <c r="AZ20" s="280">
        <v>29</v>
      </c>
      <c r="BA20" s="280">
        <v>36</v>
      </c>
      <c r="BB20" s="280">
        <v>26</v>
      </c>
      <c r="BC20" s="280">
        <v>27</v>
      </c>
      <c r="BD20" s="281">
        <v>152</v>
      </c>
      <c r="BE20" s="282">
        <v>160</v>
      </c>
      <c r="BF20" s="276">
        <v>0</v>
      </c>
      <c r="BG20" s="280">
        <v>0</v>
      </c>
      <c r="BH20" s="277">
        <v>0</v>
      </c>
      <c r="BI20" s="279">
        <v>0</v>
      </c>
      <c r="BJ20" s="280">
        <v>32</v>
      </c>
      <c r="BK20" s="280">
        <v>49</v>
      </c>
      <c r="BL20" s="280">
        <v>22</v>
      </c>
      <c r="BM20" s="280">
        <v>11</v>
      </c>
      <c r="BN20" s="280">
        <v>4</v>
      </c>
      <c r="BO20" s="277">
        <v>118</v>
      </c>
      <c r="BP20" s="282">
        <v>118</v>
      </c>
      <c r="BQ20" s="276">
        <v>5</v>
      </c>
      <c r="BR20" s="280">
        <v>5</v>
      </c>
      <c r="BS20" s="277">
        <v>10</v>
      </c>
      <c r="BT20" s="279">
        <v>0</v>
      </c>
      <c r="BU20" s="280">
        <v>12</v>
      </c>
      <c r="BV20" s="280">
        <v>14</v>
      </c>
      <c r="BW20" s="280">
        <v>6</v>
      </c>
      <c r="BX20" s="280">
        <v>5</v>
      </c>
      <c r="BY20" s="280">
        <v>4</v>
      </c>
      <c r="BZ20" s="277">
        <v>41</v>
      </c>
      <c r="CA20" s="282">
        <v>51</v>
      </c>
      <c r="CB20" s="276">
        <v>0</v>
      </c>
      <c r="CC20" s="280">
        <v>0</v>
      </c>
      <c r="CD20" s="277">
        <v>0</v>
      </c>
      <c r="CE20" s="279">
        <v>0</v>
      </c>
      <c r="CF20" s="280">
        <v>0</v>
      </c>
      <c r="CG20" s="280">
        <v>9</v>
      </c>
      <c r="CH20" s="280">
        <v>8</v>
      </c>
      <c r="CI20" s="280">
        <v>5</v>
      </c>
      <c r="CJ20" s="280">
        <v>4</v>
      </c>
      <c r="CK20" s="277">
        <v>26</v>
      </c>
      <c r="CL20" s="282">
        <v>26</v>
      </c>
      <c r="CM20" s="276">
        <v>0</v>
      </c>
      <c r="CN20" s="280">
        <v>0</v>
      </c>
      <c r="CO20" s="277">
        <v>0</v>
      </c>
      <c r="CP20" s="279">
        <v>0</v>
      </c>
      <c r="CQ20" s="280">
        <v>0</v>
      </c>
      <c r="CR20" s="280">
        <v>1</v>
      </c>
      <c r="CS20" s="280">
        <v>0</v>
      </c>
      <c r="CT20" s="280">
        <v>0</v>
      </c>
      <c r="CU20" s="280">
        <v>0</v>
      </c>
      <c r="CV20" s="277">
        <v>1</v>
      </c>
      <c r="CW20" s="282">
        <v>1</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4</v>
      </c>
      <c r="DU20" s="280">
        <v>24</v>
      </c>
      <c r="DV20" s="277">
        <v>38</v>
      </c>
      <c r="DW20" s="279">
        <v>0</v>
      </c>
      <c r="DX20" s="280">
        <v>44</v>
      </c>
      <c r="DY20" s="280">
        <v>61</v>
      </c>
      <c r="DZ20" s="280">
        <v>54</v>
      </c>
      <c r="EA20" s="280">
        <v>28</v>
      </c>
      <c r="EB20" s="280">
        <v>22</v>
      </c>
      <c r="EC20" s="277">
        <v>209</v>
      </c>
      <c r="ED20" s="282">
        <v>247</v>
      </c>
      <c r="EE20" s="276">
        <v>2</v>
      </c>
      <c r="EF20" s="280">
        <v>3</v>
      </c>
      <c r="EG20" s="277">
        <v>5</v>
      </c>
      <c r="EH20" s="279">
        <v>0</v>
      </c>
      <c r="EI20" s="280">
        <v>14</v>
      </c>
      <c r="EJ20" s="280">
        <v>17</v>
      </c>
      <c r="EK20" s="280">
        <v>6</v>
      </c>
      <c r="EL20" s="280">
        <v>9</v>
      </c>
      <c r="EM20" s="280">
        <v>13</v>
      </c>
      <c r="EN20" s="277">
        <v>59</v>
      </c>
      <c r="EO20" s="282">
        <v>64</v>
      </c>
      <c r="EP20" s="276">
        <v>21</v>
      </c>
      <c r="EQ20" s="280">
        <v>29</v>
      </c>
      <c r="ER20" s="277">
        <v>50</v>
      </c>
      <c r="ES20" s="279">
        <v>0</v>
      </c>
      <c r="ET20" s="280">
        <v>92</v>
      </c>
      <c r="EU20" s="280">
        <v>100</v>
      </c>
      <c r="EV20" s="280">
        <v>61</v>
      </c>
      <c r="EW20" s="280">
        <v>34</v>
      </c>
      <c r="EX20" s="280">
        <v>20</v>
      </c>
      <c r="EY20" s="277">
        <v>307</v>
      </c>
      <c r="EZ20" s="282">
        <v>357</v>
      </c>
    </row>
    <row r="21" spans="2:156" ht="21" customHeight="1" x14ac:dyDescent="0.2">
      <c r="B21" s="261" t="s">
        <v>19</v>
      </c>
      <c r="C21" s="276">
        <v>0</v>
      </c>
      <c r="D21" s="280">
        <v>0</v>
      </c>
      <c r="E21" s="376">
        <v>0</v>
      </c>
      <c r="F21" s="279">
        <v>0</v>
      </c>
      <c r="G21" s="280">
        <v>6</v>
      </c>
      <c r="H21" s="280">
        <v>10</v>
      </c>
      <c r="I21" s="280">
        <v>3</v>
      </c>
      <c r="J21" s="280">
        <v>5</v>
      </c>
      <c r="K21" s="280">
        <v>5</v>
      </c>
      <c r="L21" s="281">
        <v>29</v>
      </c>
      <c r="M21" s="282">
        <v>29</v>
      </c>
      <c r="N21" s="276">
        <v>0</v>
      </c>
      <c r="O21" s="280">
        <v>0</v>
      </c>
      <c r="P21" s="277">
        <v>0</v>
      </c>
      <c r="Q21" s="279">
        <v>0</v>
      </c>
      <c r="R21" s="280">
        <v>0</v>
      </c>
      <c r="S21" s="280">
        <v>1</v>
      </c>
      <c r="T21" s="280">
        <v>1</v>
      </c>
      <c r="U21" s="280">
        <v>1</v>
      </c>
      <c r="V21" s="280">
        <v>3</v>
      </c>
      <c r="W21" s="277">
        <v>6</v>
      </c>
      <c r="X21" s="282">
        <v>6</v>
      </c>
      <c r="Y21" s="276">
        <v>2</v>
      </c>
      <c r="Z21" s="280">
        <v>2</v>
      </c>
      <c r="AA21" s="277">
        <v>4</v>
      </c>
      <c r="AB21" s="279">
        <v>0</v>
      </c>
      <c r="AC21" s="280">
        <v>13</v>
      </c>
      <c r="AD21" s="280">
        <v>10</v>
      </c>
      <c r="AE21" s="280">
        <v>4</v>
      </c>
      <c r="AF21" s="280">
        <v>10</v>
      </c>
      <c r="AG21" s="280">
        <v>5</v>
      </c>
      <c r="AH21" s="277">
        <v>42</v>
      </c>
      <c r="AI21" s="282">
        <v>46</v>
      </c>
      <c r="AJ21" s="276">
        <v>1</v>
      </c>
      <c r="AK21" s="280">
        <v>0</v>
      </c>
      <c r="AL21" s="277">
        <v>1</v>
      </c>
      <c r="AM21" s="279">
        <v>0</v>
      </c>
      <c r="AN21" s="280">
        <v>2</v>
      </c>
      <c r="AO21" s="280">
        <v>0</v>
      </c>
      <c r="AP21" s="280">
        <v>1</v>
      </c>
      <c r="AQ21" s="280">
        <v>1</v>
      </c>
      <c r="AR21" s="280">
        <v>0</v>
      </c>
      <c r="AS21" s="277">
        <v>4</v>
      </c>
      <c r="AT21" s="282">
        <v>5</v>
      </c>
      <c r="AU21" s="276">
        <v>1</v>
      </c>
      <c r="AV21" s="280">
        <v>2</v>
      </c>
      <c r="AW21" s="277">
        <v>3</v>
      </c>
      <c r="AX21" s="279">
        <v>0</v>
      </c>
      <c r="AY21" s="280">
        <v>10</v>
      </c>
      <c r="AZ21" s="280">
        <v>20</v>
      </c>
      <c r="BA21" s="280">
        <v>11</v>
      </c>
      <c r="BB21" s="280">
        <v>11</v>
      </c>
      <c r="BC21" s="280">
        <v>10</v>
      </c>
      <c r="BD21" s="281">
        <v>62</v>
      </c>
      <c r="BE21" s="282">
        <v>65</v>
      </c>
      <c r="BF21" s="276">
        <v>0</v>
      </c>
      <c r="BG21" s="280">
        <v>0</v>
      </c>
      <c r="BH21" s="277">
        <v>0</v>
      </c>
      <c r="BI21" s="279">
        <v>0</v>
      </c>
      <c r="BJ21" s="280">
        <v>12</v>
      </c>
      <c r="BK21" s="280">
        <v>12</v>
      </c>
      <c r="BL21" s="280">
        <v>3</v>
      </c>
      <c r="BM21" s="280">
        <v>3</v>
      </c>
      <c r="BN21" s="280">
        <v>2</v>
      </c>
      <c r="BO21" s="277">
        <v>32</v>
      </c>
      <c r="BP21" s="282">
        <v>32</v>
      </c>
      <c r="BQ21" s="276">
        <v>0</v>
      </c>
      <c r="BR21" s="280">
        <v>4</v>
      </c>
      <c r="BS21" s="277">
        <v>4</v>
      </c>
      <c r="BT21" s="279">
        <v>0</v>
      </c>
      <c r="BU21" s="280">
        <v>7</v>
      </c>
      <c r="BV21" s="280">
        <v>4</v>
      </c>
      <c r="BW21" s="280">
        <v>4</v>
      </c>
      <c r="BX21" s="280">
        <v>4</v>
      </c>
      <c r="BY21" s="280">
        <v>1</v>
      </c>
      <c r="BZ21" s="277">
        <v>20</v>
      </c>
      <c r="CA21" s="282">
        <v>24</v>
      </c>
      <c r="CB21" s="276">
        <v>0</v>
      </c>
      <c r="CC21" s="280">
        <v>1</v>
      </c>
      <c r="CD21" s="277">
        <v>1</v>
      </c>
      <c r="CE21" s="279">
        <v>0</v>
      </c>
      <c r="CF21" s="280">
        <v>2</v>
      </c>
      <c r="CG21" s="280">
        <v>1</v>
      </c>
      <c r="CH21" s="280">
        <v>1</v>
      </c>
      <c r="CI21" s="280">
        <v>2</v>
      </c>
      <c r="CJ21" s="280">
        <v>2</v>
      </c>
      <c r="CK21" s="277">
        <v>8</v>
      </c>
      <c r="CL21" s="282">
        <v>9</v>
      </c>
      <c r="CM21" s="276">
        <v>0</v>
      </c>
      <c r="CN21" s="280">
        <v>0</v>
      </c>
      <c r="CO21" s="277">
        <v>0</v>
      </c>
      <c r="CP21" s="279">
        <v>0</v>
      </c>
      <c r="CQ21" s="280">
        <v>0</v>
      </c>
      <c r="CR21" s="280">
        <v>0</v>
      </c>
      <c r="CS21" s="280">
        <v>1</v>
      </c>
      <c r="CT21" s="280">
        <v>1</v>
      </c>
      <c r="CU21" s="280">
        <v>0</v>
      </c>
      <c r="CV21" s="277">
        <v>2</v>
      </c>
      <c r="CW21" s="282">
        <v>2</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5</v>
      </c>
      <c r="DU21" s="280">
        <v>10</v>
      </c>
      <c r="DV21" s="277">
        <v>15</v>
      </c>
      <c r="DW21" s="279">
        <v>0</v>
      </c>
      <c r="DX21" s="280">
        <v>16</v>
      </c>
      <c r="DY21" s="280">
        <v>23</v>
      </c>
      <c r="DZ21" s="280">
        <v>14</v>
      </c>
      <c r="EA21" s="280">
        <v>13</v>
      </c>
      <c r="EB21" s="280">
        <v>8</v>
      </c>
      <c r="EC21" s="277">
        <v>74</v>
      </c>
      <c r="ED21" s="282">
        <v>89</v>
      </c>
      <c r="EE21" s="276">
        <v>0</v>
      </c>
      <c r="EF21" s="280">
        <v>2</v>
      </c>
      <c r="EG21" s="277">
        <v>2</v>
      </c>
      <c r="EH21" s="279">
        <v>0</v>
      </c>
      <c r="EI21" s="280">
        <v>6</v>
      </c>
      <c r="EJ21" s="280">
        <v>11</v>
      </c>
      <c r="EK21" s="280">
        <v>4</v>
      </c>
      <c r="EL21" s="280">
        <v>3</v>
      </c>
      <c r="EM21" s="280">
        <v>1</v>
      </c>
      <c r="EN21" s="277">
        <v>25</v>
      </c>
      <c r="EO21" s="282">
        <v>27</v>
      </c>
      <c r="EP21" s="276">
        <v>7</v>
      </c>
      <c r="EQ21" s="280">
        <v>14</v>
      </c>
      <c r="ER21" s="277">
        <v>21</v>
      </c>
      <c r="ES21" s="279">
        <v>0</v>
      </c>
      <c r="ET21" s="280">
        <v>42</v>
      </c>
      <c r="EU21" s="280">
        <v>35</v>
      </c>
      <c r="EV21" s="280">
        <v>15</v>
      </c>
      <c r="EW21" s="280">
        <v>14</v>
      </c>
      <c r="EX21" s="280">
        <v>9</v>
      </c>
      <c r="EY21" s="277">
        <v>115</v>
      </c>
      <c r="EZ21" s="282">
        <v>136</v>
      </c>
    </row>
    <row r="22" spans="2:156" ht="21" customHeight="1" x14ac:dyDescent="0.2">
      <c r="B22" s="261" t="s">
        <v>20</v>
      </c>
      <c r="C22" s="276">
        <v>0</v>
      </c>
      <c r="D22" s="280">
        <v>0</v>
      </c>
      <c r="E22" s="376">
        <v>0</v>
      </c>
      <c r="F22" s="279">
        <v>0</v>
      </c>
      <c r="G22" s="280">
        <v>9</v>
      </c>
      <c r="H22" s="280">
        <v>12</v>
      </c>
      <c r="I22" s="280">
        <v>7</v>
      </c>
      <c r="J22" s="280">
        <v>9</v>
      </c>
      <c r="K22" s="280">
        <v>5</v>
      </c>
      <c r="L22" s="281">
        <v>42</v>
      </c>
      <c r="M22" s="282">
        <v>42</v>
      </c>
      <c r="N22" s="276">
        <v>0</v>
      </c>
      <c r="O22" s="280">
        <v>0</v>
      </c>
      <c r="P22" s="277">
        <v>0</v>
      </c>
      <c r="Q22" s="279">
        <v>0</v>
      </c>
      <c r="R22" s="280">
        <v>0</v>
      </c>
      <c r="S22" s="280">
        <v>1</v>
      </c>
      <c r="T22" s="280">
        <v>0</v>
      </c>
      <c r="U22" s="280">
        <v>2</v>
      </c>
      <c r="V22" s="280">
        <v>3</v>
      </c>
      <c r="W22" s="277">
        <v>6</v>
      </c>
      <c r="X22" s="282">
        <v>6</v>
      </c>
      <c r="Y22" s="276">
        <v>4</v>
      </c>
      <c r="Z22" s="280">
        <v>5</v>
      </c>
      <c r="AA22" s="277">
        <v>9</v>
      </c>
      <c r="AB22" s="279">
        <v>0</v>
      </c>
      <c r="AC22" s="280">
        <v>11</v>
      </c>
      <c r="AD22" s="280">
        <v>15</v>
      </c>
      <c r="AE22" s="280">
        <v>8</v>
      </c>
      <c r="AF22" s="280">
        <v>4</v>
      </c>
      <c r="AG22" s="280">
        <v>4</v>
      </c>
      <c r="AH22" s="277">
        <v>42</v>
      </c>
      <c r="AI22" s="282">
        <v>51</v>
      </c>
      <c r="AJ22" s="276">
        <v>0</v>
      </c>
      <c r="AK22" s="280">
        <v>3</v>
      </c>
      <c r="AL22" s="277">
        <v>3</v>
      </c>
      <c r="AM22" s="279">
        <v>0</v>
      </c>
      <c r="AN22" s="280">
        <v>5</v>
      </c>
      <c r="AO22" s="280">
        <v>8</v>
      </c>
      <c r="AP22" s="280">
        <v>2</v>
      </c>
      <c r="AQ22" s="280">
        <v>2</v>
      </c>
      <c r="AR22" s="280">
        <v>1</v>
      </c>
      <c r="AS22" s="277">
        <v>18</v>
      </c>
      <c r="AT22" s="282">
        <v>21</v>
      </c>
      <c r="AU22" s="276">
        <v>4</v>
      </c>
      <c r="AV22" s="280">
        <v>2</v>
      </c>
      <c r="AW22" s="277">
        <v>6</v>
      </c>
      <c r="AX22" s="279">
        <v>0</v>
      </c>
      <c r="AY22" s="280">
        <v>11</v>
      </c>
      <c r="AZ22" s="280">
        <v>13</v>
      </c>
      <c r="BA22" s="280">
        <v>12</v>
      </c>
      <c r="BB22" s="280">
        <v>10</v>
      </c>
      <c r="BC22" s="280">
        <v>11</v>
      </c>
      <c r="BD22" s="281">
        <v>57</v>
      </c>
      <c r="BE22" s="282">
        <v>63</v>
      </c>
      <c r="BF22" s="276">
        <v>0</v>
      </c>
      <c r="BG22" s="280">
        <v>0</v>
      </c>
      <c r="BH22" s="277">
        <v>0</v>
      </c>
      <c r="BI22" s="279">
        <v>0</v>
      </c>
      <c r="BJ22" s="280">
        <v>12</v>
      </c>
      <c r="BK22" s="280">
        <v>18</v>
      </c>
      <c r="BL22" s="280">
        <v>11</v>
      </c>
      <c r="BM22" s="280">
        <v>5</v>
      </c>
      <c r="BN22" s="280">
        <v>3</v>
      </c>
      <c r="BO22" s="277">
        <v>49</v>
      </c>
      <c r="BP22" s="282">
        <v>49</v>
      </c>
      <c r="BQ22" s="276">
        <v>0</v>
      </c>
      <c r="BR22" s="280">
        <v>3</v>
      </c>
      <c r="BS22" s="277">
        <v>3</v>
      </c>
      <c r="BT22" s="279">
        <v>0</v>
      </c>
      <c r="BU22" s="280">
        <v>2</v>
      </c>
      <c r="BV22" s="280">
        <v>11</v>
      </c>
      <c r="BW22" s="280">
        <v>2</v>
      </c>
      <c r="BX22" s="280">
        <v>4</v>
      </c>
      <c r="BY22" s="280">
        <v>2</v>
      </c>
      <c r="BZ22" s="277">
        <v>21</v>
      </c>
      <c r="CA22" s="282">
        <v>24</v>
      </c>
      <c r="CB22" s="276">
        <v>0</v>
      </c>
      <c r="CC22" s="280">
        <v>1</v>
      </c>
      <c r="CD22" s="277">
        <v>1</v>
      </c>
      <c r="CE22" s="279">
        <v>0</v>
      </c>
      <c r="CF22" s="280">
        <v>3</v>
      </c>
      <c r="CG22" s="280">
        <v>2</v>
      </c>
      <c r="CH22" s="280">
        <v>3</v>
      </c>
      <c r="CI22" s="280">
        <v>5</v>
      </c>
      <c r="CJ22" s="280">
        <v>1</v>
      </c>
      <c r="CK22" s="277">
        <v>14</v>
      </c>
      <c r="CL22" s="282">
        <v>15</v>
      </c>
      <c r="CM22" s="276">
        <v>0</v>
      </c>
      <c r="CN22" s="280">
        <v>0</v>
      </c>
      <c r="CO22" s="277">
        <v>0</v>
      </c>
      <c r="CP22" s="279">
        <v>0</v>
      </c>
      <c r="CQ22" s="280">
        <v>0</v>
      </c>
      <c r="CR22" s="280">
        <v>0</v>
      </c>
      <c r="CS22" s="280">
        <v>0</v>
      </c>
      <c r="CT22" s="280">
        <v>1</v>
      </c>
      <c r="CU22" s="280">
        <v>0</v>
      </c>
      <c r="CV22" s="277">
        <v>1</v>
      </c>
      <c r="CW22" s="282">
        <v>1</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8</v>
      </c>
      <c r="DU22" s="280">
        <v>21</v>
      </c>
      <c r="DV22" s="277">
        <v>29</v>
      </c>
      <c r="DW22" s="279">
        <v>0</v>
      </c>
      <c r="DX22" s="280">
        <v>25</v>
      </c>
      <c r="DY22" s="280">
        <v>33</v>
      </c>
      <c r="DZ22" s="280">
        <v>17</v>
      </c>
      <c r="EA22" s="280">
        <v>17</v>
      </c>
      <c r="EB22" s="280">
        <v>10</v>
      </c>
      <c r="EC22" s="277">
        <v>102</v>
      </c>
      <c r="ED22" s="282">
        <v>131</v>
      </c>
      <c r="EE22" s="276">
        <v>3</v>
      </c>
      <c r="EF22" s="280">
        <v>1</v>
      </c>
      <c r="EG22" s="277">
        <v>4</v>
      </c>
      <c r="EH22" s="279">
        <v>0</v>
      </c>
      <c r="EI22" s="280">
        <v>0</v>
      </c>
      <c r="EJ22" s="280">
        <v>3</v>
      </c>
      <c r="EK22" s="280">
        <v>5</v>
      </c>
      <c r="EL22" s="280">
        <v>5</v>
      </c>
      <c r="EM22" s="280">
        <v>3</v>
      </c>
      <c r="EN22" s="277">
        <v>16</v>
      </c>
      <c r="EO22" s="282">
        <v>20</v>
      </c>
      <c r="EP22" s="276">
        <v>11</v>
      </c>
      <c r="EQ22" s="280">
        <v>27</v>
      </c>
      <c r="ER22" s="277">
        <v>38</v>
      </c>
      <c r="ES22" s="279">
        <v>0</v>
      </c>
      <c r="ET22" s="280">
        <v>44</v>
      </c>
      <c r="EU22" s="280">
        <v>50</v>
      </c>
      <c r="EV22" s="280">
        <v>23</v>
      </c>
      <c r="EW22" s="280">
        <v>19</v>
      </c>
      <c r="EX22" s="280">
        <v>10</v>
      </c>
      <c r="EY22" s="277">
        <v>146</v>
      </c>
      <c r="EZ22" s="282">
        <v>184</v>
      </c>
    </row>
    <row r="23" spans="2:156" ht="21" customHeight="1" x14ac:dyDescent="0.2">
      <c r="B23" s="261" t="s">
        <v>21</v>
      </c>
      <c r="C23" s="276">
        <v>0</v>
      </c>
      <c r="D23" s="280">
        <v>0</v>
      </c>
      <c r="E23" s="376">
        <v>0</v>
      </c>
      <c r="F23" s="279">
        <v>0</v>
      </c>
      <c r="G23" s="280">
        <v>15</v>
      </c>
      <c r="H23" s="280">
        <v>9</v>
      </c>
      <c r="I23" s="280">
        <v>6</v>
      </c>
      <c r="J23" s="280">
        <v>4</v>
      </c>
      <c r="K23" s="280">
        <v>4</v>
      </c>
      <c r="L23" s="281">
        <v>38</v>
      </c>
      <c r="M23" s="282">
        <v>38</v>
      </c>
      <c r="N23" s="276">
        <v>0</v>
      </c>
      <c r="O23" s="280">
        <v>0</v>
      </c>
      <c r="P23" s="277">
        <v>0</v>
      </c>
      <c r="Q23" s="279">
        <v>0</v>
      </c>
      <c r="R23" s="280">
        <v>0</v>
      </c>
      <c r="S23" s="280">
        <v>0</v>
      </c>
      <c r="T23" s="280">
        <v>0</v>
      </c>
      <c r="U23" s="280">
        <v>0</v>
      </c>
      <c r="V23" s="280">
        <v>2</v>
      </c>
      <c r="W23" s="277">
        <v>2</v>
      </c>
      <c r="X23" s="282">
        <v>2</v>
      </c>
      <c r="Y23" s="276">
        <v>2</v>
      </c>
      <c r="Z23" s="280">
        <v>1</v>
      </c>
      <c r="AA23" s="277">
        <v>3</v>
      </c>
      <c r="AB23" s="279">
        <v>0</v>
      </c>
      <c r="AC23" s="280">
        <v>12</v>
      </c>
      <c r="AD23" s="280">
        <v>8</v>
      </c>
      <c r="AE23" s="280">
        <v>5</v>
      </c>
      <c r="AF23" s="280">
        <v>3</v>
      </c>
      <c r="AG23" s="280">
        <v>4</v>
      </c>
      <c r="AH23" s="277">
        <v>32</v>
      </c>
      <c r="AI23" s="282">
        <v>35</v>
      </c>
      <c r="AJ23" s="276">
        <v>0</v>
      </c>
      <c r="AK23" s="280">
        <v>0</v>
      </c>
      <c r="AL23" s="277">
        <v>0</v>
      </c>
      <c r="AM23" s="279">
        <v>0</v>
      </c>
      <c r="AN23" s="280">
        <v>0</v>
      </c>
      <c r="AO23" s="280">
        <v>1</v>
      </c>
      <c r="AP23" s="280">
        <v>0</v>
      </c>
      <c r="AQ23" s="280">
        <v>0</v>
      </c>
      <c r="AR23" s="280">
        <v>1</v>
      </c>
      <c r="AS23" s="277">
        <v>2</v>
      </c>
      <c r="AT23" s="282">
        <v>2</v>
      </c>
      <c r="AU23" s="276">
        <v>4</v>
      </c>
      <c r="AV23" s="280">
        <v>2</v>
      </c>
      <c r="AW23" s="277">
        <v>6</v>
      </c>
      <c r="AX23" s="279">
        <v>0</v>
      </c>
      <c r="AY23" s="280">
        <v>20</v>
      </c>
      <c r="AZ23" s="280">
        <v>19</v>
      </c>
      <c r="BA23" s="280">
        <v>12</v>
      </c>
      <c r="BB23" s="280">
        <v>12</v>
      </c>
      <c r="BC23" s="280">
        <v>5</v>
      </c>
      <c r="BD23" s="281">
        <v>68</v>
      </c>
      <c r="BE23" s="282">
        <v>74</v>
      </c>
      <c r="BF23" s="276">
        <v>0</v>
      </c>
      <c r="BG23" s="280">
        <v>0</v>
      </c>
      <c r="BH23" s="277">
        <v>0</v>
      </c>
      <c r="BI23" s="279">
        <v>0</v>
      </c>
      <c r="BJ23" s="280">
        <v>20</v>
      </c>
      <c r="BK23" s="280">
        <v>9</v>
      </c>
      <c r="BL23" s="280">
        <v>5</v>
      </c>
      <c r="BM23" s="280">
        <v>4</v>
      </c>
      <c r="BN23" s="280">
        <v>3</v>
      </c>
      <c r="BO23" s="277">
        <v>41</v>
      </c>
      <c r="BP23" s="282">
        <v>41</v>
      </c>
      <c r="BQ23" s="276">
        <v>0</v>
      </c>
      <c r="BR23" s="280">
        <v>1</v>
      </c>
      <c r="BS23" s="277">
        <v>1</v>
      </c>
      <c r="BT23" s="279">
        <v>0</v>
      </c>
      <c r="BU23" s="280">
        <v>3</v>
      </c>
      <c r="BV23" s="280">
        <v>5</v>
      </c>
      <c r="BW23" s="280">
        <v>0</v>
      </c>
      <c r="BX23" s="280">
        <v>1</v>
      </c>
      <c r="BY23" s="280">
        <v>1</v>
      </c>
      <c r="BZ23" s="277">
        <v>10</v>
      </c>
      <c r="CA23" s="282">
        <v>11</v>
      </c>
      <c r="CB23" s="276">
        <v>0</v>
      </c>
      <c r="CC23" s="280">
        <v>1</v>
      </c>
      <c r="CD23" s="277">
        <v>1</v>
      </c>
      <c r="CE23" s="279">
        <v>0</v>
      </c>
      <c r="CF23" s="280">
        <v>3</v>
      </c>
      <c r="CG23" s="280">
        <v>2</v>
      </c>
      <c r="CH23" s="280">
        <v>3</v>
      </c>
      <c r="CI23" s="280">
        <v>1</v>
      </c>
      <c r="CJ23" s="280">
        <v>2</v>
      </c>
      <c r="CK23" s="277">
        <v>11</v>
      </c>
      <c r="CL23" s="282">
        <v>12</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8</v>
      </c>
      <c r="DU23" s="280">
        <v>11</v>
      </c>
      <c r="DV23" s="277">
        <v>19</v>
      </c>
      <c r="DW23" s="279">
        <v>0</v>
      </c>
      <c r="DX23" s="280">
        <v>15</v>
      </c>
      <c r="DY23" s="280">
        <v>30</v>
      </c>
      <c r="DZ23" s="280">
        <v>9</v>
      </c>
      <c r="EA23" s="280">
        <v>12</v>
      </c>
      <c r="EB23" s="280">
        <v>5</v>
      </c>
      <c r="EC23" s="277">
        <v>71</v>
      </c>
      <c r="ED23" s="282">
        <v>90</v>
      </c>
      <c r="EE23" s="276">
        <v>2</v>
      </c>
      <c r="EF23" s="280">
        <v>1</v>
      </c>
      <c r="EG23" s="277">
        <v>3</v>
      </c>
      <c r="EH23" s="279">
        <v>0</v>
      </c>
      <c r="EI23" s="280">
        <v>8</v>
      </c>
      <c r="EJ23" s="280">
        <v>4</v>
      </c>
      <c r="EK23" s="280">
        <v>9</v>
      </c>
      <c r="EL23" s="280">
        <v>5</v>
      </c>
      <c r="EM23" s="280">
        <v>0</v>
      </c>
      <c r="EN23" s="277">
        <v>26</v>
      </c>
      <c r="EO23" s="282">
        <v>29</v>
      </c>
      <c r="EP23" s="276">
        <v>10</v>
      </c>
      <c r="EQ23" s="280">
        <v>13</v>
      </c>
      <c r="ER23" s="277">
        <v>23</v>
      </c>
      <c r="ES23" s="279">
        <v>0</v>
      </c>
      <c r="ET23" s="280">
        <v>48</v>
      </c>
      <c r="EU23" s="280">
        <v>35</v>
      </c>
      <c r="EV23" s="280">
        <v>13</v>
      </c>
      <c r="EW23" s="280">
        <v>11</v>
      </c>
      <c r="EX23" s="280">
        <v>8</v>
      </c>
      <c r="EY23" s="277">
        <v>115</v>
      </c>
      <c r="EZ23" s="282">
        <v>138</v>
      </c>
    </row>
    <row r="24" spans="2:156" ht="21" customHeight="1" x14ac:dyDescent="0.2">
      <c r="B24" s="261" t="s">
        <v>22</v>
      </c>
      <c r="C24" s="276">
        <v>0</v>
      </c>
      <c r="D24" s="280">
        <v>0</v>
      </c>
      <c r="E24" s="376">
        <v>0</v>
      </c>
      <c r="F24" s="279">
        <v>0</v>
      </c>
      <c r="G24" s="280">
        <v>4</v>
      </c>
      <c r="H24" s="280">
        <v>0</v>
      </c>
      <c r="I24" s="280">
        <v>3</v>
      </c>
      <c r="J24" s="280">
        <v>1</v>
      </c>
      <c r="K24" s="280">
        <v>2</v>
      </c>
      <c r="L24" s="281">
        <v>10</v>
      </c>
      <c r="M24" s="282">
        <v>10</v>
      </c>
      <c r="N24" s="276">
        <v>0</v>
      </c>
      <c r="O24" s="280">
        <v>0</v>
      </c>
      <c r="P24" s="277">
        <v>0</v>
      </c>
      <c r="Q24" s="279">
        <v>0</v>
      </c>
      <c r="R24" s="280">
        <v>0</v>
      </c>
      <c r="S24" s="280">
        <v>0</v>
      </c>
      <c r="T24" s="280">
        <v>0</v>
      </c>
      <c r="U24" s="280">
        <v>0</v>
      </c>
      <c r="V24" s="280">
        <v>4</v>
      </c>
      <c r="W24" s="277">
        <v>4</v>
      </c>
      <c r="X24" s="282">
        <v>4</v>
      </c>
      <c r="Y24" s="276">
        <v>1</v>
      </c>
      <c r="Z24" s="280">
        <v>1</v>
      </c>
      <c r="AA24" s="277">
        <v>2</v>
      </c>
      <c r="AB24" s="279">
        <v>0</v>
      </c>
      <c r="AC24" s="280">
        <v>4</v>
      </c>
      <c r="AD24" s="280">
        <v>2</v>
      </c>
      <c r="AE24" s="280">
        <v>3</v>
      </c>
      <c r="AF24" s="280">
        <v>3</v>
      </c>
      <c r="AG24" s="280">
        <v>5</v>
      </c>
      <c r="AH24" s="277">
        <v>17</v>
      </c>
      <c r="AI24" s="282">
        <v>19</v>
      </c>
      <c r="AJ24" s="276">
        <v>0</v>
      </c>
      <c r="AK24" s="280">
        <v>0</v>
      </c>
      <c r="AL24" s="277">
        <v>0</v>
      </c>
      <c r="AM24" s="279">
        <v>0</v>
      </c>
      <c r="AN24" s="280">
        <v>2</v>
      </c>
      <c r="AO24" s="280">
        <v>1</v>
      </c>
      <c r="AP24" s="280">
        <v>0</v>
      </c>
      <c r="AQ24" s="280">
        <v>1</v>
      </c>
      <c r="AR24" s="280">
        <v>0</v>
      </c>
      <c r="AS24" s="277">
        <v>4</v>
      </c>
      <c r="AT24" s="282">
        <v>4</v>
      </c>
      <c r="AU24" s="276">
        <v>0</v>
      </c>
      <c r="AV24" s="280">
        <v>0</v>
      </c>
      <c r="AW24" s="277">
        <v>0</v>
      </c>
      <c r="AX24" s="279">
        <v>0</v>
      </c>
      <c r="AY24" s="280">
        <v>5</v>
      </c>
      <c r="AZ24" s="280">
        <v>2</v>
      </c>
      <c r="BA24" s="280">
        <v>2</v>
      </c>
      <c r="BB24" s="280">
        <v>6</v>
      </c>
      <c r="BC24" s="280">
        <v>1</v>
      </c>
      <c r="BD24" s="281">
        <v>16</v>
      </c>
      <c r="BE24" s="282">
        <v>16</v>
      </c>
      <c r="BF24" s="276">
        <v>0</v>
      </c>
      <c r="BG24" s="280">
        <v>0</v>
      </c>
      <c r="BH24" s="277">
        <v>0</v>
      </c>
      <c r="BI24" s="279">
        <v>0</v>
      </c>
      <c r="BJ24" s="280">
        <v>7</v>
      </c>
      <c r="BK24" s="280">
        <v>2</v>
      </c>
      <c r="BL24" s="280">
        <v>2</v>
      </c>
      <c r="BM24" s="280">
        <v>2</v>
      </c>
      <c r="BN24" s="280">
        <v>2</v>
      </c>
      <c r="BO24" s="277">
        <v>15</v>
      </c>
      <c r="BP24" s="282">
        <v>15</v>
      </c>
      <c r="BQ24" s="276">
        <v>0</v>
      </c>
      <c r="BR24" s="280">
        <v>0</v>
      </c>
      <c r="BS24" s="277">
        <v>0</v>
      </c>
      <c r="BT24" s="279">
        <v>0</v>
      </c>
      <c r="BU24" s="280">
        <v>3</v>
      </c>
      <c r="BV24" s="280">
        <v>1</v>
      </c>
      <c r="BW24" s="280">
        <v>1</v>
      </c>
      <c r="BX24" s="280">
        <v>1</v>
      </c>
      <c r="BY24" s="280">
        <v>1</v>
      </c>
      <c r="BZ24" s="277">
        <v>7</v>
      </c>
      <c r="CA24" s="282">
        <v>7</v>
      </c>
      <c r="CB24" s="276">
        <v>0</v>
      </c>
      <c r="CC24" s="280">
        <v>0</v>
      </c>
      <c r="CD24" s="277">
        <v>0</v>
      </c>
      <c r="CE24" s="279">
        <v>0</v>
      </c>
      <c r="CF24" s="280">
        <v>2</v>
      </c>
      <c r="CG24" s="280">
        <v>1</v>
      </c>
      <c r="CH24" s="280">
        <v>2</v>
      </c>
      <c r="CI24" s="280">
        <v>1</v>
      </c>
      <c r="CJ24" s="280">
        <v>1</v>
      </c>
      <c r="CK24" s="277">
        <v>7</v>
      </c>
      <c r="CL24" s="282">
        <v>7</v>
      </c>
      <c r="CM24" s="276">
        <v>0</v>
      </c>
      <c r="CN24" s="280">
        <v>0</v>
      </c>
      <c r="CO24" s="277">
        <v>0</v>
      </c>
      <c r="CP24" s="279">
        <v>0</v>
      </c>
      <c r="CQ24" s="280">
        <v>0</v>
      </c>
      <c r="CR24" s="280">
        <v>0</v>
      </c>
      <c r="CS24" s="280">
        <v>1</v>
      </c>
      <c r="CT24" s="280">
        <v>0</v>
      </c>
      <c r="CU24" s="280">
        <v>0</v>
      </c>
      <c r="CV24" s="277">
        <v>1</v>
      </c>
      <c r="CW24" s="282">
        <v>1</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5</v>
      </c>
      <c r="DU24" s="280">
        <v>4</v>
      </c>
      <c r="DV24" s="277">
        <v>9</v>
      </c>
      <c r="DW24" s="279">
        <v>0</v>
      </c>
      <c r="DX24" s="280">
        <v>13</v>
      </c>
      <c r="DY24" s="280">
        <v>6</v>
      </c>
      <c r="DZ24" s="280">
        <v>5</v>
      </c>
      <c r="EA24" s="280">
        <v>5</v>
      </c>
      <c r="EB24" s="280">
        <v>6</v>
      </c>
      <c r="EC24" s="277">
        <v>35</v>
      </c>
      <c r="ED24" s="282">
        <v>44</v>
      </c>
      <c r="EE24" s="276">
        <v>0</v>
      </c>
      <c r="EF24" s="280">
        <v>0</v>
      </c>
      <c r="EG24" s="277">
        <v>0</v>
      </c>
      <c r="EH24" s="279">
        <v>0</v>
      </c>
      <c r="EI24" s="280">
        <v>3</v>
      </c>
      <c r="EJ24" s="280">
        <v>4</v>
      </c>
      <c r="EK24" s="280">
        <v>1</v>
      </c>
      <c r="EL24" s="280">
        <v>4</v>
      </c>
      <c r="EM24" s="280">
        <v>1</v>
      </c>
      <c r="EN24" s="277">
        <v>13</v>
      </c>
      <c r="EO24" s="282">
        <v>13</v>
      </c>
      <c r="EP24" s="276">
        <v>6</v>
      </c>
      <c r="EQ24" s="280">
        <v>3</v>
      </c>
      <c r="ER24" s="277">
        <v>9</v>
      </c>
      <c r="ES24" s="279">
        <v>0</v>
      </c>
      <c r="ET24" s="280">
        <v>21</v>
      </c>
      <c r="EU24" s="280">
        <v>9</v>
      </c>
      <c r="EV24" s="280">
        <v>8</v>
      </c>
      <c r="EW24" s="280">
        <v>5</v>
      </c>
      <c r="EX24" s="280">
        <v>8</v>
      </c>
      <c r="EY24" s="277">
        <v>51</v>
      </c>
      <c r="EZ24" s="282">
        <v>60</v>
      </c>
    </row>
    <row r="25" spans="2:156" ht="21" customHeight="1" x14ac:dyDescent="0.2">
      <c r="B25" s="261" t="s">
        <v>23</v>
      </c>
      <c r="C25" s="276">
        <v>0</v>
      </c>
      <c r="D25" s="280">
        <v>0</v>
      </c>
      <c r="E25" s="376">
        <v>0</v>
      </c>
      <c r="F25" s="279">
        <v>0</v>
      </c>
      <c r="G25" s="280">
        <v>1</v>
      </c>
      <c r="H25" s="280">
        <v>5</v>
      </c>
      <c r="I25" s="280">
        <v>5</v>
      </c>
      <c r="J25" s="280">
        <v>2</v>
      </c>
      <c r="K25" s="280">
        <v>0</v>
      </c>
      <c r="L25" s="281">
        <v>13</v>
      </c>
      <c r="M25" s="282">
        <v>13</v>
      </c>
      <c r="N25" s="276">
        <v>0</v>
      </c>
      <c r="O25" s="280">
        <v>0</v>
      </c>
      <c r="P25" s="277">
        <v>0</v>
      </c>
      <c r="Q25" s="279">
        <v>0</v>
      </c>
      <c r="R25" s="280">
        <v>1</v>
      </c>
      <c r="S25" s="280">
        <v>0</v>
      </c>
      <c r="T25" s="280">
        <v>1</v>
      </c>
      <c r="U25" s="280">
        <v>0</v>
      </c>
      <c r="V25" s="280">
        <v>1</v>
      </c>
      <c r="W25" s="277">
        <v>3</v>
      </c>
      <c r="X25" s="282">
        <v>3</v>
      </c>
      <c r="Y25" s="276">
        <v>4</v>
      </c>
      <c r="Z25" s="280">
        <v>4</v>
      </c>
      <c r="AA25" s="277">
        <v>8</v>
      </c>
      <c r="AB25" s="279">
        <v>0</v>
      </c>
      <c r="AC25" s="280">
        <v>3</v>
      </c>
      <c r="AD25" s="280">
        <v>6</v>
      </c>
      <c r="AE25" s="280">
        <v>5</v>
      </c>
      <c r="AF25" s="280">
        <v>3</v>
      </c>
      <c r="AG25" s="280">
        <v>2</v>
      </c>
      <c r="AH25" s="277">
        <v>19</v>
      </c>
      <c r="AI25" s="282">
        <v>27</v>
      </c>
      <c r="AJ25" s="276">
        <v>0</v>
      </c>
      <c r="AK25" s="280">
        <v>1</v>
      </c>
      <c r="AL25" s="277">
        <v>1</v>
      </c>
      <c r="AM25" s="279">
        <v>0</v>
      </c>
      <c r="AN25" s="280">
        <v>0</v>
      </c>
      <c r="AO25" s="280">
        <v>1</v>
      </c>
      <c r="AP25" s="280">
        <v>0</v>
      </c>
      <c r="AQ25" s="280">
        <v>1</v>
      </c>
      <c r="AR25" s="280">
        <v>0</v>
      </c>
      <c r="AS25" s="277">
        <v>2</v>
      </c>
      <c r="AT25" s="282">
        <v>3</v>
      </c>
      <c r="AU25" s="276">
        <v>1</v>
      </c>
      <c r="AV25" s="280">
        <v>0</v>
      </c>
      <c r="AW25" s="277">
        <v>1</v>
      </c>
      <c r="AX25" s="279">
        <v>0</v>
      </c>
      <c r="AY25" s="280">
        <v>3</v>
      </c>
      <c r="AZ25" s="280">
        <v>2</v>
      </c>
      <c r="BA25" s="280">
        <v>8</v>
      </c>
      <c r="BB25" s="280">
        <v>16</v>
      </c>
      <c r="BC25" s="280">
        <v>7</v>
      </c>
      <c r="BD25" s="281">
        <v>36</v>
      </c>
      <c r="BE25" s="282">
        <v>37</v>
      </c>
      <c r="BF25" s="276">
        <v>0</v>
      </c>
      <c r="BG25" s="280">
        <v>0</v>
      </c>
      <c r="BH25" s="277">
        <v>0</v>
      </c>
      <c r="BI25" s="279">
        <v>0</v>
      </c>
      <c r="BJ25" s="280">
        <v>9</v>
      </c>
      <c r="BK25" s="280">
        <v>14</v>
      </c>
      <c r="BL25" s="280">
        <v>5</v>
      </c>
      <c r="BM25" s="280">
        <v>4</v>
      </c>
      <c r="BN25" s="280">
        <v>1</v>
      </c>
      <c r="BO25" s="277">
        <v>33</v>
      </c>
      <c r="BP25" s="282">
        <v>33</v>
      </c>
      <c r="BQ25" s="276">
        <v>0</v>
      </c>
      <c r="BR25" s="280">
        <v>0</v>
      </c>
      <c r="BS25" s="277">
        <v>0</v>
      </c>
      <c r="BT25" s="279">
        <v>0</v>
      </c>
      <c r="BU25" s="280">
        <v>2</v>
      </c>
      <c r="BV25" s="280">
        <v>1</v>
      </c>
      <c r="BW25" s="280">
        <v>3</v>
      </c>
      <c r="BX25" s="280">
        <v>2</v>
      </c>
      <c r="BY25" s="280">
        <v>0</v>
      </c>
      <c r="BZ25" s="277">
        <v>8</v>
      </c>
      <c r="CA25" s="282">
        <v>8</v>
      </c>
      <c r="CB25" s="276">
        <v>0</v>
      </c>
      <c r="CC25" s="280">
        <v>0</v>
      </c>
      <c r="CD25" s="277">
        <v>0</v>
      </c>
      <c r="CE25" s="279">
        <v>0</v>
      </c>
      <c r="CF25" s="280">
        <v>4</v>
      </c>
      <c r="CG25" s="280">
        <v>1</v>
      </c>
      <c r="CH25" s="280">
        <v>1</v>
      </c>
      <c r="CI25" s="280">
        <v>1</v>
      </c>
      <c r="CJ25" s="280">
        <v>0</v>
      </c>
      <c r="CK25" s="277">
        <v>7</v>
      </c>
      <c r="CL25" s="282">
        <v>7</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4</v>
      </c>
      <c r="DU25" s="280">
        <v>6</v>
      </c>
      <c r="DV25" s="277">
        <v>10</v>
      </c>
      <c r="DW25" s="279">
        <v>0</v>
      </c>
      <c r="DX25" s="280">
        <v>11</v>
      </c>
      <c r="DY25" s="280">
        <v>15</v>
      </c>
      <c r="DZ25" s="280">
        <v>7</v>
      </c>
      <c r="EA25" s="280">
        <v>8</v>
      </c>
      <c r="EB25" s="280">
        <v>4</v>
      </c>
      <c r="EC25" s="277">
        <v>45</v>
      </c>
      <c r="ED25" s="282">
        <v>55</v>
      </c>
      <c r="EE25" s="276">
        <v>0</v>
      </c>
      <c r="EF25" s="280">
        <v>0</v>
      </c>
      <c r="EG25" s="277">
        <v>0</v>
      </c>
      <c r="EH25" s="279">
        <v>0</v>
      </c>
      <c r="EI25" s="280">
        <v>3</v>
      </c>
      <c r="EJ25" s="280">
        <v>0</v>
      </c>
      <c r="EK25" s="280">
        <v>1</v>
      </c>
      <c r="EL25" s="280">
        <v>13</v>
      </c>
      <c r="EM25" s="280">
        <v>5</v>
      </c>
      <c r="EN25" s="277">
        <v>22</v>
      </c>
      <c r="EO25" s="282">
        <v>22</v>
      </c>
      <c r="EP25" s="276">
        <v>5</v>
      </c>
      <c r="EQ25" s="280">
        <v>10</v>
      </c>
      <c r="ER25" s="277">
        <v>15</v>
      </c>
      <c r="ES25" s="279">
        <v>0</v>
      </c>
      <c r="ET25" s="280">
        <v>16</v>
      </c>
      <c r="EU25" s="280">
        <v>24</v>
      </c>
      <c r="EV25" s="280">
        <v>14</v>
      </c>
      <c r="EW25" s="280">
        <v>8</v>
      </c>
      <c r="EX25" s="280">
        <v>4</v>
      </c>
      <c r="EY25" s="277">
        <v>66</v>
      </c>
      <c r="EZ25" s="282">
        <v>81</v>
      </c>
    </row>
    <row r="26" spans="2:156" ht="21" customHeight="1" x14ac:dyDescent="0.2">
      <c r="B26" s="261" t="s">
        <v>24</v>
      </c>
      <c r="C26" s="276">
        <v>0</v>
      </c>
      <c r="D26" s="280">
        <v>0</v>
      </c>
      <c r="E26" s="376">
        <v>0</v>
      </c>
      <c r="F26" s="279">
        <v>0</v>
      </c>
      <c r="G26" s="280">
        <v>7</v>
      </c>
      <c r="H26" s="280">
        <v>6</v>
      </c>
      <c r="I26" s="280">
        <v>5</v>
      </c>
      <c r="J26" s="280">
        <v>2</v>
      </c>
      <c r="K26" s="280">
        <v>5</v>
      </c>
      <c r="L26" s="281">
        <v>25</v>
      </c>
      <c r="M26" s="282">
        <v>25</v>
      </c>
      <c r="N26" s="276">
        <v>0</v>
      </c>
      <c r="O26" s="280">
        <v>0</v>
      </c>
      <c r="P26" s="277">
        <v>0</v>
      </c>
      <c r="Q26" s="279">
        <v>0</v>
      </c>
      <c r="R26" s="280">
        <v>0</v>
      </c>
      <c r="S26" s="280">
        <v>0</v>
      </c>
      <c r="T26" s="280">
        <v>0</v>
      </c>
      <c r="U26" s="280">
        <v>0</v>
      </c>
      <c r="V26" s="280">
        <v>3</v>
      </c>
      <c r="W26" s="277">
        <v>3</v>
      </c>
      <c r="X26" s="282">
        <v>3</v>
      </c>
      <c r="Y26" s="276">
        <v>1</v>
      </c>
      <c r="Z26" s="280">
        <v>3</v>
      </c>
      <c r="AA26" s="277">
        <v>4</v>
      </c>
      <c r="AB26" s="279">
        <v>0</v>
      </c>
      <c r="AC26" s="280">
        <v>5</v>
      </c>
      <c r="AD26" s="280">
        <v>2</v>
      </c>
      <c r="AE26" s="280">
        <v>5</v>
      </c>
      <c r="AF26" s="280">
        <v>4</v>
      </c>
      <c r="AG26" s="280">
        <v>2</v>
      </c>
      <c r="AH26" s="277">
        <v>18</v>
      </c>
      <c r="AI26" s="282">
        <v>22</v>
      </c>
      <c r="AJ26" s="276">
        <v>0</v>
      </c>
      <c r="AK26" s="280">
        <v>0</v>
      </c>
      <c r="AL26" s="277">
        <v>0</v>
      </c>
      <c r="AM26" s="279">
        <v>0</v>
      </c>
      <c r="AN26" s="280">
        <v>0</v>
      </c>
      <c r="AO26" s="280">
        <v>0</v>
      </c>
      <c r="AP26" s="280">
        <v>0</v>
      </c>
      <c r="AQ26" s="280">
        <v>0</v>
      </c>
      <c r="AR26" s="280">
        <v>1</v>
      </c>
      <c r="AS26" s="277">
        <v>1</v>
      </c>
      <c r="AT26" s="282">
        <v>1</v>
      </c>
      <c r="AU26" s="276">
        <v>2</v>
      </c>
      <c r="AV26" s="280">
        <v>2</v>
      </c>
      <c r="AW26" s="277">
        <v>4</v>
      </c>
      <c r="AX26" s="279">
        <v>0</v>
      </c>
      <c r="AY26" s="280">
        <v>7</v>
      </c>
      <c r="AZ26" s="280">
        <v>9</v>
      </c>
      <c r="BA26" s="280">
        <v>7</v>
      </c>
      <c r="BB26" s="280">
        <v>8</v>
      </c>
      <c r="BC26" s="280">
        <v>10</v>
      </c>
      <c r="BD26" s="281">
        <v>41</v>
      </c>
      <c r="BE26" s="282">
        <v>45</v>
      </c>
      <c r="BF26" s="276">
        <v>0</v>
      </c>
      <c r="BG26" s="280">
        <v>0</v>
      </c>
      <c r="BH26" s="277">
        <v>0</v>
      </c>
      <c r="BI26" s="279">
        <v>0</v>
      </c>
      <c r="BJ26" s="280">
        <v>13</v>
      </c>
      <c r="BK26" s="280">
        <v>5</v>
      </c>
      <c r="BL26" s="280">
        <v>4</v>
      </c>
      <c r="BM26" s="280">
        <v>1</v>
      </c>
      <c r="BN26" s="280">
        <v>2</v>
      </c>
      <c r="BO26" s="277">
        <v>25</v>
      </c>
      <c r="BP26" s="282">
        <v>25</v>
      </c>
      <c r="BQ26" s="276">
        <v>1</v>
      </c>
      <c r="BR26" s="280">
        <v>0</v>
      </c>
      <c r="BS26" s="277">
        <v>1</v>
      </c>
      <c r="BT26" s="279">
        <v>0</v>
      </c>
      <c r="BU26" s="280">
        <v>4</v>
      </c>
      <c r="BV26" s="280">
        <v>6</v>
      </c>
      <c r="BW26" s="280">
        <v>1</v>
      </c>
      <c r="BX26" s="280">
        <v>0</v>
      </c>
      <c r="BY26" s="280">
        <v>2</v>
      </c>
      <c r="BZ26" s="277">
        <v>13</v>
      </c>
      <c r="CA26" s="282">
        <v>14</v>
      </c>
      <c r="CB26" s="276">
        <v>0</v>
      </c>
      <c r="CC26" s="280">
        <v>0</v>
      </c>
      <c r="CD26" s="277">
        <v>0</v>
      </c>
      <c r="CE26" s="279">
        <v>0</v>
      </c>
      <c r="CF26" s="280">
        <v>1</v>
      </c>
      <c r="CG26" s="280">
        <v>4</v>
      </c>
      <c r="CH26" s="280">
        <v>2</v>
      </c>
      <c r="CI26" s="280">
        <v>0</v>
      </c>
      <c r="CJ26" s="280">
        <v>1</v>
      </c>
      <c r="CK26" s="277">
        <v>8</v>
      </c>
      <c r="CL26" s="282">
        <v>8</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6</v>
      </c>
      <c r="DU26" s="280">
        <v>9</v>
      </c>
      <c r="DV26" s="277">
        <v>15</v>
      </c>
      <c r="DW26" s="279">
        <v>0</v>
      </c>
      <c r="DX26" s="280">
        <v>9</v>
      </c>
      <c r="DY26" s="280">
        <v>14</v>
      </c>
      <c r="DZ26" s="280">
        <v>11</v>
      </c>
      <c r="EA26" s="280">
        <v>6</v>
      </c>
      <c r="EB26" s="280">
        <v>7</v>
      </c>
      <c r="EC26" s="277">
        <v>47</v>
      </c>
      <c r="ED26" s="282">
        <v>62</v>
      </c>
      <c r="EE26" s="276">
        <v>2</v>
      </c>
      <c r="EF26" s="280">
        <v>1</v>
      </c>
      <c r="EG26" s="277">
        <v>3</v>
      </c>
      <c r="EH26" s="279">
        <v>0</v>
      </c>
      <c r="EI26" s="280">
        <v>5</v>
      </c>
      <c r="EJ26" s="280">
        <v>7</v>
      </c>
      <c r="EK26" s="280">
        <v>3</v>
      </c>
      <c r="EL26" s="280">
        <v>4</v>
      </c>
      <c r="EM26" s="280">
        <v>4</v>
      </c>
      <c r="EN26" s="277">
        <v>23</v>
      </c>
      <c r="EO26" s="282">
        <v>26</v>
      </c>
      <c r="EP26" s="276">
        <v>8</v>
      </c>
      <c r="EQ26" s="280">
        <v>11</v>
      </c>
      <c r="ER26" s="277">
        <v>19</v>
      </c>
      <c r="ES26" s="279">
        <v>0</v>
      </c>
      <c r="ET26" s="280">
        <v>21</v>
      </c>
      <c r="EU26" s="280">
        <v>18</v>
      </c>
      <c r="EV26" s="280">
        <v>14</v>
      </c>
      <c r="EW26" s="280">
        <v>6</v>
      </c>
      <c r="EX26" s="280">
        <v>7</v>
      </c>
      <c r="EY26" s="277">
        <v>66</v>
      </c>
      <c r="EZ26" s="282">
        <v>85</v>
      </c>
    </row>
    <row r="27" spans="2:156" ht="21" customHeight="1" x14ac:dyDescent="0.2">
      <c r="B27" s="261" t="s">
        <v>25</v>
      </c>
      <c r="C27" s="276">
        <v>0</v>
      </c>
      <c r="D27" s="280">
        <v>0</v>
      </c>
      <c r="E27" s="376">
        <v>0</v>
      </c>
      <c r="F27" s="279">
        <v>0</v>
      </c>
      <c r="G27" s="280">
        <v>6</v>
      </c>
      <c r="H27" s="280">
        <v>4</v>
      </c>
      <c r="I27" s="280">
        <v>2</v>
      </c>
      <c r="J27" s="280">
        <v>2</v>
      </c>
      <c r="K27" s="280">
        <v>1</v>
      </c>
      <c r="L27" s="281">
        <v>15</v>
      </c>
      <c r="M27" s="282">
        <v>15</v>
      </c>
      <c r="N27" s="276">
        <v>0</v>
      </c>
      <c r="O27" s="280">
        <v>0</v>
      </c>
      <c r="P27" s="277">
        <v>0</v>
      </c>
      <c r="Q27" s="279">
        <v>0</v>
      </c>
      <c r="R27" s="280">
        <v>0</v>
      </c>
      <c r="S27" s="280">
        <v>0</v>
      </c>
      <c r="T27" s="280">
        <v>0</v>
      </c>
      <c r="U27" s="280">
        <v>2</v>
      </c>
      <c r="V27" s="280">
        <v>3</v>
      </c>
      <c r="W27" s="277">
        <v>5</v>
      </c>
      <c r="X27" s="282">
        <v>5</v>
      </c>
      <c r="Y27" s="276">
        <v>1</v>
      </c>
      <c r="Z27" s="280">
        <v>5</v>
      </c>
      <c r="AA27" s="277">
        <v>6</v>
      </c>
      <c r="AB27" s="279">
        <v>0</v>
      </c>
      <c r="AC27" s="280">
        <v>2</v>
      </c>
      <c r="AD27" s="280">
        <v>4</v>
      </c>
      <c r="AE27" s="280">
        <v>2</v>
      </c>
      <c r="AF27" s="280">
        <v>3</v>
      </c>
      <c r="AG27" s="280">
        <v>2</v>
      </c>
      <c r="AH27" s="277">
        <v>13</v>
      </c>
      <c r="AI27" s="282">
        <v>19</v>
      </c>
      <c r="AJ27" s="276">
        <v>0</v>
      </c>
      <c r="AK27" s="280">
        <v>0</v>
      </c>
      <c r="AL27" s="277">
        <v>0</v>
      </c>
      <c r="AM27" s="279">
        <v>0</v>
      </c>
      <c r="AN27" s="280">
        <v>0</v>
      </c>
      <c r="AO27" s="280">
        <v>0</v>
      </c>
      <c r="AP27" s="280">
        <v>0</v>
      </c>
      <c r="AQ27" s="280">
        <v>0</v>
      </c>
      <c r="AR27" s="280">
        <v>0</v>
      </c>
      <c r="AS27" s="277">
        <v>0</v>
      </c>
      <c r="AT27" s="282">
        <v>0</v>
      </c>
      <c r="AU27" s="276">
        <v>2</v>
      </c>
      <c r="AV27" s="280">
        <v>2</v>
      </c>
      <c r="AW27" s="277">
        <v>4</v>
      </c>
      <c r="AX27" s="279">
        <v>0</v>
      </c>
      <c r="AY27" s="280">
        <v>1</v>
      </c>
      <c r="AZ27" s="280">
        <v>1</v>
      </c>
      <c r="BA27" s="280">
        <v>2</v>
      </c>
      <c r="BB27" s="280">
        <v>5</v>
      </c>
      <c r="BC27" s="280">
        <v>5</v>
      </c>
      <c r="BD27" s="281">
        <v>14</v>
      </c>
      <c r="BE27" s="282">
        <v>18</v>
      </c>
      <c r="BF27" s="276">
        <v>0</v>
      </c>
      <c r="BG27" s="280">
        <v>0</v>
      </c>
      <c r="BH27" s="277">
        <v>0</v>
      </c>
      <c r="BI27" s="279">
        <v>0</v>
      </c>
      <c r="BJ27" s="280">
        <v>4</v>
      </c>
      <c r="BK27" s="280">
        <v>3</v>
      </c>
      <c r="BL27" s="280">
        <v>3</v>
      </c>
      <c r="BM27" s="280">
        <v>2</v>
      </c>
      <c r="BN27" s="280">
        <v>0</v>
      </c>
      <c r="BO27" s="277">
        <v>12</v>
      </c>
      <c r="BP27" s="282">
        <v>12</v>
      </c>
      <c r="BQ27" s="276">
        <v>0</v>
      </c>
      <c r="BR27" s="280">
        <v>2</v>
      </c>
      <c r="BS27" s="277">
        <v>2</v>
      </c>
      <c r="BT27" s="279">
        <v>0</v>
      </c>
      <c r="BU27" s="280">
        <v>2</v>
      </c>
      <c r="BV27" s="280">
        <v>3</v>
      </c>
      <c r="BW27" s="280">
        <v>1</v>
      </c>
      <c r="BX27" s="280">
        <v>0</v>
      </c>
      <c r="BY27" s="280">
        <v>1</v>
      </c>
      <c r="BZ27" s="277">
        <v>7</v>
      </c>
      <c r="CA27" s="282">
        <v>9</v>
      </c>
      <c r="CB27" s="276">
        <v>0</v>
      </c>
      <c r="CC27" s="280">
        <v>0</v>
      </c>
      <c r="CD27" s="277">
        <v>0</v>
      </c>
      <c r="CE27" s="279">
        <v>0</v>
      </c>
      <c r="CF27" s="280">
        <v>1</v>
      </c>
      <c r="CG27" s="280">
        <v>1</v>
      </c>
      <c r="CH27" s="280">
        <v>1</v>
      </c>
      <c r="CI27" s="280">
        <v>0</v>
      </c>
      <c r="CJ27" s="280">
        <v>0</v>
      </c>
      <c r="CK27" s="277">
        <v>3</v>
      </c>
      <c r="CL27" s="282">
        <v>3</v>
      </c>
      <c r="CM27" s="276">
        <v>0</v>
      </c>
      <c r="CN27" s="280">
        <v>0</v>
      </c>
      <c r="CO27" s="277">
        <v>0</v>
      </c>
      <c r="CP27" s="279">
        <v>0</v>
      </c>
      <c r="CQ27" s="280">
        <v>0</v>
      </c>
      <c r="CR27" s="280">
        <v>1</v>
      </c>
      <c r="CS27" s="280">
        <v>0</v>
      </c>
      <c r="CT27" s="280">
        <v>0</v>
      </c>
      <c r="CU27" s="280">
        <v>1</v>
      </c>
      <c r="CV27" s="277">
        <v>2</v>
      </c>
      <c r="CW27" s="282">
        <v>2</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4</v>
      </c>
      <c r="DU27" s="280">
        <v>11</v>
      </c>
      <c r="DV27" s="277">
        <v>15</v>
      </c>
      <c r="DW27" s="279">
        <v>0</v>
      </c>
      <c r="DX27" s="280">
        <v>8</v>
      </c>
      <c r="DY27" s="280">
        <v>8</v>
      </c>
      <c r="DZ27" s="280">
        <v>4</v>
      </c>
      <c r="EA27" s="280">
        <v>6</v>
      </c>
      <c r="EB27" s="280">
        <v>4</v>
      </c>
      <c r="EC27" s="277">
        <v>30</v>
      </c>
      <c r="ED27" s="282">
        <v>45</v>
      </c>
      <c r="EE27" s="276">
        <v>0</v>
      </c>
      <c r="EF27" s="280">
        <v>0</v>
      </c>
      <c r="EG27" s="277">
        <v>0</v>
      </c>
      <c r="EH27" s="279">
        <v>0</v>
      </c>
      <c r="EI27" s="280">
        <v>0</v>
      </c>
      <c r="EJ27" s="280">
        <v>1</v>
      </c>
      <c r="EK27" s="280">
        <v>2</v>
      </c>
      <c r="EL27" s="280">
        <v>2</v>
      </c>
      <c r="EM27" s="280">
        <v>2</v>
      </c>
      <c r="EN27" s="277">
        <v>7</v>
      </c>
      <c r="EO27" s="282">
        <v>7</v>
      </c>
      <c r="EP27" s="276">
        <v>5</v>
      </c>
      <c r="EQ27" s="280">
        <v>15</v>
      </c>
      <c r="ER27" s="277">
        <v>20</v>
      </c>
      <c r="ES27" s="279">
        <v>0</v>
      </c>
      <c r="ET27" s="280">
        <v>17</v>
      </c>
      <c r="EU27" s="280">
        <v>11</v>
      </c>
      <c r="EV27" s="280">
        <v>4</v>
      </c>
      <c r="EW27" s="280">
        <v>7</v>
      </c>
      <c r="EX27" s="280">
        <v>3</v>
      </c>
      <c r="EY27" s="277">
        <v>42</v>
      </c>
      <c r="EZ27" s="282">
        <v>62</v>
      </c>
    </row>
    <row r="28" spans="2:156" ht="21" customHeight="1" x14ac:dyDescent="0.2">
      <c r="B28" s="261" t="s">
        <v>26</v>
      </c>
      <c r="C28" s="276">
        <v>0</v>
      </c>
      <c r="D28" s="280">
        <v>0</v>
      </c>
      <c r="E28" s="376">
        <v>0</v>
      </c>
      <c r="F28" s="279">
        <v>0</v>
      </c>
      <c r="G28" s="280">
        <v>5</v>
      </c>
      <c r="H28" s="280">
        <v>1</v>
      </c>
      <c r="I28" s="280">
        <v>2</v>
      </c>
      <c r="J28" s="280">
        <v>3</v>
      </c>
      <c r="K28" s="280">
        <v>3</v>
      </c>
      <c r="L28" s="281">
        <v>14</v>
      </c>
      <c r="M28" s="282">
        <v>14</v>
      </c>
      <c r="N28" s="276">
        <v>0</v>
      </c>
      <c r="O28" s="280">
        <v>0</v>
      </c>
      <c r="P28" s="277">
        <v>0</v>
      </c>
      <c r="Q28" s="279">
        <v>0</v>
      </c>
      <c r="R28" s="280">
        <v>0</v>
      </c>
      <c r="S28" s="280">
        <v>0</v>
      </c>
      <c r="T28" s="280">
        <v>0</v>
      </c>
      <c r="U28" s="280">
        <v>1</v>
      </c>
      <c r="V28" s="280">
        <v>1</v>
      </c>
      <c r="W28" s="277">
        <v>2</v>
      </c>
      <c r="X28" s="282">
        <v>2</v>
      </c>
      <c r="Y28" s="276">
        <v>0</v>
      </c>
      <c r="Z28" s="280">
        <v>2</v>
      </c>
      <c r="AA28" s="277">
        <v>2</v>
      </c>
      <c r="AB28" s="279">
        <v>0</v>
      </c>
      <c r="AC28" s="280">
        <v>4</v>
      </c>
      <c r="AD28" s="280">
        <v>4</v>
      </c>
      <c r="AE28" s="280">
        <v>2</v>
      </c>
      <c r="AF28" s="280">
        <v>5</v>
      </c>
      <c r="AG28" s="280">
        <v>3</v>
      </c>
      <c r="AH28" s="277">
        <v>18</v>
      </c>
      <c r="AI28" s="282">
        <v>20</v>
      </c>
      <c r="AJ28" s="276">
        <v>0</v>
      </c>
      <c r="AK28" s="280">
        <v>0</v>
      </c>
      <c r="AL28" s="277">
        <v>0</v>
      </c>
      <c r="AM28" s="279">
        <v>0</v>
      </c>
      <c r="AN28" s="280">
        <v>0</v>
      </c>
      <c r="AO28" s="280">
        <v>0</v>
      </c>
      <c r="AP28" s="280">
        <v>0</v>
      </c>
      <c r="AQ28" s="280">
        <v>0</v>
      </c>
      <c r="AR28" s="280">
        <v>0</v>
      </c>
      <c r="AS28" s="277">
        <v>0</v>
      </c>
      <c r="AT28" s="282">
        <v>0</v>
      </c>
      <c r="AU28" s="276">
        <v>3</v>
      </c>
      <c r="AV28" s="280">
        <v>1</v>
      </c>
      <c r="AW28" s="277">
        <v>4</v>
      </c>
      <c r="AX28" s="279">
        <v>0</v>
      </c>
      <c r="AY28" s="280">
        <v>3</v>
      </c>
      <c r="AZ28" s="280">
        <v>6</v>
      </c>
      <c r="BA28" s="280">
        <v>1</v>
      </c>
      <c r="BB28" s="280">
        <v>5</v>
      </c>
      <c r="BC28" s="280">
        <v>3</v>
      </c>
      <c r="BD28" s="281">
        <v>18</v>
      </c>
      <c r="BE28" s="282">
        <v>22</v>
      </c>
      <c r="BF28" s="276">
        <v>0</v>
      </c>
      <c r="BG28" s="280">
        <v>0</v>
      </c>
      <c r="BH28" s="277">
        <v>0</v>
      </c>
      <c r="BI28" s="279">
        <v>0</v>
      </c>
      <c r="BJ28" s="280">
        <v>7</v>
      </c>
      <c r="BK28" s="280">
        <v>2</v>
      </c>
      <c r="BL28" s="280">
        <v>3</v>
      </c>
      <c r="BM28" s="280">
        <v>2</v>
      </c>
      <c r="BN28" s="280">
        <v>0</v>
      </c>
      <c r="BO28" s="277">
        <v>14</v>
      </c>
      <c r="BP28" s="282">
        <v>14</v>
      </c>
      <c r="BQ28" s="276">
        <v>0</v>
      </c>
      <c r="BR28" s="280">
        <v>1</v>
      </c>
      <c r="BS28" s="277">
        <v>1</v>
      </c>
      <c r="BT28" s="279">
        <v>0</v>
      </c>
      <c r="BU28" s="280">
        <v>1</v>
      </c>
      <c r="BV28" s="280">
        <v>3</v>
      </c>
      <c r="BW28" s="280">
        <v>2</v>
      </c>
      <c r="BX28" s="280">
        <v>0</v>
      </c>
      <c r="BY28" s="280">
        <v>0</v>
      </c>
      <c r="BZ28" s="277">
        <v>6</v>
      </c>
      <c r="CA28" s="282">
        <v>7</v>
      </c>
      <c r="CB28" s="276">
        <v>0</v>
      </c>
      <c r="CC28" s="280">
        <v>0</v>
      </c>
      <c r="CD28" s="277">
        <v>0</v>
      </c>
      <c r="CE28" s="279">
        <v>0</v>
      </c>
      <c r="CF28" s="280">
        <v>0</v>
      </c>
      <c r="CG28" s="280">
        <v>0</v>
      </c>
      <c r="CH28" s="280">
        <v>1</v>
      </c>
      <c r="CI28" s="280">
        <v>2</v>
      </c>
      <c r="CJ28" s="280">
        <v>0</v>
      </c>
      <c r="CK28" s="277">
        <v>3</v>
      </c>
      <c r="CL28" s="282">
        <v>3</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1</v>
      </c>
      <c r="DU28" s="280">
        <v>4</v>
      </c>
      <c r="DV28" s="277">
        <v>5</v>
      </c>
      <c r="DW28" s="279">
        <v>0</v>
      </c>
      <c r="DX28" s="280">
        <v>7</v>
      </c>
      <c r="DY28" s="280">
        <v>6</v>
      </c>
      <c r="DZ28" s="280">
        <v>6</v>
      </c>
      <c r="EA28" s="280">
        <v>6</v>
      </c>
      <c r="EB28" s="280">
        <v>4</v>
      </c>
      <c r="EC28" s="277">
        <v>29</v>
      </c>
      <c r="ED28" s="282">
        <v>34</v>
      </c>
      <c r="EE28" s="276">
        <v>3</v>
      </c>
      <c r="EF28" s="280">
        <v>1</v>
      </c>
      <c r="EG28" s="277">
        <v>4</v>
      </c>
      <c r="EH28" s="279">
        <v>0</v>
      </c>
      <c r="EI28" s="280">
        <v>2</v>
      </c>
      <c r="EJ28" s="280">
        <v>5</v>
      </c>
      <c r="EK28" s="280">
        <v>0</v>
      </c>
      <c r="EL28" s="280">
        <v>0</v>
      </c>
      <c r="EM28" s="280">
        <v>1</v>
      </c>
      <c r="EN28" s="277">
        <v>8</v>
      </c>
      <c r="EO28" s="282">
        <v>12</v>
      </c>
      <c r="EP28" s="276">
        <v>1</v>
      </c>
      <c r="EQ28" s="280">
        <v>6</v>
      </c>
      <c r="ER28" s="277">
        <v>7</v>
      </c>
      <c r="ES28" s="279">
        <v>0</v>
      </c>
      <c r="ET28" s="280">
        <v>15</v>
      </c>
      <c r="EU28" s="280">
        <v>9</v>
      </c>
      <c r="EV28" s="280">
        <v>6</v>
      </c>
      <c r="EW28" s="280">
        <v>6</v>
      </c>
      <c r="EX28" s="280">
        <v>4</v>
      </c>
      <c r="EY28" s="277">
        <v>40</v>
      </c>
      <c r="EZ28" s="282">
        <v>47</v>
      </c>
    </row>
    <row r="29" spans="2:156" ht="21" customHeight="1" x14ac:dyDescent="0.2">
      <c r="B29" s="261" t="s">
        <v>27</v>
      </c>
      <c r="C29" s="276">
        <v>0</v>
      </c>
      <c r="D29" s="280">
        <v>0</v>
      </c>
      <c r="E29" s="376">
        <v>0</v>
      </c>
      <c r="F29" s="279">
        <v>0</v>
      </c>
      <c r="G29" s="280">
        <v>0</v>
      </c>
      <c r="H29" s="280">
        <v>3</v>
      </c>
      <c r="I29" s="280">
        <v>3</v>
      </c>
      <c r="J29" s="280">
        <v>0</v>
      </c>
      <c r="K29" s="280">
        <v>1</v>
      </c>
      <c r="L29" s="281">
        <v>7</v>
      </c>
      <c r="M29" s="282">
        <v>7</v>
      </c>
      <c r="N29" s="276">
        <v>0</v>
      </c>
      <c r="O29" s="280">
        <v>0</v>
      </c>
      <c r="P29" s="277">
        <v>0</v>
      </c>
      <c r="Q29" s="279">
        <v>0</v>
      </c>
      <c r="R29" s="280">
        <v>0</v>
      </c>
      <c r="S29" s="280">
        <v>0</v>
      </c>
      <c r="T29" s="280">
        <v>0</v>
      </c>
      <c r="U29" s="280">
        <v>1</v>
      </c>
      <c r="V29" s="280">
        <v>0</v>
      </c>
      <c r="W29" s="277">
        <v>1</v>
      </c>
      <c r="X29" s="282">
        <v>1</v>
      </c>
      <c r="Y29" s="276">
        <v>3</v>
      </c>
      <c r="Z29" s="280">
        <v>2</v>
      </c>
      <c r="AA29" s="277">
        <v>5</v>
      </c>
      <c r="AB29" s="279">
        <v>0</v>
      </c>
      <c r="AC29" s="280">
        <v>1</v>
      </c>
      <c r="AD29" s="280">
        <v>5</v>
      </c>
      <c r="AE29" s="280">
        <v>4</v>
      </c>
      <c r="AF29" s="280">
        <v>1</v>
      </c>
      <c r="AG29" s="280">
        <v>1</v>
      </c>
      <c r="AH29" s="277">
        <v>12</v>
      </c>
      <c r="AI29" s="282">
        <v>17</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3</v>
      </c>
      <c r="AZ29" s="280">
        <v>4</v>
      </c>
      <c r="BA29" s="280">
        <v>9</v>
      </c>
      <c r="BB29" s="280">
        <v>7</v>
      </c>
      <c r="BC29" s="280">
        <v>2</v>
      </c>
      <c r="BD29" s="281">
        <v>25</v>
      </c>
      <c r="BE29" s="282">
        <v>25</v>
      </c>
      <c r="BF29" s="276">
        <v>0</v>
      </c>
      <c r="BG29" s="280">
        <v>0</v>
      </c>
      <c r="BH29" s="277">
        <v>0</v>
      </c>
      <c r="BI29" s="279">
        <v>0</v>
      </c>
      <c r="BJ29" s="280">
        <v>1</v>
      </c>
      <c r="BK29" s="280">
        <v>3</v>
      </c>
      <c r="BL29" s="280">
        <v>1</v>
      </c>
      <c r="BM29" s="280">
        <v>1</v>
      </c>
      <c r="BN29" s="280">
        <v>0</v>
      </c>
      <c r="BO29" s="277">
        <v>6</v>
      </c>
      <c r="BP29" s="282">
        <v>6</v>
      </c>
      <c r="BQ29" s="276">
        <v>1</v>
      </c>
      <c r="BR29" s="280">
        <v>0</v>
      </c>
      <c r="BS29" s="277">
        <v>1</v>
      </c>
      <c r="BT29" s="279">
        <v>0</v>
      </c>
      <c r="BU29" s="280">
        <v>0</v>
      </c>
      <c r="BV29" s="280">
        <v>2</v>
      </c>
      <c r="BW29" s="280">
        <v>1</v>
      </c>
      <c r="BX29" s="280">
        <v>0</v>
      </c>
      <c r="BY29" s="280">
        <v>0</v>
      </c>
      <c r="BZ29" s="277">
        <v>3</v>
      </c>
      <c r="CA29" s="282">
        <v>4</v>
      </c>
      <c r="CB29" s="276">
        <v>0</v>
      </c>
      <c r="CC29" s="280">
        <v>0</v>
      </c>
      <c r="CD29" s="277">
        <v>0</v>
      </c>
      <c r="CE29" s="279">
        <v>0</v>
      </c>
      <c r="CF29" s="280">
        <v>0</v>
      </c>
      <c r="CG29" s="280">
        <v>1</v>
      </c>
      <c r="CH29" s="280">
        <v>1</v>
      </c>
      <c r="CI29" s="280">
        <v>1</v>
      </c>
      <c r="CJ29" s="280">
        <v>0</v>
      </c>
      <c r="CK29" s="277">
        <v>3</v>
      </c>
      <c r="CL29" s="282">
        <v>3</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5</v>
      </c>
      <c r="DU29" s="280">
        <v>8</v>
      </c>
      <c r="DV29" s="277">
        <v>13</v>
      </c>
      <c r="DW29" s="279">
        <v>0</v>
      </c>
      <c r="DX29" s="280">
        <v>1</v>
      </c>
      <c r="DY29" s="280">
        <v>10</v>
      </c>
      <c r="DZ29" s="280">
        <v>6</v>
      </c>
      <c r="EA29" s="280">
        <v>2</v>
      </c>
      <c r="EB29" s="280">
        <v>1</v>
      </c>
      <c r="EC29" s="277">
        <v>20</v>
      </c>
      <c r="ED29" s="282">
        <v>33</v>
      </c>
      <c r="EE29" s="276">
        <v>0</v>
      </c>
      <c r="EF29" s="280">
        <v>0</v>
      </c>
      <c r="EG29" s="277">
        <v>0</v>
      </c>
      <c r="EH29" s="279">
        <v>0</v>
      </c>
      <c r="EI29" s="280">
        <v>4</v>
      </c>
      <c r="EJ29" s="280">
        <v>2</v>
      </c>
      <c r="EK29" s="280">
        <v>6</v>
      </c>
      <c r="EL29" s="280">
        <v>5</v>
      </c>
      <c r="EM29" s="280">
        <v>1</v>
      </c>
      <c r="EN29" s="277">
        <v>18</v>
      </c>
      <c r="EO29" s="282">
        <v>18</v>
      </c>
      <c r="EP29" s="276">
        <v>8</v>
      </c>
      <c r="EQ29" s="280">
        <v>10</v>
      </c>
      <c r="ER29" s="277">
        <v>18</v>
      </c>
      <c r="ES29" s="279">
        <v>0</v>
      </c>
      <c r="ET29" s="280">
        <v>4</v>
      </c>
      <c r="EU29" s="280">
        <v>13</v>
      </c>
      <c r="EV29" s="280">
        <v>8</v>
      </c>
      <c r="EW29" s="280">
        <v>2</v>
      </c>
      <c r="EX29" s="280">
        <v>1</v>
      </c>
      <c r="EY29" s="277">
        <v>28</v>
      </c>
      <c r="EZ29" s="282">
        <v>46</v>
      </c>
    </row>
    <row r="30" spans="2:156" ht="21" customHeight="1" x14ac:dyDescent="0.2">
      <c r="B30" s="261" t="s">
        <v>28</v>
      </c>
      <c r="C30" s="276">
        <v>0</v>
      </c>
      <c r="D30" s="280">
        <v>0</v>
      </c>
      <c r="E30" s="376">
        <v>0</v>
      </c>
      <c r="F30" s="279">
        <v>0</v>
      </c>
      <c r="G30" s="280">
        <v>1</v>
      </c>
      <c r="H30" s="280">
        <v>1</v>
      </c>
      <c r="I30" s="280">
        <v>0</v>
      </c>
      <c r="J30" s="280">
        <v>1</v>
      </c>
      <c r="K30" s="280">
        <v>0</v>
      </c>
      <c r="L30" s="281">
        <v>3</v>
      </c>
      <c r="M30" s="282">
        <v>3</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v>
      </c>
      <c r="AE30" s="280">
        <v>2</v>
      </c>
      <c r="AF30" s="280">
        <v>0</v>
      </c>
      <c r="AG30" s="280">
        <v>0</v>
      </c>
      <c r="AH30" s="277">
        <v>3</v>
      </c>
      <c r="AI30" s="282">
        <v>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1</v>
      </c>
      <c r="BA30" s="280">
        <v>2</v>
      </c>
      <c r="BB30" s="280">
        <v>1</v>
      </c>
      <c r="BC30" s="280">
        <v>0</v>
      </c>
      <c r="BD30" s="281">
        <v>4</v>
      </c>
      <c r="BE30" s="282">
        <v>4</v>
      </c>
      <c r="BF30" s="276">
        <v>0</v>
      </c>
      <c r="BG30" s="280">
        <v>0</v>
      </c>
      <c r="BH30" s="277">
        <v>0</v>
      </c>
      <c r="BI30" s="279">
        <v>0</v>
      </c>
      <c r="BJ30" s="280">
        <v>0</v>
      </c>
      <c r="BK30" s="280">
        <v>1</v>
      </c>
      <c r="BL30" s="280">
        <v>1</v>
      </c>
      <c r="BM30" s="280">
        <v>1</v>
      </c>
      <c r="BN30" s="280">
        <v>0</v>
      </c>
      <c r="BO30" s="277">
        <v>3</v>
      </c>
      <c r="BP30" s="282">
        <v>3</v>
      </c>
      <c r="BQ30" s="276">
        <v>0</v>
      </c>
      <c r="BR30" s="280">
        <v>0</v>
      </c>
      <c r="BS30" s="277">
        <v>0</v>
      </c>
      <c r="BT30" s="279">
        <v>0</v>
      </c>
      <c r="BU30" s="280">
        <v>0</v>
      </c>
      <c r="BV30" s="280">
        <v>0</v>
      </c>
      <c r="BW30" s="280">
        <v>1</v>
      </c>
      <c r="BX30" s="280">
        <v>0</v>
      </c>
      <c r="BY30" s="280">
        <v>1</v>
      </c>
      <c r="BZ30" s="277">
        <v>2</v>
      </c>
      <c r="CA30" s="282">
        <v>2</v>
      </c>
      <c r="CB30" s="276">
        <v>0</v>
      </c>
      <c r="CC30" s="280">
        <v>0</v>
      </c>
      <c r="CD30" s="277">
        <v>0</v>
      </c>
      <c r="CE30" s="279">
        <v>0</v>
      </c>
      <c r="CF30" s="280">
        <v>0</v>
      </c>
      <c r="CG30" s="280">
        <v>1</v>
      </c>
      <c r="CH30" s="280">
        <v>0</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1</v>
      </c>
      <c r="DU30" s="280">
        <v>1</v>
      </c>
      <c r="DV30" s="277">
        <v>2</v>
      </c>
      <c r="DW30" s="279">
        <v>0</v>
      </c>
      <c r="DX30" s="280">
        <v>2</v>
      </c>
      <c r="DY30" s="280">
        <v>2</v>
      </c>
      <c r="DZ30" s="280">
        <v>1</v>
      </c>
      <c r="EA30" s="280">
        <v>1</v>
      </c>
      <c r="EB30" s="280">
        <v>1</v>
      </c>
      <c r="EC30" s="277">
        <v>7</v>
      </c>
      <c r="ED30" s="282">
        <v>9</v>
      </c>
      <c r="EE30" s="276">
        <v>0</v>
      </c>
      <c r="EF30" s="280">
        <v>0</v>
      </c>
      <c r="EG30" s="277">
        <v>0</v>
      </c>
      <c r="EH30" s="279">
        <v>0</v>
      </c>
      <c r="EI30" s="280">
        <v>0</v>
      </c>
      <c r="EJ30" s="280">
        <v>0</v>
      </c>
      <c r="EK30" s="280">
        <v>1</v>
      </c>
      <c r="EL30" s="280">
        <v>1</v>
      </c>
      <c r="EM30" s="280">
        <v>0</v>
      </c>
      <c r="EN30" s="277">
        <v>2</v>
      </c>
      <c r="EO30" s="282">
        <v>2</v>
      </c>
      <c r="EP30" s="276">
        <v>1</v>
      </c>
      <c r="EQ30" s="280">
        <v>1</v>
      </c>
      <c r="ER30" s="277">
        <v>2</v>
      </c>
      <c r="ES30" s="279">
        <v>0</v>
      </c>
      <c r="ET30" s="280">
        <v>4</v>
      </c>
      <c r="EU30" s="280">
        <v>3</v>
      </c>
      <c r="EV30" s="280">
        <v>2</v>
      </c>
      <c r="EW30" s="280">
        <v>2</v>
      </c>
      <c r="EX30" s="280">
        <v>1</v>
      </c>
      <c r="EY30" s="277">
        <v>12</v>
      </c>
      <c r="EZ30" s="282">
        <v>14</v>
      </c>
    </row>
    <row r="31" spans="2:156" ht="21" customHeight="1" x14ac:dyDescent="0.2">
      <c r="B31" s="261" t="s">
        <v>29</v>
      </c>
      <c r="C31" s="276">
        <v>0</v>
      </c>
      <c r="D31" s="280">
        <v>0</v>
      </c>
      <c r="E31" s="376">
        <v>0</v>
      </c>
      <c r="F31" s="279">
        <v>0</v>
      </c>
      <c r="G31" s="280">
        <v>2</v>
      </c>
      <c r="H31" s="280">
        <v>2</v>
      </c>
      <c r="I31" s="280">
        <v>0</v>
      </c>
      <c r="J31" s="280">
        <v>3</v>
      </c>
      <c r="K31" s="280">
        <v>0</v>
      </c>
      <c r="L31" s="281">
        <v>7</v>
      </c>
      <c r="M31" s="282">
        <v>7</v>
      </c>
      <c r="N31" s="276">
        <v>0</v>
      </c>
      <c r="O31" s="280">
        <v>0</v>
      </c>
      <c r="P31" s="277">
        <v>0</v>
      </c>
      <c r="Q31" s="279">
        <v>0</v>
      </c>
      <c r="R31" s="280">
        <v>0</v>
      </c>
      <c r="S31" s="280">
        <v>0</v>
      </c>
      <c r="T31" s="280">
        <v>0</v>
      </c>
      <c r="U31" s="280">
        <v>0</v>
      </c>
      <c r="V31" s="280">
        <v>0</v>
      </c>
      <c r="W31" s="277">
        <v>0</v>
      </c>
      <c r="X31" s="282">
        <v>0</v>
      </c>
      <c r="Y31" s="276">
        <v>0</v>
      </c>
      <c r="Z31" s="280">
        <v>2</v>
      </c>
      <c r="AA31" s="277">
        <v>2</v>
      </c>
      <c r="AB31" s="279">
        <v>0</v>
      </c>
      <c r="AC31" s="280">
        <v>2</v>
      </c>
      <c r="AD31" s="280">
        <v>2</v>
      </c>
      <c r="AE31" s="280">
        <v>4</v>
      </c>
      <c r="AF31" s="280">
        <v>1</v>
      </c>
      <c r="AG31" s="280">
        <v>0</v>
      </c>
      <c r="AH31" s="277">
        <v>9</v>
      </c>
      <c r="AI31" s="282">
        <v>11</v>
      </c>
      <c r="AJ31" s="276">
        <v>0</v>
      </c>
      <c r="AK31" s="280">
        <v>0</v>
      </c>
      <c r="AL31" s="277">
        <v>0</v>
      </c>
      <c r="AM31" s="279">
        <v>0</v>
      </c>
      <c r="AN31" s="280">
        <v>1</v>
      </c>
      <c r="AO31" s="280">
        <v>0</v>
      </c>
      <c r="AP31" s="280">
        <v>0</v>
      </c>
      <c r="AQ31" s="280">
        <v>1</v>
      </c>
      <c r="AR31" s="280">
        <v>0</v>
      </c>
      <c r="AS31" s="277">
        <v>2</v>
      </c>
      <c r="AT31" s="282">
        <v>2</v>
      </c>
      <c r="AU31" s="276">
        <v>0</v>
      </c>
      <c r="AV31" s="280">
        <v>0</v>
      </c>
      <c r="AW31" s="277">
        <v>0</v>
      </c>
      <c r="AX31" s="279">
        <v>0</v>
      </c>
      <c r="AY31" s="280">
        <v>3</v>
      </c>
      <c r="AZ31" s="280">
        <v>0</v>
      </c>
      <c r="BA31" s="280">
        <v>1</v>
      </c>
      <c r="BB31" s="280">
        <v>2</v>
      </c>
      <c r="BC31" s="280">
        <v>0</v>
      </c>
      <c r="BD31" s="281">
        <v>6</v>
      </c>
      <c r="BE31" s="282">
        <v>6</v>
      </c>
      <c r="BF31" s="276">
        <v>0</v>
      </c>
      <c r="BG31" s="280">
        <v>0</v>
      </c>
      <c r="BH31" s="277">
        <v>0</v>
      </c>
      <c r="BI31" s="279">
        <v>0</v>
      </c>
      <c r="BJ31" s="280">
        <v>2</v>
      </c>
      <c r="BK31" s="280">
        <v>1</v>
      </c>
      <c r="BL31" s="280">
        <v>1</v>
      </c>
      <c r="BM31" s="280">
        <v>1</v>
      </c>
      <c r="BN31" s="280">
        <v>0</v>
      </c>
      <c r="BO31" s="277">
        <v>5</v>
      </c>
      <c r="BP31" s="282">
        <v>5</v>
      </c>
      <c r="BQ31" s="276">
        <v>0</v>
      </c>
      <c r="BR31" s="280">
        <v>0</v>
      </c>
      <c r="BS31" s="277">
        <v>0</v>
      </c>
      <c r="BT31" s="279">
        <v>0</v>
      </c>
      <c r="BU31" s="280">
        <v>2</v>
      </c>
      <c r="BV31" s="280">
        <v>0</v>
      </c>
      <c r="BW31" s="280">
        <v>1</v>
      </c>
      <c r="BX31" s="280">
        <v>1</v>
      </c>
      <c r="BY31" s="280">
        <v>0</v>
      </c>
      <c r="BZ31" s="277">
        <v>4</v>
      </c>
      <c r="CA31" s="282">
        <v>4</v>
      </c>
      <c r="CB31" s="276">
        <v>0</v>
      </c>
      <c r="CC31" s="280">
        <v>0</v>
      </c>
      <c r="CD31" s="277">
        <v>0</v>
      </c>
      <c r="CE31" s="279">
        <v>0</v>
      </c>
      <c r="CF31" s="280">
        <v>0</v>
      </c>
      <c r="CG31" s="280">
        <v>0</v>
      </c>
      <c r="CH31" s="280">
        <v>1</v>
      </c>
      <c r="CI31" s="280">
        <v>0</v>
      </c>
      <c r="CJ31" s="280">
        <v>0</v>
      </c>
      <c r="CK31" s="277">
        <v>1</v>
      </c>
      <c r="CL31" s="282">
        <v>1</v>
      </c>
      <c r="CM31" s="276">
        <v>0</v>
      </c>
      <c r="CN31" s="280">
        <v>0</v>
      </c>
      <c r="CO31" s="277">
        <v>0</v>
      </c>
      <c r="CP31" s="279">
        <v>0</v>
      </c>
      <c r="CQ31" s="280">
        <v>1</v>
      </c>
      <c r="CR31" s="280">
        <v>0</v>
      </c>
      <c r="CS31" s="280">
        <v>0</v>
      </c>
      <c r="CT31" s="280">
        <v>0</v>
      </c>
      <c r="CU31" s="280">
        <v>0</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1</v>
      </c>
      <c r="DU31" s="280">
        <v>2</v>
      </c>
      <c r="DV31" s="277">
        <v>3</v>
      </c>
      <c r="DW31" s="279">
        <v>0</v>
      </c>
      <c r="DX31" s="280">
        <v>3</v>
      </c>
      <c r="DY31" s="280">
        <v>1</v>
      </c>
      <c r="DZ31" s="280">
        <v>6</v>
      </c>
      <c r="EA31" s="280">
        <v>3</v>
      </c>
      <c r="EB31" s="280">
        <v>0</v>
      </c>
      <c r="EC31" s="277">
        <v>13</v>
      </c>
      <c r="ED31" s="282">
        <v>16</v>
      </c>
      <c r="EE31" s="276">
        <v>0</v>
      </c>
      <c r="EF31" s="280">
        <v>0</v>
      </c>
      <c r="EG31" s="277">
        <v>0</v>
      </c>
      <c r="EH31" s="279">
        <v>0</v>
      </c>
      <c r="EI31" s="280">
        <v>2</v>
      </c>
      <c r="EJ31" s="280">
        <v>0</v>
      </c>
      <c r="EK31" s="280">
        <v>0</v>
      </c>
      <c r="EL31" s="280">
        <v>2</v>
      </c>
      <c r="EM31" s="280">
        <v>0</v>
      </c>
      <c r="EN31" s="277">
        <v>4</v>
      </c>
      <c r="EO31" s="282">
        <v>4</v>
      </c>
      <c r="EP31" s="276">
        <v>1</v>
      </c>
      <c r="EQ31" s="280">
        <v>4</v>
      </c>
      <c r="ER31" s="277">
        <v>5</v>
      </c>
      <c r="ES31" s="279">
        <v>0</v>
      </c>
      <c r="ET31" s="280">
        <v>6</v>
      </c>
      <c r="EU31" s="280">
        <v>2</v>
      </c>
      <c r="EV31" s="280">
        <v>5</v>
      </c>
      <c r="EW31" s="280">
        <v>3</v>
      </c>
      <c r="EX31" s="280">
        <v>0</v>
      </c>
      <c r="EY31" s="277">
        <v>16</v>
      </c>
      <c r="EZ31" s="282">
        <v>21</v>
      </c>
    </row>
    <row r="32" spans="2:156" ht="21" customHeight="1" x14ac:dyDescent="0.2">
      <c r="B32" s="261" t="s">
        <v>30</v>
      </c>
      <c r="C32" s="276">
        <v>0</v>
      </c>
      <c r="D32" s="280">
        <v>0</v>
      </c>
      <c r="E32" s="376">
        <v>0</v>
      </c>
      <c r="F32" s="279">
        <v>0</v>
      </c>
      <c r="G32" s="280">
        <v>1</v>
      </c>
      <c r="H32" s="280">
        <v>0</v>
      </c>
      <c r="I32" s="280">
        <v>2</v>
      </c>
      <c r="J32" s="280">
        <v>2</v>
      </c>
      <c r="K32" s="280">
        <v>0</v>
      </c>
      <c r="L32" s="281">
        <v>5</v>
      </c>
      <c r="M32" s="282">
        <v>5</v>
      </c>
      <c r="N32" s="276">
        <v>0</v>
      </c>
      <c r="O32" s="280">
        <v>0</v>
      </c>
      <c r="P32" s="277">
        <v>0</v>
      </c>
      <c r="Q32" s="279">
        <v>0</v>
      </c>
      <c r="R32" s="280">
        <v>1</v>
      </c>
      <c r="S32" s="280">
        <v>0</v>
      </c>
      <c r="T32" s="280">
        <v>0</v>
      </c>
      <c r="U32" s="280">
        <v>1</v>
      </c>
      <c r="V32" s="280">
        <v>0</v>
      </c>
      <c r="W32" s="277">
        <v>2</v>
      </c>
      <c r="X32" s="282">
        <v>2</v>
      </c>
      <c r="Y32" s="276">
        <v>0</v>
      </c>
      <c r="Z32" s="280">
        <v>0</v>
      </c>
      <c r="AA32" s="277">
        <v>0</v>
      </c>
      <c r="AB32" s="279">
        <v>0</v>
      </c>
      <c r="AC32" s="280">
        <v>1</v>
      </c>
      <c r="AD32" s="280">
        <v>1</v>
      </c>
      <c r="AE32" s="280">
        <v>1</v>
      </c>
      <c r="AF32" s="280">
        <v>1</v>
      </c>
      <c r="AG32" s="280">
        <v>0</v>
      </c>
      <c r="AH32" s="277">
        <v>4</v>
      </c>
      <c r="AI32" s="282">
        <v>4</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1</v>
      </c>
      <c r="BA32" s="280">
        <v>2</v>
      </c>
      <c r="BB32" s="280">
        <v>0</v>
      </c>
      <c r="BC32" s="280">
        <v>0</v>
      </c>
      <c r="BD32" s="281">
        <v>5</v>
      </c>
      <c r="BE32" s="282">
        <v>5</v>
      </c>
      <c r="BF32" s="276">
        <v>0</v>
      </c>
      <c r="BG32" s="280">
        <v>0</v>
      </c>
      <c r="BH32" s="277">
        <v>0</v>
      </c>
      <c r="BI32" s="279">
        <v>0</v>
      </c>
      <c r="BJ32" s="280">
        <v>1</v>
      </c>
      <c r="BK32" s="280">
        <v>3</v>
      </c>
      <c r="BL32" s="280">
        <v>0</v>
      </c>
      <c r="BM32" s="280">
        <v>0</v>
      </c>
      <c r="BN32" s="280">
        <v>0</v>
      </c>
      <c r="BO32" s="277">
        <v>4</v>
      </c>
      <c r="BP32" s="282">
        <v>4</v>
      </c>
      <c r="BQ32" s="276">
        <v>0</v>
      </c>
      <c r="BR32" s="280">
        <v>0</v>
      </c>
      <c r="BS32" s="277">
        <v>0</v>
      </c>
      <c r="BT32" s="279">
        <v>0</v>
      </c>
      <c r="BU32" s="280">
        <v>0</v>
      </c>
      <c r="BV32" s="280">
        <v>1</v>
      </c>
      <c r="BW32" s="280">
        <v>0</v>
      </c>
      <c r="BX32" s="280">
        <v>1</v>
      </c>
      <c r="BY32" s="280">
        <v>0</v>
      </c>
      <c r="BZ32" s="277">
        <v>2</v>
      </c>
      <c r="CA32" s="282">
        <v>2</v>
      </c>
      <c r="CB32" s="276">
        <v>0</v>
      </c>
      <c r="CC32" s="280">
        <v>0</v>
      </c>
      <c r="CD32" s="277">
        <v>0</v>
      </c>
      <c r="CE32" s="279">
        <v>0</v>
      </c>
      <c r="CF32" s="280">
        <v>0</v>
      </c>
      <c r="CG32" s="280">
        <v>1</v>
      </c>
      <c r="CH32" s="280">
        <v>0</v>
      </c>
      <c r="CI32" s="280">
        <v>0</v>
      </c>
      <c r="CJ32" s="280">
        <v>0</v>
      </c>
      <c r="CK32" s="277">
        <v>1</v>
      </c>
      <c r="CL32" s="282">
        <v>1</v>
      </c>
      <c r="CM32" s="276">
        <v>0</v>
      </c>
      <c r="CN32" s="280">
        <v>0</v>
      </c>
      <c r="CO32" s="277">
        <v>0</v>
      </c>
      <c r="CP32" s="279">
        <v>0</v>
      </c>
      <c r="CQ32" s="280">
        <v>0</v>
      </c>
      <c r="CR32" s="280">
        <v>1</v>
      </c>
      <c r="CS32" s="280">
        <v>0</v>
      </c>
      <c r="CT32" s="280">
        <v>0</v>
      </c>
      <c r="CU32" s="280">
        <v>0</v>
      </c>
      <c r="CV32" s="277">
        <v>1</v>
      </c>
      <c r="CW32" s="282">
        <v>1</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v>
      </c>
      <c r="DU32" s="280">
        <v>0</v>
      </c>
      <c r="DV32" s="277">
        <v>3</v>
      </c>
      <c r="DW32" s="279">
        <v>0</v>
      </c>
      <c r="DX32" s="280">
        <v>2</v>
      </c>
      <c r="DY32" s="280">
        <v>4</v>
      </c>
      <c r="DZ32" s="280">
        <v>2</v>
      </c>
      <c r="EA32" s="280">
        <v>3</v>
      </c>
      <c r="EB32" s="280">
        <v>0</v>
      </c>
      <c r="EC32" s="277">
        <v>11</v>
      </c>
      <c r="ED32" s="282">
        <v>14</v>
      </c>
      <c r="EE32" s="276">
        <v>0</v>
      </c>
      <c r="EF32" s="280">
        <v>0</v>
      </c>
      <c r="EG32" s="277">
        <v>0</v>
      </c>
      <c r="EH32" s="279">
        <v>0</v>
      </c>
      <c r="EI32" s="280">
        <v>2</v>
      </c>
      <c r="EJ32" s="280">
        <v>2</v>
      </c>
      <c r="EK32" s="280">
        <v>1</v>
      </c>
      <c r="EL32" s="280">
        <v>0</v>
      </c>
      <c r="EM32" s="280">
        <v>0</v>
      </c>
      <c r="EN32" s="277">
        <v>5</v>
      </c>
      <c r="EO32" s="282">
        <v>5</v>
      </c>
      <c r="EP32" s="276">
        <v>3</v>
      </c>
      <c r="EQ32" s="280">
        <v>0</v>
      </c>
      <c r="ER32" s="277">
        <v>3</v>
      </c>
      <c r="ES32" s="279">
        <v>0</v>
      </c>
      <c r="ET32" s="280">
        <v>4</v>
      </c>
      <c r="EU32" s="280">
        <v>5</v>
      </c>
      <c r="EV32" s="280">
        <v>2</v>
      </c>
      <c r="EW32" s="280">
        <v>3</v>
      </c>
      <c r="EX32" s="280">
        <v>0</v>
      </c>
      <c r="EY32" s="277">
        <v>14</v>
      </c>
      <c r="EZ32" s="282">
        <v>17</v>
      </c>
    </row>
    <row r="33" spans="2:156" ht="21" customHeight="1" x14ac:dyDescent="0.2">
      <c r="B33" s="261" t="s">
        <v>31</v>
      </c>
      <c r="C33" s="276">
        <v>0</v>
      </c>
      <c r="D33" s="280">
        <v>0</v>
      </c>
      <c r="E33" s="376">
        <v>0</v>
      </c>
      <c r="F33" s="279">
        <v>0</v>
      </c>
      <c r="G33" s="280">
        <v>0</v>
      </c>
      <c r="H33" s="280">
        <v>0</v>
      </c>
      <c r="I33" s="280">
        <v>1</v>
      </c>
      <c r="J33" s="280">
        <v>1</v>
      </c>
      <c r="K33" s="280">
        <v>0</v>
      </c>
      <c r="L33" s="281">
        <v>2</v>
      </c>
      <c r="M33" s="282">
        <v>2</v>
      </c>
      <c r="N33" s="276">
        <v>0</v>
      </c>
      <c r="O33" s="280">
        <v>0</v>
      </c>
      <c r="P33" s="277">
        <v>0</v>
      </c>
      <c r="Q33" s="279">
        <v>0</v>
      </c>
      <c r="R33" s="280">
        <v>0</v>
      </c>
      <c r="S33" s="280">
        <v>0</v>
      </c>
      <c r="T33" s="280">
        <v>0</v>
      </c>
      <c r="U33" s="280">
        <v>0</v>
      </c>
      <c r="V33" s="280">
        <v>1</v>
      </c>
      <c r="W33" s="277">
        <v>1</v>
      </c>
      <c r="X33" s="282">
        <v>1</v>
      </c>
      <c r="Y33" s="276">
        <v>0</v>
      </c>
      <c r="Z33" s="280">
        <v>0</v>
      </c>
      <c r="AA33" s="277">
        <v>0</v>
      </c>
      <c r="AB33" s="279">
        <v>0</v>
      </c>
      <c r="AC33" s="280">
        <v>1</v>
      </c>
      <c r="AD33" s="280">
        <v>2</v>
      </c>
      <c r="AE33" s="280">
        <v>2</v>
      </c>
      <c r="AF33" s="280">
        <v>3</v>
      </c>
      <c r="AG33" s="280">
        <v>1</v>
      </c>
      <c r="AH33" s="277">
        <v>9</v>
      </c>
      <c r="AI33" s="282">
        <v>9</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1</v>
      </c>
      <c r="AZ33" s="280">
        <v>1</v>
      </c>
      <c r="BA33" s="280">
        <v>0</v>
      </c>
      <c r="BB33" s="280">
        <v>1</v>
      </c>
      <c r="BC33" s="280">
        <v>1</v>
      </c>
      <c r="BD33" s="281">
        <v>4</v>
      </c>
      <c r="BE33" s="282">
        <v>4</v>
      </c>
      <c r="BF33" s="276">
        <v>0</v>
      </c>
      <c r="BG33" s="280">
        <v>0</v>
      </c>
      <c r="BH33" s="277">
        <v>0</v>
      </c>
      <c r="BI33" s="279">
        <v>0</v>
      </c>
      <c r="BJ33" s="280">
        <v>1</v>
      </c>
      <c r="BK33" s="280">
        <v>2</v>
      </c>
      <c r="BL33" s="280">
        <v>1</v>
      </c>
      <c r="BM33" s="280">
        <v>2</v>
      </c>
      <c r="BN33" s="280">
        <v>0</v>
      </c>
      <c r="BO33" s="277">
        <v>6</v>
      </c>
      <c r="BP33" s="282">
        <v>6</v>
      </c>
      <c r="BQ33" s="276">
        <v>0</v>
      </c>
      <c r="BR33" s="280">
        <v>0</v>
      </c>
      <c r="BS33" s="277">
        <v>0</v>
      </c>
      <c r="BT33" s="279">
        <v>0</v>
      </c>
      <c r="BU33" s="280">
        <v>0</v>
      </c>
      <c r="BV33" s="280">
        <v>1</v>
      </c>
      <c r="BW33" s="280">
        <v>0</v>
      </c>
      <c r="BX33" s="280">
        <v>0</v>
      </c>
      <c r="BY33" s="280">
        <v>0</v>
      </c>
      <c r="BZ33" s="277">
        <v>1</v>
      </c>
      <c r="CA33" s="282">
        <v>1</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0</v>
      </c>
      <c r="DV33" s="277">
        <v>2</v>
      </c>
      <c r="DW33" s="279">
        <v>0</v>
      </c>
      <c r="DX33" s="280">
        <v>3</v>
      </c>
      <c r="DY33" s="280">
        <v>2</v>
      </c>
      <c r="DZ33" s="280">
        <v>1</v>
      </c>
      <c r="EA33" s="280">
        <v>3</v>
      </c>
      <c r="EB33" s="280">
        <v>1</v>
      </c>
      <c r="EC33" s="277">
        <v>10</v>
      </c>
      <c r="ED33" s="282">
        <v>12</v>
      </c>
      <c r="EE33" s="276">
        <v>0</v>
      </c>
      <c r="EF33" s="280">
        <v>0</v>
      </c>
      <c r="EG33" s="277">
        <v>0</v>
      </c>
      <c r="EH33" s="279">
        <v>0</v>
      </c>
      <c r="EI33" s="280">
        <v>1</v>
      </c>
      <c r="EJ33" s="280">
        <v>0</v>
      </c>
      <c r="EK33" s="280">
        <v>0</v>
      </c>
      <c r="EL33" s="280">
        <v>0</v>
      </c>
      <c r="EM33" s="280">
        <v>0</v>
      </c>
      <c r="EN33" s="277">
        <v>1</v>
      </c>
      <c r="EO33" s="282">
        <v>1</v>
      </c>
      <c r="EP33" s="276">
        <v>2</v>
      </c>
      <c r="EQ33" s="280">
        <v>0</v>
      </c>
      <c r="ER33" s="277">
        <v>2</v>
      </c>
      <c r="ES33" s="279">
        <v>0</v>
      </c>
      <c r="ET33" s="280">
        <v>6</v>
      </c>
      <c r="EU33" s="280">
        <v>4</v>
      </c>
      <c r="EV33" s="280">
        <v>3</v>
      </c>
      <c r="EW33" s="280">
        <v>3</v>
      </c>
      <c r="EX33" s="280">
        <v>1</v>
      </c>
      <c r="EY33" s="277">
        <v>17</v>
      </c>
      <c r="EZ33" s="282">
        <v>19</v>
      </c>
    </row>
    <row r="34" spans="2:156" ht="21" customHeight="1" x14ac:dyDescent="0.2">
      <c r="B34" s="261" t="s">
        <v>32</v>
      </c>
      <c r="C34" s="276">
        <v>0</v>
      </c>
      <c r="D34" s="280">
        <v>0</v>
      </c>
      <c r="E34" s="376">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3</v>
      </c>
      <c r="AE34" s="280">
        <v>0</v>
      </c>
      <c r="AF34" s="280">
        <v>0</v>
      </c>
      <c r="AG34" s="280">
        <v>0</v>
      </c>
      <c r="AH34" s="277">
        <v>3</v>
      </c>
      <c r="AI34" s="282">
        <v>3</v>
      </c>
      <c r="AJ34" s="276">
        <v>0</v>
      </c>
      <c r="AK34" s="280">
        <v>0</v>
      </c>
      <c r="AL34" s="277">
        <v>0</v>
      </c>
      <c r="AM34" s="279">
        <v>0</v>
      </c>
      <c r="AN34" s="280">
        <v>0</v>
      </c>
      <c r="AO34" s="280">
        <v>1</v>
      </c>
      <c r="AP34" s="280">
        <v>0</v>
      </c>
      <c r="AQ34" s="280">
        <v>1</v>
      </c>
      <c r="AR34" s="280">
        <v>0</v>
      </c>
      <c r="AS34" s="277">
        <v>2</v>
      </c>
      <c r="AT34" s="282">
        <v>2</v>
      </c>
      <c r="AU34" s="276">
        <v>0</v>
      </c>
      <c r="AV34" s="280">
        <v>0</v>
      </c>
      <c r="AW34" s="277">
        <v>0</v>
      </c>
      <c r="AX34" s="279">
        <v>0</v>
      </c>
      <c r="AY34" s="280">
        <v>0</v>
      </c>
      <c r="AZ34" s="280">
        <v>1</v>
      </c>
      <c r="BA34" s="280">
        <v>2</v>
      </c>
      <c r="BB34" s="280">
        <v>2</v>
      </c>
      <c r="BC34" s="280">
        <v>2</v>
      </c>
      <c r="BD34" s="281">
        <v>7</v>
      </c>
      <c r="BE34" s="282">
        <v>7</v>
      </c>
      <c r="BF34" s="276">
        <v>0</v>
      </c>
      <c r="BG34" s="280">
        <v>0</v>
      </c>
      <c r="BH34" s="277">
        <v>0</v>
      </c>
      <c r="BI34" s="279">
        <v>0</v>
      </c>
      <c r="BJ34" s="280">
        <v>2</v>
      </c>
      <c r="BK34" s="280">
        <v>1</v>
      </c>
      <c r="BL34" s="280">
        <v>1</v>
      </c>
      <c r="BM34" s="280">
        <v>0</v>
      </c>
      <c r="BN34" s="280">
        <v>0</v>
      </c>
      <c r="BO34" s="277">
        <v>4</v>
      </c>
      <c r="BP34" s="282">
        <v>4</v>
      </c>
      <c r="BQ34" s="276">
        <v>0</v>
      </c>
      <c r="BR34" s="280">
        <v>0</v>
      </c>
      <c r="BS34" s="277">
        <v>0</v>
      </c>
      <c r="BT34" s="279">
        <v>0</v>
      </c>
      <c r="BU34" s="280">
        <v>0</v>
      </c>
      <c r="BV34" s="280">
        <v>0</v>
      </c>
      <c r="BW34" s="280">
        <v>1</v>
      </c>
      <c r="BX34" s="280">
        <v>1</v>
      </c>
      <c r="BY34" s="280">
        <v>0</v>
      </c>
      <c r="BZ34" s="277">
        <v>2</v>
      </c>
      <c r="CA34" s="282">
        <v>2</v>
      </c>
      <c r="CB34" s="276">
        <v>0</v>
      </c>
      <c r="CC34" s="280">
        <v>0</v>
      </c>
      <c r="CD34" s="277">
        <v>0</v>
      </c>
      <c r="CE34" s="279">
        <v>0</v>
      </c>
      <c r="CF34" s="280">
        <v>0</v>
      </c>
      <c r="CG34" s="280">
        <v>0</v>
      </c>
      <c r="CH34" s="280">
        <v>1</v>
      </c>
      <c r="CI34" s="280">
        <v>0</v>
      </c>
      <c r="CJ34" s="280">
        <v>0</v>
      </c>
      <c r="CK34" s="277">
        <v>1</v>
      </c>
      <c r="CL34" s="282">
        <v>1</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v>
      </c>
      <c r="DU34" s="280">
        <v>0</v>
      </c>
      <c r="DV34" s="277">
        <v>1</v>
      </c>
      <c r="DW34" s="279">
        <v>0</v>
      </c>
      <c r="DX34" s="280">
        <v>2</v>
      </c>
      <c r="DY34" s="280">
        <v>4</v>
      </c>
      <c r="DZ34" s="280">
        <v>2</v>
      </c>
      <c r="EA34" s="280">
        <v>2</v>
      </c>
      <c r="EB34" s="280">
        <v>0</v>
      </c>
      <c r="EC34" s="277">
        <v>10</v>
      </c>
      <c r="ED34" s="282">
        <v>11</v>
      </c>
      <c r="EE34" s="276">
        <v>0</v>
      </c>
      <c r="EF34" s="280">
        <v>0</v>
      </c>
      <c r="EG34" s="277">
        <v>0</v>
      </c>
      <c r="EH34" s="279">
        <v>0</v>
      </c>
      <c r="EI34" s="280">
        <v>1</v>
      </c>
      <c r="EJ34" s="280">
        <v>1</v>
      </c>
      <c r="EK34" s="280">
        <v>1</v>
      </c>
      <c r="EL34" s="280">
        <v>0</v>
      </c>
      <c r="EM34" s="280">
        <v>1</v>
      </c>
      <c r="EN34" s="277">
        <v>4</v>
      </c>
      <c r="EO34" s="282">
        <v>4</v>
      </c>
      <c r="EP34" s="276">
        <v>3</v>
      </c>
      <c r="EQ34" s="280">
        <v>0</v>
      </c>
      <c r="ER34" s="277">
        <v>3</v>
      </c>
      <c r="ES34" s="279">
        <v>0</v>
      </c>
      <c r="ET34" s="280">
        <v>8</v>
      </c>
      <c r="EU34" s="280">
        <v>5</v>
      </c>
      <c r="EV34" s="280">
        <v>4</v>
      </c>
      <c r="EW34" s="280">
        <v>2</v>
      </c>
      <c r="EX34" s="280">
        <v>0</v>
      </c>
      <c r="EY34" s="277">
        <v>19</v>
      </c>
      <c r="EZ34" s="282">
        <v>22</v>
      </c>
    </row>
    <row r="35" spans="2:156" ht="21" customHeight="1" x14ac:dyDescent="0.2">
      <c r="B35" s="261" t="s">
        <v>33</v>
      </c>
      <c r="C35" s="276">
        <v>0</v>
      </c>
      <c r="D35" s="280">
        <v>0</v>
      </c>
      <c r="E35" s="376">
        <v>0</v>
      </c>
      <c r="F35" s="279">
        <v>0</v>
      </c>
      <c r="G35" s="280">
        <v>2</v>
      </c>
      <c r="H35" s="280">
        <v>0</v>
      </c>
      <c r="I35" s="280">
        <v>1</v>
      </c>
      <c r="J35" s="280">
        <v>0</v>
      </c>
      <c r="K35" s="280">
        <v>1</v>
      </c>
      <c r="L35" s="281">
        <v>4</v>
      </c>
      <c r="M35" s="282">
        <v>4</v>
      </c>
      <c r="N35" s="276">
        <v>0</v>
      </c>
      <c r="O35" s="280">
        <v>0</v>
      </c>
      <c r="P35" s="277">
        <v>0</v>
      </c>
      <c r="Q35" s="279">
        <v>0</v>
      </c>
      <c r="R35" s="280">
        <v>0</v>
      </c>
      <c r="S35" s="280">
        <v>0</v>
      </c>
      <c r="T35" s="280">
        <v>1</v>
      </c>
      <c r="U35" s="280">
        <v>0</v>
      </c>
      <c r="V35" s="280">
        <v>0</v>
      </c>
      <c r="W35" s="277">
        <v>1</v>
      </c>
      <c r="X35" s="282">
        <v>1</v>
      </c>
      <c r="Y35" s="276">
        <v>0</v>
      </c>
      <c r="Z35" s="280">
        <v>0</v>
      </c>
      <c r="AA35" s="277">
        <v>0</v>
      </c>
      <c r="AB35" s="279">
        <v>0</v>
      </c>
      <c r="AC35" s="280">
        <v>0</v>
      </c>
      <c r="AD35" s="280">
        <v>1</v>
      </c>
      <c r="AE35" s="280">
        <v>2</v>
      </c>
      <c r="AF35" s="280">
        <v>0</v>
      </c>
      <c r="AG35" s="280">
        <v>0</v>
      </c>
      <c r="AH35" s="277">
        <v>3</v>
      </c>
      <c r="AI35" s="282">
        <v>3</v>
      </c>
      <c r="AJ35" s="276">
        <v>0</v>
      </c>
      <c r="AK35" s="280">
        <v>0</v>
      </c>
      <c r="AL35" s="277">
        <v>0</v>
      </c>
      <c r="AM35" s="279">
        <v>0</v>
      </c>
      <c r="AN35" s="280">
        <v>3</v>
      </c>
      <c r="AO35" s="280">
        <v>2</v>
      </c>
      <c r="AP35" s="280">
        <v>3</v>
      </c>
      <c r="AQ35" s="280">
        <v>0</v>
      </c>
      <c r="AR35" s="280">
        <v>0</v>
      </c>
      <c r="AS35" s="277">
        <v>8</v>
      </c>
      <c r="AT35" s="282">
        <v>8</v>
      </c>
      <c r="AU35" s="276">
        <v>1</v>
      </c>
      <c r="AV35" s="280">
        <v>0</v>
      </c>
      <c r="AW35" s="277">
        <v>1</v>
      </c>
      <c r="AX35" s="279">
        <v>0</v>
      </c>
      <c r="AY35" s="280">
        <v>1</v>
      </c>
      <c r="AZ35" s="280">
        <v>0</v>
      </c>
      <c r="BA35" s="280">
        <v>3</v>
      </c>
      <c r="BB35" s="280">
        <v>0</v>
      </c>
      <c r="BC35" s="280">
        <v>1</v>
      </c>
      <c r="BD35" s="281">
        <v>5</v>
      </c>
      <c r="BE35" s="282">
        <v>6</v>
      </c>
      <c r="BF35" s="276">
        <v>0</v>
      </c>
      <c r="BG35" s="280">
        <v>0</v>
      </c>
      <c r="BH35" s="277">
        <v>0</v>
      </c>
      <c r="BI35" s="279">
        <v>0</v>
      </c>
      <c r="BJ35" s="280">
        <v>2</v>
      </c>
      <c r="BK35" s="280">
        <v>0</v>
      </c>
      <c r="BL35" s="280">
        <v>0</v>
      </c>
      <c r="BM35" s="280">
        <v>0</v>
      </c>
      <c r="BN35" s="280">
        <v>1</v>
      </c>
      <c r="BO35" s="277">
        <v>3</v>
      </c>
      <c r="BP35" s="282">
        <v>3</v>
      </c>
      <c r="BQ35" s="276">
        <v>0</v>
      </c>
      <c r="BR35" s="280">
        <v>0</v>
      </c>
      <c r="BS35" s="277">
        <v>0</v>
      </c>
      <c r="BT35" s="279">
        <v>0</v>
      </c>
      <c r="BU35" s="280">
        <v>3</v>
      </c>
      <c r="BV35" s="280">
        <v>0</v>
      </c>
      <c r="BW35" s="280">
        <v>2</v>
      </c>
      <c r="BX35" s="280">
        <v>0</v>
      </c>
      <c r="BY35" s="280">
        <v>0</v>
      </c>
      <c r="BZ35" s="277">
        <v>5</v>
      </c>
      <c r="CA35" s="282">
        <v>5</v>
      </c>
      <c r="CB35" s="276">
        <v>0</v>
      </c>
      <c r="CC35" s="280">
        <v>0</v>
      </c>
      <c r="CD35" s="277">
        <v>0</v>
      </c>
      <c r="CE35" s="279">
        <v>0</v>
      </c>
      <c r="CF35" s="280">
        <v>0</v>
      </c>
      <c r="CG35" s="280">
        <v>0</v>
      </c>
      <c r="CH35" s="280">
        <v>1</v>
      </c>
      <c r="CI35" s="280">
        <v>0</v>
      </c>
      <c r="CJ35" s="280">
        <v>0</v>
      </c>
      <c r="CK35" s="277">
        <v>1</v>
      </c>
      <c r="CL35" s="282">
        <v>1</v>
      </c>
      <c r="CM35" s="276">
        <v>0</v>
      </c>
      <c r="CN35" s="280">
        <v>0</v>
      </c>
      <c r="CO35" s="277">
        <v>0</v>
      </c>
      <c r="CP35" s="279">
        <v>0</v>
      </c>
      <c r="CQ35" s="280">
        <v>1</v>
      </c>
      <c r="CR35" s="280">
        <v>0</v>
      </c>
      <c r="CS35" s="280">
        <v>1</v>
      </c>
      <c r="CT35" s="280">
        <v>0</v>
      </c>
      <c r="CU35" s="280">
        <v>0</v>
      </c>
      <c r="CV35" s="277">
        <v>2</v>
      </c>
      <c r="CW35" s="282">
        <v>2</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0</v>
      </c>
      <c r="DU35" s="280">
        <v>1</v>
      </c>
      <c r="DV35" s="277">
        <v>1</v>
      </c>
      <c r="DW35" s="279">
        <v>0</v>
      </c>
      <c r="DX35" s="280">
        <v>2</v>
      </c>
      <c r="DY35" s="280">
        <v>2</v>
      </c>
      <c r="DZ35" s="280">
        <v>3</v>
      </c>
      <c r="EA35" s="280">
        <v>0</v>
      </c>
      <c r="EB35" s="280">
        <v>2</v>
      </c>
      <c r="EC35" s="277">
        <v>9</v>
      </c>
      <c r="ED35" s="282">
        <v>10</v>
      </c>
      <c r="EE35" s="276">
        <v>1</v>
      </c>
      <c r="EF35" s="280">
        <v>0</v>
      </c>
      <c r="EG35" s="277">
        <v>1</v>
      </c>
      <c r="EH35" s="279">
        <v>0</v>
      </c>
      <c r="EI35" s="280">
        <v>1</v>
      </c>
      <c r="EJ35" s="280">
        <v>0</v>
      </c>
      <c r="EK35" s="280">
        <v>2</v>
      </c>
      <c r="EL35" s="280">
        <v>1</v>
      </c>
      <c r="EM35" s="280">
        <v>0</v>
      </c>
      <c r="EN35" s="277">
        <v>4</v>
      </c>
      <c r="EO35" s="282">
        <v>5</v>
      </c>
      <c r="EP35" s="276">
        <v>1</v>
      </c>
      <c r="EQ35" s="280">
        <v>1</v>
      </c>
      <c r="ER35" s="277">
        <v>2</v>
      </c>
      <c r="ES35" s="279">
        <v>0</v>
      </c>
      <c r="ET35" s="280">
        <v>6</v>
      </c>
      <c r="EU35" s="280">
        <v>2</v>
      </c>
      <c r="EV35" s="280">
        <v>5</v>
      </c>
      <c r="EW35" s="280">
        <v>1</v>
      </c>
      <c r="EX35" s="280">
        <v>1</v>
      </c>
      <c r="EY35" s="277">
        <v>15</v>
      </c>
      <c r="EZ35" s="282">
        <v>17</v>
      </c>
    </row>
    <row r="36" spans="2:156" ht="21" customHeight="1" x14ac:dyDescent="0.2">
      <c r="B36" s="261" t="s">
        <v>34</v>
      </c>
      <c r="C36" s="276">
        <v>0</v>
      </c>
      <c r="D36" s="280">
        <v>0</v>
      </c>
      <c r="E36" s="376">
        <v>0</v>
      </c>
      <c r="F36" s="279">
        <v>0</v>
      </c>
      <c r="G36" s="280">
        <v>1</v>
      </c>
      <c r="H36" s="280">
        <v>0</v>
      </c>
      <c r="I36" s="280">
        <v>0</v>
      </c>
      <c r="J36" s="280">
        <v>0</v>
      </c>
      <c r="K36" s="280">
        <v>0</v>
      </c>
      <c r="L36" s="281">
        <v>1</v>
      </c>
      <c r="M36" s="282">
        <v>1</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2</v>
      </c>
      <c r="AZ36" s="280">
        <v>1</v>
      </c>
      <c r="BA36" s="280">
        <v>1</v>
      </c>
      <c r="BB36" s="280">
        <v>0</v>
      </c>
      <c r="BC36" s="280">
        <v>1</v>
      </c>
      <c r="BD36" s="281">
        <v>5</v>
      </c>
      <c r="BE36" s="282">
        <v>5</v>
      </c>
      <c r="BF36" s="276">
        <v>0</v>
      </c>
      <c r="BG36" s="280">
        <v>0</v>
      </c>
      <c r="BH36" s="277">
        <v>0</v>
      </c>
      <c r="BI36" s="279">
        <v>0</v>
      </c>
      <c r="BJ36" s="280">
        <v>0</v>
      </c>
      <c r="BK36" s="280">
        <v>1</v>
      </c>
      <c r="BL36" s="280">
        <v>1</v>
      </c>
      <c r="BM36" s="280">
        <v>0</v>
      </c>
      <c r="BN36" s="280">
        <v>0</v>
      </c>
      <c r="BO36" s="277">
        <v>2</v>
      </c>
      <c r="BP36" s="282">
        <v>2</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1</v>
      </c>
      <c r="DY36" s="280">
        <v>1</v>
      </c>
      <c r="DZ36" s="280">
        <v>0</v>
      </c>
      <c r="EA36" s="280">
        <v>0</v>
      </c>
      <c r="EB36" s="280">
        <v>1</v>
      </c>
      <c r="EC36" s="277">
        <v>3</v>
      </c>
      <c r="ED36" s="282">
        <v>3</v>
      </c>
      <c r="EE36" s="276">
        <v>0</v>
      </c>
      <c r="EF36" s="280">
        <v>0</v>
      </c>
      <c r="EG36" s="277">
        <v>0</v>
      </c>
      <c r="EH36" s="279">
        <v>0</v>
      </c>
      <c r="EI36" s="280">
        <v>0</v>
      </c>
      <c r="EJ36" s="280">
        <v>0</v>
      </c>
      <c r="EK36" s="280">
        <v>1</v>
      </c>
      <c r="EL36" s="280">
        <v>0</v>
      </c>
      <c r="EM36" s="280">
        <v>0</v>
      </c>
      <c r="EN36" s="277">
        <v>1</v>
      </c>
      <c r="EO36" s="282">
        <v>1</v>
      </c>
      <c r="EP36" s="276">
        <v>0</v>
      </c>
      <c r="EQ36" s="280">
        <v>0</v>
      </c>
      <c r="ER36" s="277">
        <v>0</v>
      </c>
      <c r="ES36" s="279">
        <v>0</v>
      </c>
      <c r="ET36" s="280">
        <v>1</v>
      </c>
      <c r="EU36" s="280">
        <v>2</v>
      </c>
      <c r="EV36" s="280">
        <v>1</v>
      </c>
      <c r="EW36" s="280">
        <v>0</v>
      </c>
      <c r="EX36" s="280">
        <v>0</v>
      </c>
      <c r="EY36" s="277">
        <v>4</v>
      </c>
      <c r="EZ36" s="282">
        <v>4</v>
      </c>
    </row>
    <row r="37" spans="2:156" ht="21" customHeight="1" x14ac:dyDescent="0.2">
      <c r="B37" s="261" t="s">
        <v>35</v>
      </c>
      <c r="C37" s="276">
        <v>0</v>
      </c>
      <c r="D37" s="280">
        <v>0</v>
      </c>
      <c r="E37" s="376">
        <v>0</v>
      </c>
      <c r="F37" s="279">
        <v>0</v>
      </c>
      <c r="G37" s="280">
        <v>4</v>
      </c>
      <c r="H37" s="280">
        <v>2</v>
      </c>
      <c r="I37" s="280">
        <v>2</v>
      </c>
      <c r="J37" s="280">
        <v>4</v>
      </c>
      <c r="K37" s="280">
        <v>0</v>
      </c>
      <c r="L37" s="281">
        <v>12</v>
      </c>
      <c r="M37" s="282">
        <v>12</v>
      </c>
      <c r="N37" s="276">
        <v>0</v>
      </c>
      <c r="O37" s="280">
        <v>0</v>
      </c>
      <c r="P37" s="277">
        <v>0</v>
      </c>
      <c r="Q37" s="279">
        <v>0</v>
      </c>
      <c r="R37" s="280">
        <v>1</v>
      </c>
      <c r="S37" s="280">
        <v>0</v>
      </c>
      <c r="T37" s="280">
        <v>0</v>
      </c>
      <c r="U37" s="280">
        <v>1</v>
      </c>
      <c r="V37" s="280">
        <v>0</v>
      </c>
      <c r="W37" s="277">
        <v>2</v>
      </c>
      <c r="X37" s="282">
        <v>2</v>
      </c>
      <c r="Y37" s="276">
        <v>1</v>
      </c>
      <c r="Z37" s="280">
        <v>2</v>
      </c>
      <c r="AA37" s="277">
        <v>3</v>
      </c>
      <c r="AB37" s="279">
        <v>0</v>
      </c>
      <c r="AC37" s="280">
        <v>3</v>
      </c>
      <c r="AD37" s="280">
        <v>1</v>
      </c>
      <c r="AE37" s="280">
        <v>2</v>
      </c>
      <c r="AF37" s="280">
        <v>3</v>
      </c>
      <c r="AG37" s="280">
        <v>0</v>
      </c>
      <c r="AH37" s="277">
        <v>9</v>
      </c>
      <c r="AI37" s="282">
        <v>12</v>
      </c>
      <c r="AJ37" s="276">
        <v>0</v>
      </c>
      <c r="AK37" s="280">
        <v>0</v>
      </c>
      <c r="AL37" s="277">
        <v>0</v>
      </c>
      <c r="AM37" s="279">
        <v>0</v>
      </c>
      <c r="AN37" s="280">
        <v>4</v>
      </c>
      <c r="AO37" s="280">
        <v>0</v>
      </c>
      <c r="AP37" s="280">
        <v>0</v>
      </c>
      <c r="AQ37" s="280">
        <v>0</v>
      </c>
      <c r="AR37" s="280">
        <v>0</v>
      </c>
      <c r="AS37" s="277">
        <v>4</v>
      </c>
      <c r="AT37" s="282">
        <v>4</v>
      </c>
      <c r="AU37" s="276">
        <v>4</v>
      </c>
      <c r="AV37" s="280">
        <v>2</v>
      </c>
      <c r="AW37" s="277">
        <v>6</v>
      </c>
      <c r="AX37" s="279">
        <v>0</v>
      </c>
      <c r="AY37" s="280">
        <v>3</v>
      </c>
      <c r="AZ37" s="280">
        <v>4</v>
      </c>
      <c r="BA37" s="280">
        <v>4</v>
      </c>
      <c r="BB37" s="280">
        <v>11</v>
      </c>
      <c r="BC37" s="280">
        <v>0</v>
      </c>
      <c r="BD37" s="281">
        <v>22</v>
      </c>
      <c r="BE37" s="282">
        <v>28</v>
      </c>
      <c r="BF37" s="276">
        <v>0</v>
      </c>
      <c r="BG37" s="280">
        <v>0</v>
      </c>
      <c r="BH37" s="277">
        <v>0</v>
      </c>
      <c r="BI37" s="279">
        <v>0</v>
      </c>
      <c r="BJ37" s="280">
        <v>4</v>
      </c>
      <c r="BK37" s="280">
        <v>2</v>
      </c>
      <c r="BL37" s="280">
        <v>1</v>
      </c>
      <c r="BM37" s="280">
        <v>2</v>
      </c>
      <c r="BN37" s="280">
        <v>0</v>
      </c>
      <c r="BO37" s="277">
        <v>9</v>
      </c>
      <c r="BP37" s="282">
        <v>9</v>
      </c>
      <c r="BQ37" s="276">
        <v>0</v>
      </c>
      <c r="BR37" s="280">
        <v>3</v>
      </c>
      <c r="BS37" s="277">
        <v>3</v>
      </c>
      <c r="BT37" s="279">
        <v>0</v>
      </c>
      <c r="BU37" s="280">
        <v>1</v>
      </c>
      <c r="BV37" s="280">
        <v>3</v>
      </c>
      <c r="BW37" s="280">
        <v>0</v>
      </c>
      <c r="BX37" s="280">
        <v>1</v>
      </c>
      <c r="BY37" s="280">
        <v>0</v>
      </c>
      <c r="BZ37" s="277">
        <v>5</v>
      </c>
      <c r="CA37" s="282">
        <v>8</v>
      </c>
      <c r="CB37" s="276">
        <v>0</v>
      </c>
      <c r="CC37" s="280">
        <v>0</v>
      </c>
      <c r="CD37" s="277">
        <v>0</v>
      </c>
      <c r="CE37" s="279">
        <v>0</v>
      </c>
      <c r="CF37" s="280">
        <v>0</v>
      </c>
      <c r="CG37" s="280">
        <v>0</v>
      </c>
      <c r="CH37" s="280">
        <v>0</v>
      </c>
      <c r="CI37" s="280">
        <v>2</v>
      </c>
      <c r="CJ37" s="280">
        <v>0</v>
      </c>
      <c r="CK37" s="277">
        <v>2</v>
      </c>
      <c r="CL37" s="282">
        <v>2</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1</v>
      </c>
      <c r="DU37" s="280">
        <v>3</v>
      </c>
      <c r="DV37" s="277">
        <v>4</v>
      </c>
      <c r="DW37" s="279">
        <v>0</v>
      </c>
      <c r="DX37" s="280">
        <v>7</v>
      </c>
      <c r="DY37" s="280">
        <v>7</v>
      </c>
      <c r="DZ37" s="280">
        <v>4</v>
      </c>
      <c r="EA37" s="280">
        <v>6</v>
      </c>
      <c r="EB37" s="280">
        <v>0</v>
      </c>
      <c r="EC37" s="277">
        <v>24</v>
      </c>
      <c r="ED37" s="282">
        <v>28</v>
      </c>
      <c r="EE37" s="276">
        <v>3</v>
      </c>
      <c r="EF37" s="280">
        <v>0</v>
      </c>
      <c r="EG37" s="277">
        <v>3</v>
      </c>
      <c r="EH37" s="279">
        <v>0</v>
      </c>
      <c r="EI37" s="280">
        <v>1</v>
      </c>
      <c r="EJ37" s="280">
        <v>3</v>
      </c>
      <c r="EK37" s="280">
        <v>4</v>
      </c>
      <c r="EL37" s="280">
        <v>5</v>
      </c>
      <c r="EM37" s="280">
        <v>0</v>
      </c>
      <c r="EN37" s="277">
        <v>13</v>
      </c>
      <c r="EO37" s="282">
        <v>16</v>
      </c>
      <c r="EP37" s="276">
        <v>2</v>
      </c>
      <c r="EQ37" s="280">
        <v>5</v>
      </c>
      <c r="ER37" s="277">
        <v>7</v>
      </c>
      <c r="ES37" s="279">
        <v>0</v>
      </c>
      <c r="ET37" s="280">
        <v>16</v>
      </c>
      <c r="EU37" s="280">
        <v>8</v>
      </c>
      <c r="EV37" s="280">
        <v>4</v>
      </c>
      <c r="EW37" s="280">
        <v>6</v>
      </c>
      <c r="EX37" s="280">
        <v>0</v>
      </c>
      <c r="EY37" s="277">
        <v>34</v>
      </c>
      <c r="EZ37" s="282">
        <v>41</v>
      </c>
    </row>
    <row r="38" spans="2:156" ht="21" customHeight="1" x14ac:dyDescent="0.2">
      <c r="B38" s="261" t="s">
        <v>36</v>
      </c>
      <c r="C38" s="276">
        <v>0</v>
      </c>
      <c r="D38" s="280">
        <v>0</v>
      </c>
      <c r="E38" s="376">
        <v>0</v>
      </c>
      <c r="F38" s="279">
        <v>0</v>
      </c>
      <c r="G38" s="280">
        <v>1</v>
      </c>
      <c r="H38" s="280">
        <v>2</v>
      </c>
      <c r="I38" s="280">
        <v>0</v>
      </c>
      <c r="J38" s="280">
        <v>3</v>
      </c>
      <c r="K38" s="280">
        <v>1</v>
      </c>
      <c r="L38" s="281">
        <v>7</v>
      </c>
      <c r="M38" s="282">
        <v>7</v>
      </c>
      <c r="N38" s="276">
        <v>0</v>
      </c>
      <c r="O38" s="280">
        <v>0</v>
      </c>
      <c r="P38" s="277">
        <v>0</v>
      </c>
      <c r="Q38" s="279">
        <v>0</v>
      </c>
      <c r="R38" s="280">
        <v>1</v>
      </c>
      <c r="S38" s="280">
        <v>0</v>
      </c>
      <c r="T38" s="280">
        <v>0</v>
      </c>
      <c r="U38" s="280">
        <v>0</v>
      </c>
      <c r="V38" s="280">
        <v>0</v>
      </c>
      <c r="W38" s="277">
        <v>1</v>
      </c>
      <c r="X38" s="282">
        <v>1</v>
      </c>
      <c r="Y38" s="276">
        <v>0</v>
      </c>
      <c r="Z38" s="280">
        <v>2</v>
      </c>
      <c r="AA38" s="277">
        <v>2</v>
      </c>
      <c r="AB38" s="279">
        <v>0</v>
      </c>
      <c r="AC38" s="280">
        <v>2</v>
      </c>
      <c r="AD38" s="280">
        <v>2</v>
      </c>
      <c r="AE38" s="280">
        <v>1</v>
      </c>
      <c r="AF38" s="280">
        <v>2</v>
      </c>
      <c r="AG38" s="280">
        <v>1</v>
      </c>
      <c r="AH38" s="277">
        <v>8</v>
      </c>
      <c r="AI38" s="282">
        <v>10</v>
      </c>
      <c r="AJ38" s="276">
        <v>0</v>
      </c>
      <c r="AK38" s="280">
        <v>0</v>
      </c>
      <c r="AL38" s="277">
        <v>0</v>
      </c>
      <c r="AM38" s="279">
        <v>0</v>
      </c>
      <c r="AN38" s="280">
        <v>1</v>
      </c>
      <c r="AO38" s="280">
        <v>0</v>
      </c>
      <c r="AP38" s="280">
        <v>0</v>
      </c>
      <c r="AQ38" s="280">
        <v>0</v>
      </c>
      <c r="AR38" s="280">
        <v>0</v>
      </c>
      <c r="AS38" s="277">
        <v>1</v>
      </c>
      <c r="AT38" s="282">
        <v>1</v>
      </c>
      <c r="AU38" s="276">
        <v>0</v>
      </c>
      <c r="AV38" s="280">
        <v>0</v>
      </c>
      <c r="AW38" s="277">
        <v>0</v>
      </c>
      <c r="AX38" s="279">
        <v>0</v>
      </c>
      <c r="AY38" s="280">
        <v>2</v>
      </c>
      <c r="AZ38" s="280">
        <v>1</v>
      </c>
      <c r="BA38" s="280">
        <v>2</v>
      </c>
      <c r="BB38" s="280">
        <v>7</v>
      </c>
      <c r="BC38" s="280">
        <v>2</v>
      </c>
      <c r="BD38" s="281">
        <v>14</v>
      </c>
      <c r="BE38" s="282">
        <v>14</v>
      </c>
      <c r="BF38" s="276">
        <v>0</v>
      </c>
      <c r="BG38" s="280">
        <v>0</v>
      </c>
      <c r="BH38" s="277">
        <v>0</v>
      </c>
      <c r="BI38" s="279">
        <v>0</v>
      </c>
      <c r="BJ38" s="280">
        <v>3</v>
      </c>
      <c r="BK38" s="280">
        <v>1</v>
      </c>
      <c r="BL38" s="280">
        <v>1</v>
      </c>
      <c r="BM38" s="280">
        <v>3</v>
      </c>
      <c r="BN38" s="280">
        <v>1</v>
      </c>
      <c r="BO38" s="277">
        <v>9</v>
      </c>
      <c r="BP38" s="282">
        <v>9</v>
      </c>
      <c r="BQ38" s="276">
        <v>0</v>
      </c>
      <c r="BR38" s="280">
        <v>0</v>
      </c>
      <c r="BS38" s="277">
        <v>0</v>
      </c>
      <c r="BT38" s="279">
        <v>0</v>
      </c>
      <c r="BU38" s="280">
        <v>1</v>
      </c>
      <c r="BV38" s="280">
        <v>0</v>
      </c>
      <c r="BW38" s="280">
        <v>0</v>
      </c>
      <c r="BX38" s="280">
        <v>0</v>
      </c>
      <c r="BY38" s="280">
        <v>0</v>
      </c>
      <c r="BZ38" s="277">
        <v>1</v>
      </c>
      <c r="CA38" s="282">
        <v>1</v>
      </c>
      <c r="CB38" s="276">
        <v>0</v>
      </c>
      <c r="CC38" s="280">
        <v>0</v>
      </c>
      <c r="CD38" s="277">
        <v>0</v>
      </c>
      <c r="CE38" s="279">
        <v>0</v>
      </c>
      <c r="CF38" s="280">
        <v>0</v>
      </c>
      <c r="CG38" s="280">
        <v>1</v>
      </c>
      <c r="CH38" s="280">
        <v>0</v>
      </c>
      <c r="CI38" s="280">
        <v>1</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1</v>
      </c>
      <c r="DV38" s="277">
        <v>1</v>
      </c>
      <c r="DW38" s="279">
        <v>0</v>
      </c>
      <c r="DX38" s="280">
        <v>6</v>
      </c>
      <c r="DY38" s="280">
        <v>3</v>
      </c>
      <c r="DZ38" s="280">
        <v>1</v>
      </c>
      <c r="EA38" s="280">
        <v>5</v>
      </c>
      <c r="EB38" s="280">
        <v>2</v>
      </c>
      <c r="EC38" s="277">
        <v>17</v>
      </c>
      <c r="ED38" s="282">
        <v>18</v>
      </c>
      <c r="EE38" s="276">
        <v>0</v>
      </c>
      <c r="EF38" s="280">
        <v>0</v>
      </c>
      <c r="EG38" s="277">
        <v>0</v>
      </c>
      <c r="EH38" s="279">
        <v>0</v>
      </c>
      <c r="EI38" s="280">
        <v>0</v>
      </c>
      <c r="EJ38" s="280">
        <v>1</v>
      </c>
      <c r="EK38" s="280">
        <v>2</v>
      </c>
      <c r="EL38" s="280">
        <v>3</v>
      </c>
      <c r="EM38" s="280">
        <v>0</v>
      </c>
      <c r="EN38" s="277">
        <v>6</v>
      </c>
      <c r="EO38" s="282">
        <v>6</v>
      </c>
      <c r="EP38" s="276">
        <v>0</v>
      </c>
      <c r="EQ38" s="280">
        <v>3</v>
      </c>
      <c r="ER38" s="277">
        <v>3</v>
      </c>
      <c r="ES38" s="279">
        <v>0</v>
      </c>
      <c r="ET38" s="280">
        <v>7</v>
      </c>
      <c r="EU38" s="280">
        <v>4</v>
      </c>
      <c r="EV38" s="280">
        <v>1</v>
      </c>
      <c r="EW38" s="280">
        <v>6</v>
      </c>
      <c r="EX38" s="280">
        <v>2</v>
      </c>
      <c r="EY38" s="277">
        <v>20</v>
      </c>
      <c r="EZ38" s="282">
        <v>23</v>
      </c>
    </row>
    <row r="39" spans="2:156" ht="21" customHeight="1" thickBot="1" x14ac:dyDescent="0.25">
      <c r="B39" s="262" t="s">
        <v>37</v>
      </c>
      <c r="C39" s="283">
        <v>0</v>
      </c>
      <c r="D39" s="287">
        <v>0</v>
      </c>
      <c r="E39" s="377">
        <v>0</v>
      </c>
      <c r="F39" s="286">
        <v>0</v>
      </c>
      <c r="G39" s="287">
        <v>0</v>
      </c>
      <c r="H39" s="287">
        <v>0</v>
      </c>
      <c r="I39" s="287">
        <v>0</v>
      </c>
      <c r="J39" s="287">
        <v>0</v>
      </c>
      <c r="K39" s="287">
        <v>1</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1</v>
      </c>
      <c r="BD39" s="288">
        <v>2</v>
      </c>
      <c r="BE39" s="289">
        <v>2</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1</v>
      </c>
      <c r="CV39" s="284">
        <v>1</v>
      </c>
      <c r="CW39" s="289">
        <v>1</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0</v>
      </c>
      <c r="DZ39" s="287">
        <v>0</v>
      </c>
      <c r="EA39" s="287">
        <v>0</v>
      </c>
      <c r="EB39" s="287">
        <v>1</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0</v>
      </c>
      <c r="ER39" s="284">
        <v>0</v>
      </c>
      <c r="ES39" s="286">
        <v>0</v>
      </c>
      <c r="ET39" s="287">
        <v>0</v>
      </c>
      <c r="EU39" s="287">
        <v>0</v>
      </c>
      <c r="EV39" s="287">
        <v>0</v>
      </c>
      <c r="EW39" s="287">
        <v>0</v>
      </c>
      <c r="EX39" s="287">
        <v>1</v>
      </c>
      <c r="EY39" s="284">
        <v>1</v>
      </c>
      <c r="EZ39" s="289">
        <v>1</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77734375" style="255" customWidth="1"/>
    <col min="18" max="27" width="9" style="255"/>
    <col min="28" max="28" width="6.88671875" style="255" customWidth="1"/>
    <col min="29" max="38" width="9" style="255"/>
    <col min="39" max="39" width="7.21875" style="255" customWidth="1"/>
    <col min="40" max="49" width="9" style="255"/>
    <col min="50" max="50" width="7.44140625" style="255" customWidth="1"/>
    <col min="51" max="60" width="9" style="255"/>
    <col min="61" max="61" width="7.6640625" style="255" customWidth="1"/>
    <col min="62" max="71" width="9" style="255"/>
    <col min="72" max="72" width="7.88671875" style="255" customWidth="1"/>
    <col min="73" max="82" width="9" style="255"/>
    <col min="83" max="83" width="7" style="255" customWidth="1"/>
    <col min="84" max="93" width="9" style="255"/>
    <col min="94" max="94" width="7.6640625" style="255" customWidth="1"/>
    <col min="95" max="16384" width="9" style="255"/>
  </cols>
  <sheetData>
    <row r="1" spans="2:112" ht="24" customHeight="1" x14ac:dyDescent="0.2">
      <c r="B1" s="290" t="s">
        <v>123</v>
      </c>
      <c r="J1" s="522">
        <f>第１表!F2</f>
        <v>5</v>
      </c>
      <c r="K1" s="522"/>
      <c r="L1" s="248">
        <f>第１表!G2</f>
        <v>6</v>
      </c>
      <c r="M1" s="527">
        <f>IF(L1&lt;3,L1+12-2,L1-2)</f>
        <v>4</v>
      </c>
      <c r="N1" s="527"/>
    </row>
    <row r="2" spans="2:112" ht="24" customHeight="1" thickBot="1" x14ac:dyDescent="0.25">
      <c r="B2" s="290" t="s">
        <v>138</v>
      </c>
    </row>
    <row r="3" spans="2:112" ht="21" customHeight="1" thickBot="1" x14ac:dyDescent="0.25">
      <c r="B3" s="547"/>
      <c r="C3" s="550" t="s">
        <v>112</v>
      </c>
      <c r="D3" s="550"/>
      <c r="E3" s="550"/>
      <c r="F3" s="550"/>
      <c r="G3" s="550"/>
      <c r="H3" s="550"/>
      <c r="I3" s="550"/>
      <c r="J3" s="550"/>
      <c r="K3" s="550"/>
      <c r="L3" s="550"/>
      <c r="M3" s="551"/>
      <c r="N3" s="545" t="s">
        <v>111</v>
      </c>
      <c r="O3" s="545"/>
      <c r="P3" s="545"/>
      <c r="Q3" s="545"/>
      <c r="R3" s="545"/>
      <c r="S3" s="545"/>
      <c r="T3" s="545"/>
      <c r="U3" s="545"/>
      <c r="V3" s="545"/>
      <c r="W3" s="545"/>
      <c r="X3" s="546"/>
      <c r="Y3" s="544" t="s">
        <v>110</v>
      </c>
      <c r="Z3" s="545"/>
      <c r="AA3" s="545"/>
      <c r="AB3" s="545"/>
      <c r="AC3" s="545"/>
      <c r="AD3" s="545"/>
      <c r="AE3" s="545"/>
      <c r="AF3" s="545"/>
      <c r="AG3" s="545"/>
      <c r="AH3" s="545"/>
      <c r="AI3" s="546"/>
      <c r="AJ3" s="544" t="s">
        <v>109</v>
      </c>
      <c r="AK3" s="545"/>
      <c r="AL3" s="545"/>
      <c r="AM3" s="545"/>
      <c r="AN3" s="545"/>
      <c r="AO3" s="545"/>
      <c r="AP3" s="545"/>
      <c r="AQ3" s="545"/>
      <c r="AR3" s="545"/>
      <c r="AS3" s="545"/>
      <c r="AT3" s="546"/>
      <c r="AU3" s="544" t="s">
        <v>108</v>
      </c>
      <c r="AV3" s="545"/>
      <c r="AW3" s="545"/>
      <c r="AX3" s="545"/>
      <c r="AY3" s="545"/>
      <c r="AZ3" s="545"/>
      <c r="BA3" s="545"/>
      <c r="BB3" s="545"/>
      <c r="BC3" s="545"/>
      <c r="BD3" s="545"/>
      <c r="BE3" s="546"/>
      <c r="BF3" s="544" t="s">
        <v>107</v>
      </c>
      <c r="BG3" s="545"/>
      <c r="BH3" s="545"/>
      <c r="BI3" s="545"/>
      <c r="BJ3" s="545"/>
      <c r="BK3" s="545"/>
      <c r="BL3" s="545"/>
      <c r="BM3" s="545"/>
      <c r="BN3" s="545"/>
      <c r="BO3" s="545"/>
      <c r="BP3" s="546"/>
      <c r="BQ3" s="544" t="s">
        <v>106</v>
      </c>
      <c r="BR3" s="545"/>
      <c r="BS3" s="545"/>
      <c r="BT3" s="545"/>
      <c r="BU3" s="545"/>
      <c r="BV3" s="545"/>
      <c r="BW3" s="545"/>
      <c r="BX3" s="545"/>
      <c r="BY3" s="545"/>
      <c r="BZ3" s="545"/>
      <c r="CA3" s="546"/>
      <c r="CB3" s="544" t="s">
        <v>127</v>
      </c>
      <c r="CC3" s="545"/>
      <c r="CD3" s="545"/>
      <c r="CE3" s="545"/>
      <c r="CF3" s="545"/>
      <c r="CG3" s="545"/>
      <c r="CH3" s="545"/>
      <c r="CI3" s="545"/>
      <c r="CJ3" s="545"/>
      <c r="CK3" s="545"/>
      <c r="CL3" s="546"/>
      <c r="CM3" s="544" t="s">
        <v>105</v>
      </c>
      <c r="CN3" s="545"/>
      <c r="CO3" s="545"/>
      <c r="CP3" s="545"/>
      <c r="CQ3" s="545"/>
      <c r="CR3" s="545"/>
      <c r="CS3" s="545"/>
      <c r="CT3" s="545"/>
      <c r="CU3" s="545"/>
      <c r="CV3" s="545"/>
      <c r="CW3" s="546"/>
      <c r="CX3" s="544" t="s">
        <v>159</v>
      </c>
      <c r="CY3" s="545"/>
      <c r="CZ3" s="545"/>
      <c r="DA3" s="545"/>
      <c r="DB3" s="545"/>
      <c r="DC3" s="545"/>
      <c r="DD3" s="545"/>
      <c r="DE3" s="545"/>
      <c r="DF3" s="545"/>
      <c r="DG3" s="545"/>
      <c r="DH3" s="546"/>
    </row>
    <row r="4" spans="2:112" ht="21" customHeight="1" x14ac:dyDescent="0.2">
      <c r="B4" s="548"/>
      <c r="C4" s="552" t="s">
        <v>61</v>
      </c>
      <c r="D4" s="531"/>
      <c r="E4" s="532"/>
      <c r="F4" s="533" t="s">
        <v>62</v>
      </c>
      <c r="G4" s="531"/>
      <c r="H4" s="531"/>
      <c r="I4" s="531"/>
      <c r="J4" s="531"/>
      <c r="K4" s="531"/>
      <c r="L4" s="534"/>
      <c r="M4" s="528" t="s">
        <v>52</v>
      </c>
      <c r="N4" s="552" t="s">
        <v>61</v>
      </c>
      <c r="O4" s="531"/>
      <c r="P4" s="532"/>
      <c r="Q4" s="533" t="s">
        <v>62</v>
      </c>
      <c r="R4" s="531"/>
      <c r="S4" s="531"/>
      <c r="T4" s="531"/>
      <c r="U4" s="531"/>
      <c r="V4" s="531"/>
      <c r="W4" s="532"/>
      <c r="X4" s="528" t="s">
        <v>52</v>
      </c>
      <c r="Y4" s="530" t="s">
        <v>61</v>
      </c>
      <c r="Z4" s="531"/>
      <c r="AA4" s="534"/>
      <c r="AB4" s="533" t="s">
        <v>62</v>
      </c>
      <c r="AC4" s="531"/>
      <c r="AD4" s="531"/>
      <c r="AE4" s="531"/>
      <c r="AF4" s="531"/>
      <c r="AG4" s="531"/>
      <c r="AH4" s="532"/>
      <c r="AI4" s="528" t="s">
        <v>52</v>
      </c>
      <c r="AJ4" s="530" t="s">
        <v>61</v>
      </c>
      <c r="AK4" s="531"/>
      <c r="AL4" s="532"/>
      <c r="AM4" s="533" t="s">
        <v>62</v>
      </c>
      <c r="AN4" s="531"/>
      <c r="AO4" s="531"/>
      <c r="AP4" s="531"/>
      <c r="AQ4" s="531"/>
      <c r="AR4" s="531"/>
      <c r="AS4" s="532"/>
      <c r="AT4" s="528" t="s">
        <v>52</v>
      </c>
      <c r="AU4" s="530" t="s">
        <v>61</v>
      </c>
      <c r="AV4" s="531"/>
      <c r="AW4" s="534"/>
      <c r="AX4" s="533" t="s">
        <v>62</v>
      </c>
      <c r="AY4" s="531"/>
      <c r="AZ4" s="531"/>
      <c r="BA4" s="531"/>
      <c r="BB4" s="531"/>
      <c r="BC4" s="531"/>
      <c r="BD4" s="534"/>
      <c r="BE4" s="528" t="s">
        <v>52</v>
      </c>
      <c r="BF4" s="530" t="s">
        <v>61</v>
      </c>
      <c r="BG4" s="531"/>
      <c r="BH4" s="532"/>
      <c r="BI4" s="533" t="s">
        <v>62</v>
      </c>
      <c r="BJ4" s="531"/>
      <c r="BK4" s="531"/>
      <c r="BL4" s="531"/>
      <c r="BM4" s="531"/>
      <c r="BN4" s="531"/>
      <c r="BO4" s="532"/>
      <c r="BP4" s="528" t="s">
        <v>52</v>
      </c>
      <c r="BQ4" s="530" t="s">
        <v>61</v>
      </c>
      <c r="BR4" s="531"/>
      <c r="BS4" s="532"/>
      <c r="BT4" s="533" t="s">
        <v>62</v>
      </c>
      <c r="BU4" s="531"/>
      <c r="BV4" s="531"/>
      <c r="BW4" s="531"/>
      <c r="BX4" s="531"/>
      <c r="BY4" s="531"/>
      <c r="BZ4" s="532"/>
      <c r="CA4" s="528" t="s">
        <v>52</v>
      </c>
      <c r="CB4" s="530" t="s">
        <v>61</v>
      </c>
      <c r="CC4" s="531"/>
      <c r="CD4" s="532"/>
      <c r="CE4" s="533" t="s">
        <v>62</v>
      </c>
      <c r="CF4" s="531"/>
      <c r="CG4" s="531"/>
      <c r="CH4" s="531"/>
      <c r="CI4" s="531"/>
      <c r="CJ4" s="531"/>
      <c r="CK4" s="532"/>
      <c r="CL4" s="528" t="s">
        <v>52</v>
      </c>
      <c r="CM4" s="530" t="s">
        <v>61</v>
      </c>
      <c r="CN4" s="531"/>
      <c r="CO4" s="532"/>
      <c r="CP4" s="533" t="s">
        <v>62</v>
      </c>
      <c r="CQ4" s="531"/>
      <c r="CR4" s="531"/>
      <c r="CS4" s="531"/>
      <c r="CT4" s="531"/>
      <c r="CU4" s="531"/>
      <c r="CV4" s="532"/>
      <c r="CW4" s="528" t="s">
        <v>52</v>
      </c>
      <c r="CX4" s="530" t="s">
        <v>61</v>
      </c>
      <c r="CY4" s="531"/>
      <c r="CZ4" s="532"/>
      <c r="DA4" s="533" t="s">
        <v>62</v>
      </c>
      <c r="DB4" s="531"/>
      <c r="DC4" s="531"/>
      <c r="DD4" s="531"/>
      <c r="DE4" s="531"/>
      <c r="DF4" s="531"/>
      <c r="DG4" s="532"/>
      <c r="DH4" s="528" t="s">
        <v>52</v>
      </c>
    </row>
    <row r="5" spans="2:112" ht="30" customHeight="1" thickBot="1" x14ac:dyDescent="0.25">
      <c r="B5" s="549"/>
      <c r="C5" s="264" t="s">
        <v>43</v>
      </c>
      <c r="D5" s="259" t="s">
        <v>44</v>
      </c>
      <c r="E5" s="374" t="s">
        <v>45</v>
      </c>
      <c r="F5" s="267" t="s">
        <v>83</v>
      </c>
      <c r="G5" s="259" t="s">
        <v>47</v>
      </c>
      <c r="H5" s="259" t="s">
        <v>48</v>
      </c>
      <c r="I5" s="259" t="s">
        <v>49</v>
      </c>
      <c r="J5" s="259" t="s">
        <v>50</v>
      </c>
      <c r="K5" s="259" t="s">
        <v>51</v>
      </c>
      <c r="L5" s="268" t="s">
        <v>45</v>
      </c>
      <c r="M5" s="529"/>
      <c r="N5" s="264" t="s">
        <v>43</v>
      </c>
      <c r="O5" s="259" t="s">
        <v>44</v>
      </c>
      <c r="P5" s="265" t="s">
        <v>45</v>
      </c>
      <c r="Q5" s="267" t="s">
        <v>83</v>
      </c>
      <c r="R5" s="259" t="s">
        <v>47</v>
      </c>
      <c r="S5" s="259" t="s">
        <v>48</v>
      </c>
      <c r="T5" s="259" t="s">
        <v>49</v>
      </c>
      <c r="U5" s="259" t="s">
        <v>50</v>
      </c>
      <c r="V5" s="259" t="s">
        <v>51</v>
      </c>
      <c r="W5" s="265" t="s">
        <v>45</v>
      </c>
      <c r="X5" s="529"/>
      <c r="Y5" s="309" t="s">
        <v>43</v>
      </c>
      <c r="Z5" s="259" t="s">
        <v>44</v>
      </c>
      <c r="AA5" s="268" t="s">
        <v>45</v>
      </c>
      <c r="AB5" s="267" t="s">
        <v>83</v>
      </c>
      <c r="AC5" s="259" t="s">
        <v>47</v>
      </c>
      <c r="AD5" s="259" t="s">
        <v>48</v>
      </c>
      <c r="AE5" s="259" t="s">
        <v>49</v>
      </c>
      <c r="AF5" s="259" t="s">
        <v>50</v>
      </c>
      <c r="AG5" s="259" t="s">
        <v>51</v>
      </c>
      <c r="AH5" s="265" t="s">
        <v>45</v>
      </c>
      <c r="AI5" s="529"/>
      <c r="AJ5" s="263" t="s">
        <v>43</v>
      </c>
      <c r="AK5" s="259" t="s">
        <v>44</v>
      </c>
      <c r="AL5" s="265" t="s">
        <v>45</v>
      </c>
      <c r="AM5" s="267" t="s">
        <v>83</v>
      </c>
      <c r="AN5" s="259" t="s">
        <v>47</v>
      </c>
      <c r="AO5" s="259" t="s">
        <v>48</v>
      </c>
      <c r="AP5" s="259" t="s">
        <v>49</v>
      </c>
      <c r="AQ5" s="259" t="s">
        <v>50</v>
      </c>
      <c r="AR5" s="259" t="s">
        <v>51</v>
      </c>
      <c r="AS5" s="265" t="s">
        <v>45</v>
      </c>
      <c r="AT5" s="529"/>
      <c r="AU5" s="309" t="s">
        <v>43</v>
      </c>
      <c r="AV5" s="259" t="s">
        <v>44</v>
      </c>
      <c r="AW5" s="268" t="s">
        <v>45</v>
      </c>
      <c r="AX5" s="267" t="s">
        <v>83</v>
      </c>
      <c r="AY5" s="259" t="s">
        <v>47</v>
      </c>
      <c r="AZ5" s="259" t="s">
        <v>48</v>
      </c>
      <c r="BA5" s="259" t="s">
        <v>49</v>
      </c>
      <c r="BB5" s="259" t="s">
        <v>50</v>
      </c>
      <c r="BC5" s="259" t="s">
        <v>51</v>
      </c>
      <c r="BD5" s="268" t="s">
        <v>45</v>
      </c>
      <c r="BE5" s="529"/>
      <c r="BF5" s="309" t="s">
        <v>43</v>
      </c>
      <c r="BG5" s="259" t="s">
        <v>44</v>
      </c>
      <c r="BH5" s="265" t="s">
        <v>45</v>
      </c>
      <c r="BI5" s="267" t="s">
        <v>83</v>
      </c>
      <c r="BJ5" s="259" t="s">
        <v>47</v>
      </c>
      <c r="BK5" s="259" t="s">
        <v>48</v>
      </c>
      <c r="BL5" s="259" t="s">
        <v>49</v>
      </c>
      <c r="BM5" s="259" t="s">
        <v>50</v>
      </c>
      <c r="BN5" s="259" t="s">
        <v>51</v>
      </c>
      <c r="BO5" s="265" t="s">
        <v>45</v>
      </c>
      <c r="BP5" s="529"/>
      <c r="BQ5" s="309" t="s">
        <v>43</v>
      </c>
      <c r="BR5" s="259" t="s">
        <v>44</v>
      </c>
      <c r="BS5" s="265" t="s">
        <v>45</v>
      </c>
      <c r="BT5" s="267" t="s">
        <v>83</v>
      </c>
      <c r="BU5" s="259" t="s">
        <v>47</v>
      </c>
      <c r="BV5" s="259" t="s">
        <v>48</v>
      </c>
      <c r="BW5" s="259" t="s">
        <v>49</v>
      </c>
      <c r="BX5" s="259" t="s">
        <v>50</v>
      </c>
      <c r="BY5" s="259" t="s">
        <v>51</v>
      </c>
      <c r="BZ5" s="265" t="s">
        <v>45</v>
      </c>
      <c r="CA5" s="529"/>
      <c r="CB5" s="309" t="s">
        <v>43</v>
      </c>
      <c r="CC5" s="259" t="s">
        <v>44</v>
      </c>
      <c r="CD5" s="265" t="s">
        <v>45</v>
      </c>
      <c r="CE5" s="267" t="s">
        <v>83</v>
      </c>
      <c r="CF5" s="259" t="s">
        <v>47</v>
      </c>
      <c r="CG5" s="259" t="s">
        <v>48</v>
      </c>
      <c r="CH5" s="259" t="s">
        <v>49</v>
      </c>
      <c r="CI5" s="259" t="s">
        <v>50</v>
      </c>
      <c r="CJ5" s="259" t="s">
        <v>51</v>
      </c>
      <c r="CK5" s="265" t="s">
        <v>45</v>
      </c>
      <c r="CL5" s="529"/>
      <c r="CM5" s="309" t="s">
        <v>43</v>
      </c>
      <c r="CN5" s="259" t="s">
        <v>44</v>
      </c>
      <c r="CO5" s="265" t="s">
        <v>45</v>
      </c>
      <c r="CP5" s="267" t="s">
        <v>83</v>
      </c>
      <c r="CQ5" s="259" t="s">
        <v>47</v>
      </c>
      <c r="CR5" s="259" t="s">
        <v>48</v>
      </c>
      <c r="CS5" s="259" t="s">
        <v>49</v>
      </c>
      <c r="CT5" s="259" t="s">
        <v>50</v>
      </c>
      <c r="CU5" s="259" t="s">
        <v>51</v>
      </c>
      <c r="CV5" s="265" t="s">
        <v>45</v>
      </c>
      <c r="CW5" s="529"/>
      <c r="CX5" s="363" t="s">
        <v>43</v>
      </c>
      <c r="CY5" s="259" t="s">
        <v>44</v>
      </c>
      <c r="CZ5" s="265" t="s">
        <v>45</v>
      </c>
      <c r="DA5" s="267" t="s">
        <v>83</v>
      </c>
      <c r="DB5" s="259" t="s">
        <v>47</v>
      </c>
      <c r="DC5" s="259" t="s">
        <v>48</v>
      </c>
      <c r="DD5" s="259" t="s">
        <v>49</v>
      </c>
      <c r="DE5" s="259" t="s">
        <v>50</v>
      </c>
      <c r="DF5" s="259" t="s">
        <v>51</v>
      </c>
      <c r="DG5" s="265" t="s">
        <v>45</v>
      </c>
      <c r="DH5" s="529"/>
    </row>
    <row r="6" spans="2:112" ht="21" customHeight="1" x14ac:dyDescent="0.2">
      <c r="B6" s="260" t="s">
        <v>4</v>
      </c>
      <c r="C6" s="269">
        <v>0</v>
      </c>
      <c r="D6" s="273">
        <v>0</v>
      </c>
      <c r="E6" s="375">
        <v>0</v>
      </c>
      <c r="F6" s="272">
        <v>0</v>
      </c>
      <c r="G6" s="273">
        <v>201525</v>
      </c>
      <c r="H6" s="273">
        <v>323900</v>
      </c>
      <c r="I6" s="273">
        <v>353267</v>
      </c>
      <c r="J6" s="273">
        <v>419346</v>
      </c>
      <c r="K6" s="273">
        <v>406320</v>
      </c>
      <c r="L6" s="274">
        <v>1704358</v>
      </c>
      <c r="M6" s="275">
        <v>1704358</v>
      </c>
      <c r="N6" s="269">
        <v>10</v>
      </c>
      <c r="O6" s="273">
        <v>75</v>
      </c>
      <c r="P6" s="270">
        <v>85</v>
      </c>
      <c r="Q6" s="272">
        <v>0</v>
      </c>
      <c r="R6" s="273">
        <v>498</v>
      </c>
      <c r="S6" s="273">
        <v>1851</v>
      </c>
      <c r="T6" s="273">
        <v>3732</v>
      </c>
      <c r="U6" s="273">
        <v>9117</v>
      </c>
      <c r="V6" s="273">
        <v>17585</v>
      </c>
      <c r="W6" s="270">
        <v>32783</v>
      </c>
      <c r="X6" s="275">
        <v>32868</v>
      </c>
      <c r="Y6" s="269">
        <v>12199</v>
      </c>
      <c r="Z6" s="273">
        <v>39483</v>
      </c>
      <c r="AA6" s="270">
        <v>51682</v>
      </c>
      <c r="AB6" s="272">
        <v>0</v>
      </c>
      <c r="AC6" s="273">
        <v>100669</v>
      </c>
      <c r="AD6" s="273">
        <v>160303</v>
      </c>
      <c r="AE6" s="273">
        <v>103984</v>
      </c>
      <c r="AF6" s="273">
        <v>93059</v>
      </c>
      <c r="AG6" s="273">
        <v>74726</v>
      </c>
      <c r="AH6" s="270">
        <v>532741</v>
      </c>
      <c r="AI6" s="275">
        <v>584423</v>
      </c>
      <c r="AJ6" s="269">
        <v>2104</v>
      </c>
      <c r="AK6" s="273">
        <v>8329</v>
      </c>
      <c r="AL6" s="270">
        <v>10433</v>
      </c>
      <c r="AM6" s="272">
        <v>0</v>
      </c>
      <c r="AN6" s="273">
        <v>12061</v>
      </c>
      <c r="AO6" s="273">
        <v>20540</v>
      </c>
      <c r="AP6" s="273">
        <v>14167</v>
      </c>
      <c r="AQ6" s="273">
        <v>12404</v>
      </c>
      <c r="AR6" s="273">
        <v>7472</v>
      </c>
      <c r="AS6" s="270">
        <v>66644</v>
      </c>
      <c r="AT6" s="275">
        <v>77077</v>
      </c>
      <c r="AU6" s="269">
        <v>0</v>
      </c>
      <c r="AV6" s="273">
        <v>0</v>
      </c>
      <c r="AW6" s="270">
        <v>0</v>
      </c>
      <c r="AX6" s="272">
        <v>0</v>
      </c>
      <c r="AY6" s="273">
        <v>181293</v>
      </c>
      <c r="AZ6" s="273">
        <v>185919</v>
      </c>
      <c r="BA6" s="273">
        <v>114797</v>
      </c>
      <c r="BB6" s="273">
        <v>68481</v>
      </c>
      <c r="BC6" s="273">
        <v>32271</v>
      </c>
      <c r="BD6" s="274">
        <v>582761</v>
      </c>
      <c r="BE6" s="275">
        <v>582761</v>
      </c>
      <c r="BF6" s="269">
        <v>0</v>
      </c>
      <c r="BG6" s="273">
        <v>0</v>
      </c>
      <c r="BH6" s="270">
        <v>0</v>
      </c>
      <c r="BI6" s="272">
        <v>0</v>
      </c>
      <c r="BJ6" s="273">
        <v>28735</v>
      </c>
      <c r="BK6" s="273">
        <v>45585</v>
      </c>
      <c r="BL6" s="273">
        <v>27568</v>
      </c>
      <c r="BM6" s="273">
        <v>17994</v>
      </c>
      <c r="BN6" s="273">
        <v>6406</v>
      </c>
      <c r="BO6" s="270">
        <v>126288</v>
      </c>
      <c r="BP6" s="275">
        <v>126288</v>
      </c>
      <c r="BQ6" s="269">
        <v>382</v>
      </c>
      <c r="BR6" s="273">
        <v>1128</v>
      </c>
      <c r="BS6" s="270">
        <v>1510</v>
      </c>
      <c r="BT6" s="272">
        <v>0</v>
      </c>
      <c r="BU6" s="273">
        <v>15402</v>
      </c>
      <c r="BV6" s="273">
        <v>30992</v>
      </c>
      <c r="BW6" s="273">
        <v>53520</v>
      </c>
      <c r="BX6" s="273">
        <v>40852</v>
      </c>
      <c r="BY6" s="273">
        <v>20053</v>
      </c>
      <c r="BZ6" s="270">
        <v>160819</v>
      </c>
      <c r="CA6" s="275">
        <v>162329</v>
      </c>
      <c r="CB6" s="269">
        <v>3</v>
      </c>
      <c r="CC6" s="273">
        <v>92</v>
      </c>
      <c r="CD6" s="270">
        <v>95</v>
      </c>
      <c r="CE6" s="272">
        <v>0</v>
      </c>
      <c r="CF6" s="273">
        <v>1208</v>
      </c>
      <c r="CG6" s="273">
        <v>3290</v>
      </c>
      <c r="CH6" s="273">
        <v>4413</v>
      </c>
      <c r="CI6" s="273">
        <v>4173</v>
      </c>
      <c r="CJ6" s="273">
        <v>2557</v>
      </c>
      <c r="CK6" s="270">
        <v>15641</v>
      </c>
      <c r="CL6" s="275">
        <v>15736</v>
      </c>
      <c r="CM6" s="269">
        <v>0</v>
      </c>
      <c r="CN6" s="273">
        <v>0</v>
      </c>
      <c r="CO6" s="270">
        <v>0</v>
      </c>
      <c r="CP6" s="272">
        <v>0</v>
      </c>
      <c r="CQ6" s="273">
        <v>0</v>
      </c>
      <c r="CR6" s="273">
        <v>7</v>
      </c>
      <c r="CS6" s="273">
        <v>0</v>
      </c>
      <c r="CT6" s="273">
        <v>0</v>
      </c>
      <c r="CU6" s="273">
        <v>0</v>
      </c>
      <c r="CV6" s="270">
        <v>7</v>
      </c>
      <c r="CW6" s="275">
        <v>7</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76">
        <v>0</v>
      </c>
      <c r="F7" s="279">
        <v>0</v>
      </c>
      <c r="G7" s="280">
        <v>67239</v>
      </c>
      <c r="H7" s="280">
        <v>139453</v>
      </c>
      <c r="I7" s="280">
        <v>129487</v>
      </c>
      <c r="J7" s="280">
        <v>149331</v>
      </c>
      <c r="K7" s="280">
        <v>151537</v>
      </c>
      <c r="L7" s="281">
        <v>637047</v>
      </c>
      <c r="M7" s="282">
        <v>637047</v>
      </c>
      <c r="N7" s="276">
        <v>8</v>
      </c>
      <c r="O7" s="280">
        <v>23</v>
      </c>
      <c r="P7" s="277">
        <v>31</v>
      </c>
      <c r="Q7" s="279">
        <v>0</v>
      </c>
      <c r="R7" s="280">
        <v>86</v>
      </c>
      <c r="S7" s="280">
        <v>627</v>
      </c>
      <c r="T7" s="280">
        <v>1390</v>
      </c>
      <c r="U7" s="280">
        <v>3703</v>
      </c>
      <c r="V7" s="280">
        <v>7652</v>
      </c>
      <c r="W7" s="277">
        <v>13458</v>
      </c>
      <c r="X7" s="282">
        <v>13489</v>
      </c>
      <c r="Y7" s="276">
        <v>5277</v>
      </c>
      <c r="Z7" s="280">
        <v>20256</v>
      </c>
      <c r="AA7" s="277">
        <v>25533</v>
      </c>
      <c r="AB7" s="279">
        <v>0</v>
      </c>
      <c r="AC7" s="280">
        <v>36562</v>
      </c>
      <c r="AD7" s="280">
        <v>84862</v>
      </c>
      <c r="AE7" s="280">
        <v>51349</v>
      </c>
      <c r="AF7" s="280">
        <v>43283</v>
      </c>
      <c r="AG7" s="280">
        <v>34321</v>
      </c>
      <c r="AH7" s="277">
        <v>250377</v>
      </c>
      <c r="AI7" s="282">
        <v>275910</v>
      </c>
      <c r="AJ7" s="276">
        <v>925</v>
      </c>
      <c r="AK7" s="280">
        <v>4423</v>
      </c>
      <c r="AL7" s="277">
        <v>5348</v>
      </c>
      <c r="AM7" s="279">
        <v>0</v>
      </c>
      <c r="AN7" s="280">
        <v>2931</v>
      </c>
      <c r="AO7" s="280">
        <v>8130</v>
      </c>
      <c r="AP7" s="280">
        <v>5649</v>
      </c>
      <c r="AQ7" s="280">
        <v>5003</v>
      </c>
      <c r="AR7" s="280">
        <v>2879</v>
      </c>
      <c r="AS7" s="277">
        <v>24592</v>
      </c>
      <c r="AT7" s="282">
        <v>29940</v>
      </c>
      <c r="AU7" s="276">
        <v>0</v>
      </c>
      <c r="AV7" s="280">
        <v>0</v>
      </c>
      <c r="AW7" s="277">
        <v>0</v>
      </c>
      <c r="AX7" s="279">
        <v>0</v>
      </c>
      <c r="AY7" s="280">
        <v>56128</v>
      </c>
      <c r="AZ7" s="280">
        <v>72626</v>
      </c>
      <c r="BA7" s="280">
        <v>39725</v>
      </c>
      <c r="BB7" s="280">
        <v>22822</v>
      </c>
      <c r="BC7" s="280">
        <v>11232</v>
      </c>
      <c r="BD7" s="281">
        <v>202533</v>
      </c>
      <c r="BE7" s="282">
        <v>202533</v>
      </c>
      <c r="BF7" s="276">
        <v>0</v>
      </c>
      <c r="BG7" s="280">
        <v>0</v>
      </c>
      <c r="BH7" s="277">
        <v>0</v>
      </c>
      <c r="BI7" s="279">
        <v>0</v>
      </c>
      <c r="BJ7" s="280">
        <v>8608</v>
      </c>
      <c r="BK7" s="280">
        <v>20275</v>
      </c>
      <c r="BL7" s="280">
        <v>12111</v>
      </c>
      <c r="BM7" s="280">
        <v>7735</v>
      </c>
      <c r="BN7" s="280">
        <v>2821</v>
      </c>
      <c r="BO7" s="277">
        <v>51550</v>
      </c>
      <c r="BP7" s="282">
        <v>51550</v>
      </c>
      <c r="BQ7" s="276">
        <v>168</v>
      </c>
      <c r="BR7" s="280">
        <v>420</v>
      </c>
      <c r="BS7" s="277">
        <v>588</v>
      </c>
      <c r="BT7" s="279">
        <v>0</v>
      </c>
      <c r="BU7" s="280">
        <v>4392</v>
      </c>
      <c r="BV7" s="280">
        <v>11597</v>
      </c>
      <c r="BW7" s="280">
        <v>21106</v>
      </c>
      <c r="BX7" s="280">
        <v>14627</v>
      </c>
      <c r="BY7" s="280">
        <v>7612</v>
      </c>
      <c r="BZ7" s="277">
        <v>59334</v>
      </c>
      <c r="CA7" s="282">
        <v>59922</v>
      </c>
      <c r="CB7" s="276">
        <v>0</v>
      </c>
      <c r="CC7" s="280">
        <v>52</v>
      </c>
      <c r="CD7" s="277">
        <v>52</v>
      </c>
      <c r="CE7" s="279">
        <v>0</v>
      </c>
      <c r="CF7" s="280">
        <v>548</v>
      </c>
      <c r="CG7" s="280">
        <v>1899</v>
      </c>
      <c r="CH7" s="280">
        <v>2553</v>
      </c>
      <c r="CI7" s="280">
        <v>2370</v>
      </c>
      <c r="CJ7" s="280">
        <v>1541</v>
      </c>
      <c r="CK7" s="277">
        <v>8911</v>
      </c>
      <c r="CL7" s="282">
        <v>8963</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76">
        <v>0</v>
      </c>
      <c r="F8" s="279">
        <v>0</v>
      </c>
      <c r="G8" s="280">
        <v>34992</v>
      </c>
      <c r="H8" s="280">
        <v>45888</v>
      </c>
      <c r="I8" s="280">
        <v>53689</v>
      </c>
      <c r="J8" s="280">
        <v>66773</v>
      </c>
      <c r="K8" s="280">
        <v>68235</v>
      </c>
      <c r="L8" s="281">
        <v>269577</v>
      </c>
      <c r="M8" s="282">
        <v>269577</v>
      </c>
      <c r="N8" s="276">
        <v>2</v>
      </c>
      <c r="O8" s="280">
        <v>18</v>
      </c>
      <c r="P8" s="277">
        <v>20</v>
      </c>
      <c r="Q8" s="279">
        <v>0</v>
      </c>
      <c r="R8" s="280">
        <v>80</v>
      </c>
      <c r="S8" s="280">
        <v>244</v>
      </c>
      <c r="T8" s="280">
        <v>502</v>
      </c>
      <c r="U8" s="280">
        <v>1238</v>
      </c>
      <c r="V8" s="280">
        <v>2597</v>
      </c>
      <c r="W8" s="277">
        <v>4661</v>
      </c>
      <c r="X8" s="282">
        <v>4681</v>
      </c>
      <c r="Y8" s="276">
        <v>2022</v>
      </c>
      <c r="Z8" s="280">
        <v>6357</v>
      </c>
      <c r="AA8" s="277">
        <v>8379</v>
      </c>
      <c r="AB8" s="279">
        <v>0</v>
      </c>
      <c r="AC8" s="280">
        <v>22072</v>
      </c>
      <c r="AD8" s="280">
        <v>22950</v>
      </c>
      <c r="AE8" s="280">
        <v>17168</v>
      </c>
      <c r="AF8" s="280">
        <v>15770</v>
      </c>
      <c r="AG8" s="280">
        <v>12874</v>
      </c>
      <c r="AH8" s="277">
        <v>90834</v>
      </c>
      <c r="AI8" s="282">
        <v>99213</v>
      </c>
      <c r="AJ8" s="276">
        <v>150</v>
      </c>
      <c r="AK8" s="280">
        <v>620</v>
      </c>
      <c r="AL8" s="277">
        <v>770</v>
      </c>
      <c r="AM8" s="279">
        <v>0</v>
      </c>
      <c r="AN8" s="280">
        <v>1883</v>
      </c>
      <c r="AO8" s="280">
        <v>2335</v>
      </c>
      <c r="AP8" s="280">
        <v>1659</v>
      </c>
      <c r="AQ8" s="280">
        <v>1871</v>
      </c>
      <c r="AR8" s="280">
        <v>869</v>
      </c>
      <c r="AS8" s="277">
        <v>8617</v>
      </c>
      <c r="AT8" s="282">
        <v>9387</v>
      </c>
      <c r="AU8" s="276">
        <v>0</v>
      </c>
      <c r="AV8" s="280">
        <v>0</v>
      </c>
      <c r="AW8" s="277">
        <v>0</v>
      </c>
      <c r="AX8" s="279">
        <v>0</v>
      </c>
      <c r="AY8" s="280">
        <v>30385</v>
      </c>
      <c r="AZ8" s="280">
        <v>24168</v>
      </c>
      <c r="BA8" s="280">
        <v>16230</v>
      </c>
      <c r="BB8" s="280">
        <v>10163</v>
      </c>
      <c r="BC8" s="280">
        <v>5142</v>
      </c>
      <c r="BD8" s="281">
        <v>86088</v>
      </c>
      <c r="BE8" s="282">
        <v>86088</v>
      </c>
      <c r="BF8" s="276">
        <v>0</v>
      </c>
      <c r="BG8" s="280">
        <v>0</v>
      </c>
      <c r="BH8" s="277">
        <v>0</v>
      </c>
      <c r="BI8" s="279">
        <v>0</v>
      </c>
      <c r="BJ8" s="280">
        <v>3924</v>
      </c>
      <c r="BK8" s="280">
        <v>5171</v>
      </c>
      <c r="BL8" s="280">
        <v>3478</v>
      </c>
      <c r="BM8" s="280">
        <v>2643</v>
      </c>
      <c r="BN8" s="280">
        <v>989</v>
      </c>
      <c r="BO8" s="277">
        <v>16205</v>
      </c>
      <c r="BP8" s="282">
        <v>16205</v>
      </c>
      <c r="BQ8" s="276">
        <v>31</v>
      </c>
      <c r="BR8" s="280">
        <v>72</v>
      </c>
      <c r="BS8" s="277">
        <v>103</v>
      </c>
      <c r="BT8" s="279">
        <v>0</v>
      </c>
      <c r="BU8" s="280">
        <v>1929</v>
      </c>
      <c r="BV8" s="280">
        <v>3204</v>
      </c>
      <c r="BW8" s="280">
        <v>5681</v>
      </c>
      <c r="BX8" s="280">
        <v>4777</v>
      </c>
      <c r="BY8" s="280">
        <v>2605</v>
      </c>
      <c r="BZ8" s="277">
        <v>18196</v>
      </c>
      <c r="CA8" s="282">
        <v>18299</v>
      </c>
      <c r="CB8" s="276">
        <v>0</v>
      </c>
      <c r="CC8" s="280">
        <v>3</v>
      </c>
      <c r="CD8" s="277">
        <v>3</v>
      </c>
      <c r="CE8" s="279">
        <v>0</v>
      </c>
      <c r="CF8" s="280">
        <v>173</v>
      </c>
      <c r="CG8" s="280">
        <v>319</v>
      </c>
      <c r="CH8" s="280">
        <v>629</v>
      </c>
      <c r="CI8" s="280">
        <v>514</v>
      </c>
      <c r="CJ8" s="280">
        <v>354</v>
      </c>
      <c r="CK8" s="277">
        <v>1989</v>
      </c>
      <c r="CL8" s="282">
        <v>1992</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76">
        <v>0</v>
      </c>
      <c r="F9" s="279">
        <v>0</v>
      </c>
      <c r="G9" s="280">
        <v>13218</v>
      </c>
      <c r="H9" s="280">
        <v>24289</v>
      </c>
      <c r="I9" s="280">
        <v>29549</v>
      </c>
      <c r="J9" s="280">
        <v>28433</v>
      </c>
      <c r="K9" s="280">
        <v>25046</v>
      </c>
      <c r="L9" s="281">
        <v>120535</v>
      </c>
      <c r="M9" s="282">
        <v>120535</v>
      </c>
      <c r="N9" s="276">
        <v>0</v>
      </c>
      <c r="O9" s="280">
        <v>6</v>
      </c>
      <c r="P9" s="277">
        <v>6</v>
      </c>
      <c r="Q9" s="279">
        <v>0</v>
      </c>
      <c r="R9" s="280">
        <v>19</v>
      </c>
      <c r="S9" s="280">
        <v>110</v>
      </c>
      <c r="T9" s="280">
        <v>226</v>
      </c>
      <c r="U9" s="280">
        <v>590</v>
      </c>
      <c r="V9" s="280">
        <v>1127</v>
      </c>
      <c r="W9" s="277">
        <v>2072</v>
      </c>
      <c r="X9" s="282">
        <v>2078</v>
      </c>
      <c r="Y9" s="276">
        <v>646</v>
      </c>
      <c r="Z9" s="280">
        <v>2965</v>
      </c>
      <c r="AA9" s="277">
        <v>3611</v>
      </c>
      <c r="AB9" s="279">
        <v>0</v>
      </c>
      <c r="AC9" s="280">
        <v>5197</v>
      </c>
      <c r="AD9" s="280">
        <v>11184</v>
      </c>
      <c r="AE9" s="280">
        <v>7696</v>
      </c>
      <c r="AF9" s="280">
        <v>6722</v>
      </c>
      <c r="AG9" s="280">
        <v>5329</v>
      </c>
      <c r="AH9" s="277">
        <v>36128</v>
      </c>
      <c r="AI9" s="282">
        <v>39739</v>
      </c>
      <c r="AJ9" s="276">
        <v>60</v>
      </c>
      <c r="AK9" s="280">
        <v>442</v>
      </c>
      <c r="AL9" s="277">
        <v>502</v>
      </c>
      <c r="AM9" s="279">
        <v>0</v>
      </c>
      <c r="AN9" s="280">
        <v>258</v>
      </c>
      <c r="AO9" s="280">
        <v>977</v>
      </c>
      <c r="AP9" s="280">
        <v>688</v>
      </c>
      <c r="AQ9" s="280">
        <v>630</v>
      </c>
      <c r="AR9" s="280">
        <v>217</v>
      </c>
      <c r="AS9" s="277">
        <v>2770</v>
      </c>
      <c r="AT9" s="282">
        <v>3272</v>
      </c>
      <c r="AU9" s="276">
        <v>0</v>
      </c>
      <c r="AV9" s="280">
        <v>0</v>
      </c>
      <c r="AW9" s="277">
        <v>0</v>
      </c>
      <c r="AX9" s="279">
        <v>0</v>
      </c>
      <c r="AY9" s="280">
        <v>13364</v>
      </c>
      <c r="AZ9" s="280">
        <v>16720</v>
      </c>
      <c r="BA9" s="280">
        <v>12483</v>
      </c>
      <c r="BB9" s="280">
        <v>6265</v>
      </c>
      <c r="BC9" s="280">
        <v>3274</v>
      </c>
      <c r="BD9" s="281">
        <v>52106</v>
      </c>
      <c r="BE9" s="282">
        <v>52106</v>
      </c>
      <c r="BF9" s="276">
        <v>0</v>
      </c>
      <c r="BG9" s="280">
        <v>0</v>
      </c>
      <c r="BH9" s="277">
        <v>0</v>
      </c>
      <c r="BI9" s="279">
        <v>0</v>
      </c>
      <c r="BJ9" s="280">
        <v>999</v>
      </c>
      <c r="BK9" s="280">
        <v>2931</v>
      </c>
      <c r="BL9" s="280">
        <v>1911</v>
      </c>
      <c r="BM9" s="280">
        <v>1227</v>
      </c>
      <c r="BN9" s="280">
        <v>387</v>
      </c>
      <c r="BO9" s="277">
        <v>7455</v>
      </c>
      <c r="BP9" s="282">
        <v>7455</v>
      </c>
      <c r="BQ9" s="276">
        <v>4</v>
      </c>
      <c r="BR9" s="280">
        <v>107</v>
      </c>
      <c r="BS9" s="277">
        <v>111</v>
      </c>
      <c r="BT9" s="279">
        <v>0</v>
      </c>
      <c r="BU9" s="280">
        <v>828</v>
      </c>
      <c r="BV9" s="280">
        <v>2270</v>
      </c>
      <c r="BW9" s="280">
        <v>4228</v>
      </c>
      <c r="BX9" s="280">
        <v>4003</v>
      </c>
      <c r="BY9" s="280">
        <v>2031</v>
      </c>
      <c r="BZ9" s="277">
        <v>13360</v>
      </c>
      <c r="CA9" s="282">
        <v>13471</v>
      </c>
      <c r="CB9" s="276">
        <v>0</v>
      </c>
      <c r="CC9" s="280">
        <v>5</v>
      </c>
      <c r="CD9" s="277">
        <v>5</v>
      </c>
      <c r="CE9" s="279">
        <v>0</v>
      </c>
      <c r="CF9" s="280">
        <v>0</v>
      </c>
      <c r="CG9" s="280">
        <v>116</v>
      </c>
      <c r="CH9" s="280">
        <v>85</v>
      </c>
      <c r="CI9" s="280">
        <v>78</v>
      </c>
      <c r="CJ9" s="280">
        <v>9</v>
      </c>
      <c r="CK9" s="277">
        <v>288</v>
      </c>
      <c r="CL9" s="282">
        <v>293</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76">
        <v>0</v>
      </c>
      <c r="F10" s="279">
        <v>0</v>
      </c>
      <c r="G10" s="280">
        <v>16518</v>
      </c>
      <c r="H10" s="280">
        <v>17259</v>
      </c>
      <c r="I10" s="280">
        <v>20433</v>
      </c>
      <c r="J10" s="280">
        <v>26387</v>
      </c>
      <c r="K10" s="280">
        <v>24394</v>
      </c>
      <c r="L10" s="281">
        <v>104991</v>
      </c>
      <c r="M10" s="282">
        <v>104991</v>
      </c>
      <c r="N10" s="276">
        <v>0</v>
      </c>
      <c r="O10" s="280">
        <v>0</v>
      </c>
      <c r="P10" s="277">
        <v>0</v>
      </c>
      <c r="Q10" s="279">
        <v>0</v>
      </c>
      <c r="R10" s="280">
        <v>42</v>
      </c>
      <c r="S10" s="280">
        <v>185</v>
      </c>
      <c r="T10" s="280">
        <v>256</v>
      </c>
      <c r="U10" s="280">
        <v>607</v>
      </c>
      <c r="V10" s="280">
        <v>896</v>
      </c>
      <c r="W10" s="277">
        <v>1986</v>
      </c>
      <c r="X10" s="282">
        <v>1986</v>
      </c>
      <c r="Y10" s="276">
        <v>98</v>
      </c>
      <c r="Z10" s="280">
        <v>165</v>
      </c>
      <c r="AA10" s="277">
        <v>263</v>
      </c>
      <c r="AB10" s="279">
        <v>0</v>
      </c>
      <c r="AC10" s="280">
        <v>4142</v>
      </c>
      <c r="AD10" s="280">
        <v>4540</v>
      </c>
      <c r="AE10" s="280">
        <v>2913</v>
      </c>
      <c r="AF10" s="280">
        <v>3505</v>
      </c>
      <c r="AG10" s="280">
        <v>2715</v>
      </c>
      <c r="AH10" s="277">
        <v>17815</v>
      </c>
      <c r="AI10" s="282">
        <v>18078</v>
      </c>
      <c r="AJ10" s="276">
        <v>24</v>
      </c>
      <c r="AK10" s="280">
        <v>72</v>
      </c>
      <c r="AL10" s="277">
        <v>96</v>
      </c>
      <c r="AM10" s="279">
        <v>0</v>
      </c>
      <c r="AN10" s="280">
        <v>707</v>
      </c>
      <c r="AO10" s="280">
        <v>815</v>
      </c>
      <c r="AP10" s="280">
        <v>663</v>
      </c>
      <c r="AQ10" s="280">
        <v>781</v>
      </c>
      <c r="AR10" s="280">
        <v>359</v>
      </c>
      <c r="AS10" s="277">
        <v>3325</v>
      </c>
      <c r="AT10" s="282">
        <v>3421</v>
      </c>
      <c r="AU10" s="276">
        <v>0</v>
      </c>
      <c r="AV10" s="280">
        <v>0</v>
      </c>
      <c r="AW10" s="277">
        <v>0</v>
      </c>
      <c r="AX10" s="279">
        <v>0</v>
      </c>
      <c r="AY10" s="280">
        <v>13761</v>
      </c>
      <c r="AZ10" s="280">
        <v>9425</v>
      </c>
      <c r="BA10" s="280">
        <v>5042</v>
      </c>
      <c r="BB10" s="280">
        <v>2879</v>
      </c>
      <c r="BC10" s="280">
        <v>1192</v>
      </c>
      <c r="BD10" s="281">
        <v>32299</v>
      </c>
      <c r="BE10" s="282">
        <v>32299</v>
      </c>
      <c r="BF10" s="276">
        <v>0</v>
      </c>
      <c r="BG10" s="280">
        <v>0</v>
      </c>
      <c r="BH10" s="277">
        <v>0</v>
      </c>
      <c r="BI10" s="279">
        <v>0</v>
      </c>
      <c r="BJ10" s="280">
        <v>1843</v>
      </c>
      <c r="BK10" s="280">
        <v>1647</v>
      </c>
      <c r="BL10" s="280">
        <v>1055</v>
      </c>
      <c r="BM10" s="280">
        <v>639</v>
      </c>
      <c r="BN10" s="280">
        <v>190</v>
      </c>
      <c r="BO10" s="277">
        <v>5374</v>
      </c>
      <c r="BP10" s="282">
        <v>5374</v>
      </c>
      <c r="BQ10" s="276">
        <v>12</v>
      </c>
      <c r="BR10" s="280">
        <v>17</v>
      </c>
      <c r="BS10" s="277">
        <v>29</v>
      </c>
      <c r="BT10" s="279">
        <v>0</v>
      </c>
      <c r="BU10" s="280">
        <v>1581</v>
      </c>
      <c r="BV10" s="280">
        <v>2432</v>
      </c>
      <c r="BW10" s="280">
        <v>3210</v>
      </c>
      <c r="BX10" s="280">
        <v>2114</v>
      </c>
      <c r="BY10" s="280">
        <v>919</v>
      </c>
      <c r="BZ10" s="277">
        <v>10256</v>
      </c>
      <c r="CA10" s="282">
        <v>10285</v>
      </c>
      <c r="CB10" s="276">
        <v>0</v>
      </c>
      <c r="CC10" s="280">
        <v>0</v>
      </c>
      <c r="CD10" s="277">
        <v>0</v>
      </c>
      <c r="CE10" s="279">
        <v>0</v>
      </c>
      <c r="CF10" s="280">
        <v>38</v>
      </c>
      <c r="CG10" s="280">
        <v>113</v>
      </c>
      <c r="CH10" s="280">
        <v>197</v>
      </c>
      <c r="CI10" s="280">
        <v>130</v>
      </c>
      <c r="CJ10" s="280">
        <v>37</v>
      </c>
      <c r="CK10" s="277">
        <v>515</v>
      </c>
      <c r="CL10" s="282">
        <v>515</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76">
        <v>0</v>
      </c>
      <c r="F11" s="279">
        <v>0</v>
      </c>
      <c r="G11" s="280">
        <v>6363</v>
      </c>
      <c r="H11" s="280">
        <v>11713</v>
      </c>
      <c r="I11" s="280">
        <v>15260</v>
      </c>
      <c r="J11" s="280">
        <v>16494</v>
      </c>
      <c r="K11" s="280">
        <v>15002</v>
      </c>
      <c r="L11" s="281">
        <v>64832</v>
      </c>
      <c r="M11" s="282">
        <v>64832</v>
      </c>
      <c r="N11" s="276">
        <v>0</v>
      </c>
      <c r="O11" s="280">
        <v>0</v>
      </c>
      <c r="P11" s="277">
        <v>0</v>
      </c>
      <c r="Q11" s="279">
        <v>0</v>
      </c>
      <c r="R11" s="280">
        <v>29</v>
      </c>
      <c r="S11" s="280">
        <v>83</v>
      </c>
      <c r="T11" s="280">
        <v>93</v>
      </c>
      <c r="U11" s="280">
        <v>251</v>
      </c>
      <c r="V11" s="280">
        <v>540</v>
      </c>
      <c r="W11" s="277">
        <v>996</v>
      </c>
      <c r="X11" s="282">
        <v>996</v>
      </c>
      <c r="Y11" s="276">
        <v>210</v>
      </c>
      <c r="Z11" s="280">
        <v>317</v>
      </c>
      <c r="AA11" s="277">
        <v>527</v>
      </c>
      <c r="AB11" s="279">
        <v>0</v>
      </c>
      <c r="AC11" s="280">
        <v>1724</v>
      </c>
      <c r="AD11" s="280">
        <v>2516</v>
      </c>
      <c r="AE11" s="280">
        <v>1640</v>
      </c>
      <c r="AF11" s="280">
        <v>1744</v>
      </c>
      <c r="AG11" s="280">
        <v>1526</v>
      </c>
      <c r="AH11" s="277">
        <v>9150</v>
      </c>
      <c r="AI11" s="282">
        <v>9677</v>
      </c>
      <c r="AJ11" s="276">
        <v>31</v>
      </c>
      <c r="AK11" s="280">
        <v>129</v>
      </c>
      <c r="AL11" s="277">
        <v>160</v>
      </c>
      <c r="AM11" s="279">
        <v>0</v>
      </c>
      <c r="AN11" s="280">
        <v>762</v>
      </c>
      <c r="AO11" s="280">
        <v>1024</v>
      </c>
      <c r="AP11" s="280">
        <v>641</v>
      </c>
      <c r="AQ11" s="280">
        <v>523</v>
      </c>
      <c r="AR11" s="280">
        <v>285</v>
      </c>
      <c r="AS11" s="277">
        <v>3235</v>
      </c>
      <c r="AT11" s="282">
        <v>3395</v>
      </c>
      <c r="AU11" s="276">
        <v>0</v>
      </c>
      <c r="AV11" s="280">
        <v>0</v>
      </c>
      <c r="AW11" s="277">
        <v>0</v>
      </c>
      <c r="AX11" s="279">
        <v>0</v>
      </c>
      <c r="AY11" s="280">
        <v>5115</v>
      </c>
      <c r="AZ11" s="280">
        <v>6104</v>
      </c>
      <c r="BA11" s="280">
        <v>4029</v>
      </c>
      <c r="BB11" s="280">
        <v>2579</v>
      </c>
      <c r="BC11" s="280">
        <v>1334</v>
      </c>
      <c r="BD11" s="281">
        <v>19161</v>
      </c>
      <c r="BE11" s="282">
        <v>19161</v>
      </c>
      <c r="BF11" s="276">
        <v>0</v>
      </c>
      <c r="BG11" s="280">
        <v>0</v>
      </c>
      <c r="BH11" s="277">
        <v>0</v>
      </c>
      <c r="BI11" s="279">
        <v>0</v>
      </c>
      <c r="BJ11" s="280">
        <v>716</v>
      </c>
      <c r="BK11" s="280">
        <v>1214</v>
      </c>
      <c r="BL11" s="280">
        <v>764</v>
      </c>
      <c r="BM11" s="280">
        <v>458</v>
      </c>
      <c r="BN11" s="280">
        <v>112</v>
      </c>
      <c r="BO11" s="277">
        <v>3264</v>
      </c>
      <c r="BP11" s="282">
        <v>3264</v>
      </c>
      <c r="BQ11" s="276">
        <v>9</v>
      </c>
      <c r="BR11" s="280">
        <v>33</v>
      </c>
      <c r="BS11" s="277">
        <v>42</v>
      </c>
      <c r="BT11" s="279">
        <v>0</v>
      </c>
      <c r="BU11" s="280">
        <v>555</v>
      </c>
      <c r="BV11" s="280">
        <v>1265</v>
      </c>
      <c r="BW11" s="280">
        <v>2823</v>
      </c>
      <c r="BX11" s="280">
        <v>1522</v>
      </c>
      <c r="BY11" s="280">
        <v>564</v>
      </c>
      <c r="BZ11" s="277">
        <v>6729</v>
      </c>
      <c r="CA11" s="282">
        <v>6771</v>
      </c>
      <c r="CB11" s="276">
        <v>0</v>
      </c>
      <c r="CC11" s="280">
        <v>0</v>
      </c>
      <c r="CD11" s="277">
        <v>0</v>
      </c>
      <c r="CE11" s="279">
        <v>0</v>
      </c>
      <c r="CF11" s="280">
        <v>40</v>
      </c>
      <c r="CG11" s="280">
        <v>33</v>
      </c>
      <c r="CH11" s="280">
        <v>69</v>
      </c>
      <c r="CI11" s="280">
        <v>62</v>
      </c>
      <c r="CJ11" s="280">
        <v>3</v>
      </c>
      <c r="CK11" s="277">
        <v>207</v>
      </c>
      <c r="CL11" s="282">
        <v>207</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76">
        <v>0</v>
      </c>
      <c r="F12" s="279">
        <v>0</v>
      </c>
      <c r="G12" s="280">
        <v>6426</v>
      </c>
      <c r="H12" s="280">
        <v>7756</v>
      </c>
      <c r="I12" s="280">
        <v>9501</v>
      </c>
      <c r="J12" s="280">
        <v>12732</v>
      </c>
      <c r="K12" s="280">
        <v>13603</v>
      </c>
      <c r="L12" s="281">
        <v>50018</v>
      </c>
      <c r="M12" s="282">
        <v>50018</v>
      </c>
      <c r="N12" s="276">
        <v>0</v>
      </c>
      <c r="O12" s="280">
        <v>0</v>
      </c>
      <c r="P12" s="277">
        <v>0</v>
      </c>
      <c r="Q12" s="279">
        <v>0</v>
      </c>
      <c r="R12" s="280">
        <v>27</v>
      </c>
      <c r="S12" s="280">
        <v>29</v>
      </c>
      <c r="T12" s="280">
        <v>96</v>
      </c>
      <c r="U12" s="280">
        <v>257</v>
      </c>
      <c r="V12" s="280">
        <v>429</v>
      </c>
      <c r="W12" s="277">
        <v>838</v>
      </c>
      <c r="X12" s="282">
        <v>838</v>
      </c>
      <c r="Y12" s="276">
        <v>218</v>
      </c>
      <c r="Z12" s="280">
        <v>511</v>
      </c>
      <c r="AA12" s="277">
        <v>729</v>
      </c>
      <c r="AB12" s="279">
        <v>0</v>
      </c>
      <c r="AC12" s="280">
        <v>3139</v>
      </c>
      <c r="AD12" s="280">
        <v>2827</v>
      </c>
      <c r="AE12" s="280">
        <v>2290</v>
      </c>
      <c r="AF12" s="280">
        <v>2558</v>
      </c>
      <c r="AG12" s="280">
        <v>2045</v>
      </c>
      <c r="AH12" s="277">
        <v>12859</v>
      </c>
      <c r="AI12" s="282">
        <v>13588</v>
      </c>
      <c r="AJ12" s="276">
        <v>14</v>
      </c>
      <c r="AK12" s="280">
        <v>97</v>
      </c>
      <c r="AL12" s="277">
        <v>111</v>
      </c>
      <c r="AM12" s="279">
        <v>0</v>
      </c>
      <c r="AN12" s="280">
        <v>527</v>
      </c>
      <c r="AO12" s="280">
        <v>618</v>
      </c>
      <c r="AP12" s="280">
        <v>585</v>
      </c>
      <c r="AQ12" s="280">
        <v>510</v>
      </c>
      <c r="AR12" s="280">
        <v>334</v>
      </c>
      <c r="AS12" s="277">
        <v>2574</v>
      </c>
      <c r="AT12" s="282">
        <v>2685</v>
      </c>
      <c r="AU12" s="276">
        <v>0</v>
      </c>
      <c r="AV12" s="280">
        <v>0</v>
      </c>
      <c r="AW12" s="277">
        <v>0</v>
      </c>
      <c r="AX12" s="279">
        <v>0</v>
      </c>
      <c r="AY12" s="280">
        <v>4375</v>
      </c>
      <c r="AZ12" s="280">
        <v>3590</v>
      </c>
      <c r="BA12" s="280">
        <v>2315</v>
      </c>
      <c r="BB12" s="280">
        <v>1603</v>
      </c>
      <c r="BC12" s="280">
        <v>392</v>
      </c>
      <c r="BD12" s="281">
        <v>12275</v>
      </c>
      <c r="BE12" s="282">
        <v>12275</v>
      </c>
      <c r="BF12" s="276">
        <v>0</v>
      </c>
      <c r="BG12" s="280">
        <v>0</v>
      </c>
      <c r="BH12" s="277">
        <v>0</v>
      </c>
      <c r="BI12" s="279">
        <v>0</v>
      </c>
      <c r="BJ12" s="280">
        <v>884</v>
      </c>
      <c r="BK12" s="280">
        <v>855</v>
      </c>
      <c r="BL12" s="280">
        <v>574</v>
      </c>
      <c r="BM12" s="280">
        <v>533</v>
      </c>
      <c r="BN12" s="280">
        <v>157</v>
      </c>
      <c r="BO12" s="277">
        <v>3003</v>
      </c>
      <c r="BP12" s="282">
        <v>3003</v>
      </c>
      <c r="BQ12" s="276">
        <v>5</v>
      </c>
      <c r="BR12" s="280">
        <v>12</v>
      </c>
      <c r="BS12" s="277">
        <v>17</v>
      </c>
      <c r="BT12" s="279">
        <v>0</v>
      </c>
      <c r="BU12" s="280">
        <v>483</v>
      </c>
      <c r="BV12" s="280">
        <v>1037</v>
      </c>
      <c r="BW12" s="280">
        <v>1628</v>
      </c>
      <c r="BX12" s="280">
        <v>935</v>
      </c>
      <c r="BY12" s="280">
        <v>506</v>
      </c>
      <c r="BZ12" s="277">
        <v>4589</v>
      </c>
      <c r="CA12" s="282">
        <v>4606</v>
      </c>
      <c r="CB12" s="276">
        <v>0</v>
      </c>
      <c r="CC12" s="280">
        <v>3</v>
      </c>
      <c r="CD12" s="277">
        <v>3</v>
      </c>
      <c r="CE12" s="279">
        <v>0</v>
      </c>
      <c r="CF12" s="280">
        <v>44</v>
      </c>
      <c r="CG12" s="280">
        <v>69</v>
      </c>
      <c r="CH12" s="280">
        <v>159</v>
      </c>
      <c r="CI12" s="280">
        <v>155</v>
      </c>
      <c r="CJ12" s="280">
        <v>65</v>
      </c>
      <c r="CK12" s="277">
        <v>492</v>
      </c>
      <c r="CL12" s="282">
        <v>495</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76">
        <v>0</v>
      </c>
      <c r="F13" s="279">
        <v>0</v>
      </c>
      <c r="G13" s="280">
        <v>16527</v>
      </c>
      <c r="H13" s="280">
        <v>15979</v>
      </c>
      <c r="I13" s="280">
        <v>19872</v>
      </c>
      <c r="J13" s="280">
        <v>28047</v>
      </c>
      <c r="K13" s="280">
        <v>22604</v>
      </c>
      <c r="L13" s="281">
        <v>103029</v>
      </c>
      <c r="M13" s="282">
        <v>103029</v>
      </c>
      <c r="N13" s="276">
        <v>0</v>
      </c>
      <c r="O13" s="280">
        <v>3</v>
      </c>
      <c r="P13" s="277">
        <v>3</v>
      </c>
      <c r="Q13" s="279">
        <v>0</v>
      </c>
      <c r="R13" s="280">
        <v>65</v>
      </c>
      <c r="S13" s="280">
        <v>87</v>
      </c>
      <c r="T13" s="280">
        <v>173</v>
      </c>
      <c r="U13" s="280">
        <v>407</v>
      </c>
      <c r="V13" s="280">
        <v>810</v>
      </c>
      <c r="W13" s="277">
        <v>1542</v>
      </c>
      <c r="X13" s="282">
        <v>1545</v>
      </c>
      <c r="Y13" s="276">
        <v>941</v>
      </c>
      <c r="Z13" s="280">
        <v>2015</v>
      </c>
      <c r="AA13" s="277">
        <v>2956</v>
      </c>
      <c r="AB13" s="279">
        <v>0</v>
      </c>
      <c r="AC13" s="280">
        <v>7033</v>
      </c>
      <c r="AD13" s="280">
        <v>5522</v>
      </c>
      <c r="AE13" s="280">
        <v>3094</v>
      </c>
      <c r="AF13" s="280">
        <v>3029</v>
      </c>
      <c r="AG13" s="280">
        <v>3109</v>
      </c>
      <c r="AH13" s="277">
        <v>21787</v>
      </c>
      <c r="AI13" s="282">
        <v>24743</v>
      </c>
      <c r="AJ13" s="276">
        <v>218</v>
      </c>
      <c r="AK13" s="280">
        <v>509</v>
      </c>
      <c r="AL13" s="277">
        <v>727</v>
      </c>
      <c r="AM13" s="279">
        <v>0</v>
      </c>
      <c r="AN13" s="280">
        <v>1206</v>
      </c>
      <c r="AO13" s="280">
        <v>1024</v>
      </c>
      <c r="AP13" s="280">
        <v>794</v>
      </c>
      <c r="AQ13" s="280">
        <v>465</v>
      </c>
      <c r="AR13" s="280">
        <v>587</v>
      </c>
      <c r="AS13" s="277">
        <v>4076</v>
      </c>
      <c r="AT13" s="282">
        <v>4803</v>
      </c>
      <c r="AU13" s="276">
        <v>0</v>
      </c>
      <c r="AV13" s="280">
        <v>0</v>
      </c>
      <c r="AW13" s="277">
        <v>0</v>
      </c>
      <c r="AX13" s="279">
        <v>0</v>
      </c>
      <c r="AY13" s="280">
        <v>12615</v>
      </c>
      <c r="AZ13" s="280">
        <v>7993</v>
      </c>
      <c r="BA13" s="280">
        <v>5172</v>
      </c>
      <c r="BB13" s="280">
        <v>3484</v>
      </c>
      <c r="BC13" s="280">
        <v>1355</v>
      </c>
      <c r="BD13" s="281">
        <v>30619</v>
      </c>
      <c r="BE13" s="282">
        <v>30619</v>
      </c>
      <c r="BF13" s="276">
        <v>0</v>
      </c>
      <c r="BG13" s="280">
        <v>0</v>
      </c>
      <c r="BH13" s="277">
        <v>0</v>
      </c>
      <c r="BI13" s="279">
        <v>0</v>
      </c>
      <c r="BJ13" s="280">
        <v>1768</v>
      </c>
      <c r="BK13" s="280">
        <v>1485</v>
      </c>
      <c r="BL13" s="280">
        <v>675</v>
      </c>
      <c r="BM13" s="280">
        <v>463</v>
      </c>
      <c r="BN13" s="280">
        <v>140</v>
      </c>
      <c r="BO13" s="277">
        <v>4531</v>
      </c>
      <c r="BP13" s="282">
        <v>4531</v>
      </c>
      <c r="BQ13" s="276">
        <v>46</v>
      </c>
      <c r="BR13" s="280">
        <v>156</v>
      </c>
      <c r="BS13" s="277">
        <v>202</v>
      </c>
      <c r="BT13" s="279">
        <v>0</v>
      </c>
      <c r="BU13" s="280">
        <v>1113</v>
      </c>
      <c r="BV13" s="280">
        <v>1516</v>
      </c>
      <c r="BW13" s="280">
        <v>2129</v>
      </c>
      <c r="BX13" s="280">
        <v>2078</v>
      </c>
      <c r="BY13" s="280">
        <v>998</v>
      </c>
      <c r="BZ13" s="277">
        <v>7834</v>
      </c>
      <c r="CA13" s="282">
        <v>8036</v>
      </c>
      <c r="CB13" s="276">
        <v>0</v>
      </c>
      <c r="CC13" s="280">
        <v>17</v>
      </c>
      <c r="CD13" s="277">
        <v>17</v>
      </c>
      <c r="CE13" s="279">
        <v>0</v>
      </c>
      <c r="CF13" s="280">
        <v>59</v>
      </c>
      <c r="CG13" s="280">
        <v>125</v>
      </c>
      <c r="CH13" s="280">
        <v>106</v>
      </c>
      <c r="CI13" s="280">
        <v>58</v>
      </c>
      <c r="CJ13" s="280">
        <v>67</v>
      </c>
      <c r="CK13" s="277">
        <v>415</v>
      </c>
      <c r="CL13" s="282">
        <v>432</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76">
        <v>0</v>
      </c>
      <c r="F14" s="279">
        <v>0</v>
      </c>
      <c r="G14" s="280">
        <v>4816</v>
      </c>
      <c r="H14" s="280">
        <v>6781</v>
      </c>
      <c r="I14" s="280">
        <v>7816</v>
      </c>
      <c r="J14" s="280">
        <v>9654</v>
      </c>
      <c r="K14" s="280">
        <v>9628</v>
      </c>
      <c r="L14" s="281">
        <v>38695</v>
      </c>
      <c r="M14" s="282">
        <v>38695</v>
      </c>
      <c r="N14" s="276">
        <v>0</v>
      </c>
      <c r="O14" s="280">
        <v>4</v>
      </c>
      <c r="P14" s="277">
        <v>4</v>
      </c>
      <c r="Q14" s="279">
        <v>0</v>
      </c>
      <c r="R14" s="280">
        <v>20</v>
      </c>
      <c r="S14" s="280">
        <v>53</v>
      </c>
      <c r="T14" s="280">
        <v>140</v>
      </c>
      <c r="U14" s="280">
        <v>242</v>
      </c>
      <c r="V14" s="280">
        <v>323</v>
      </c>
      <c r="W14" s="277">
        <v>778</v>
      </c>
      <c r="X14" s="282">
        <v>782</v>
      </c>
      <c r="Y14" s="276">
        <v>177</v>
      </c>
      <c r="Z14" s="280">
        <v>330</v>
      </c>
      <c r="AA14" s="277">
        <v>507</v>
      </c>
      <c r="AB14" s="279">
        <v>0</v>
      </c>
      <c r="AC14" s="280">
        <v>2486</v>
      </c>
      <c r="AD14" s="280">
        <v>2071</v>
      </c>
      <c r="AE14" s="280">
        <v>1640</v>
      </c>
      <c r="AF14" s="280">
        <v>1679</v>
      </c>
      <c r="AG14" s="280">
        <v>1211</v>
      </c>
      <c r="AH14" s="277">
        <v>9087</v>
      </c>
      <c r="AI14" s="282">
        <v>9594</v>
      </c>
      <c r="AJ14" s="276">
        <v>42</v>
      </c>
      <c r="AK14" s="280">
        <v>67</v>
      </c>
      <c r="AL14" s="277">
        <v>109</v>
      </c>
      <c r="AM14" s="279">
        <v>0</v>
      </c>
      <c r="AN14" s="280">
        <v>269</v>
      </c>
      <c r="AO14" s="280">
        <v>315</v>
      </c>
      <c r="AP14" s="280">
        <v>379</v>
      </c>
      <c r="AQ14" s="280">
        <v>351</v>
      </c>
      <c r="AR14" s="280">
        <v>68</v>
      </c>
      <c r="AS14" s="277">
        <v>1382</v>
      </c>
      <c r="AT14" s="282">
        <v>1491</v>
      </c>
      <c r="AU14" s="276">
        <v>0</v>
      </c>
      <c r="AV14" s="280">
        <v>0</v>
      </c>
      <c r="AW14" s="277">
        <v>0</v>
      </c>
      <c r="AX14" s="279">
        <v>0</v>
      </c>
      <c r="AY14" s="280">
        <v>6533</v>
      </c>
      <c r="AZ14" s="280">
        <v>4366</v>
      </c>
      <c r="BA14" s="280">
        <v>3069</v>
      </c>
      <c r="BB14" s="280">
        <v>2057</v>
      </c>
      <c r="BC14" s="280">
        <v>953</v>
      </c>
      <c r="BD14" s="281">
        <v>16978</v>
      </c>
      <c r="BE14" s="282">
        <v>16978</v>
      </c>
      <c r="BF14" s="276">
        <v>0</v>
      </c>
      <c r="BG14" s="280">
        <v>0</v>
      </c>
      <c r="BH14" s="277">
        <v>0</v>
      </c>
      <c r="BI14" s="279">
        <v>0</v>
      </c>
      <c r="BJ14" s="280">
        <v>1344</v>
      </c>
      <c r="BK14" s="280">
        <v>993</v>
      </c>
      <c r="BL14" s="280">
        <v>708</v>
      </c>
      <c r="BM14" s="280">
        <v>491</v>
      </c>
      <c r="BN14" s="280">
        <v>136</v>
      </c>
      <c r="BO14" s="277">
        <v>3672</v>
      </c>
      <c r="BP14" s="282">
        <v>3672</v>
      </c>
      <c r="BQ14" s="276">
        <v>27</v>
      </c>
      <c r="BR14" s="280">
        <v>63</v>
      </c>
      <c r="BS14" s="277">
        <v>90</v>
      </c>
      <c r="BT14" s="279">
        <v>0</v>
      </c>
      <c r="BU14" s="280">
        <v>743</v>
      </c>
      <c r="BV14" s="280">
        <v>798</v>
      </c>
      <c r="BW14" s="280">
        <v>1177</v>
      </c>
      <c r="BX14" s="280">
        <v>944</v>
      </c>
      <c r="BY14" s="280">
        <v>440</v>
      </c>
      <c r="BZ14" s="277">
        <v>4102</v>
      </c>
      <c r="CA14" s="282">
        <v>4192</v>
      </c>
      <c r="CB14" s="276">
        <v>0</v>
      </c>
      <c r="CC14" s="280">
        <v>0</v>
      </c>
      <c r="CD14" s="277">
        <v>0</v>
      </c>
      <c r="CE14" s="279">
        <v>0</v>
      </c>
      <c r="CF14" s="280">
        <v>26</v>
      </c>
      <c r="CG14" s="280">
        <v>46</v>
      </c>
      <c r="CH14" s="280">
        <v>80</v>
      </c>
      <c r="CI14" s="280">
        <v>31</v>
      </c>
      <c r="CJ14" s="280">
        <v>128</v>
      </c>
      <c r="CK14" s="277">
        <v>311</v>
      </c>
      <c r="CL14" s="282">
        <v>311</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76">
        <v>0</v>
      </c>
      <c r="F15" s="279">
        <v>0</v>
      </c>
      <c r="G15" s="280">
        <v>5936</v>
      </c>
      <c r="H15" s="280">
        <v>8639</v>
      </c>
      <c r="I15" s="280">
        <v>9618</v>
      </c>
      <c r="J15" s="280">
        <v>12542</v>
      </c>
      <c r="K15" s="280">
        <v>12101</v>
      </c>
      <c r="L15" s="281">
        <v>48836</v>
      </c>
      <c r="M15" s="282">
        <v>48836</v>
      </c>
      <c r="N15" s="276">
        <v>0</v>
      </c>
      <c r="O15" s="280">
        <v>18</v>
      </c>
      <c r="P15" s="277">
        <v>18</v>
      </c>
      <c r="Q15" s="279">
        <v>0</v>
      </c>
      <c r="R15" s="280">
        <v>27</v>
      </c>
      <c r="S15" s="280">
        <v>65</v>
      </c>
      <c r="T15" s="280">
        <v>111</v>
      </c>
      <c r="U15" s="280">
        <v>290</v>
      </c>
      <c r="V15" s="280">
        <v>402</v>
      </c>
      <c r="W15" s="277">
        <v>895</v>
      </c>
      <c r="X15" s="282">
        <v>913</v>
      </c>
      <c r="Y15" s="276">
        <v>482</v>
      </c>
      <c r="Z15" s="280">
        <v>1532</v>
      </c>
      <c r="AA15" s="277">
        <v>2014</v>
      </c>
      <c r="AB15" s="279">
        <v>0</v>
      </c>
      <c r="AC15" s="280">
        <v>1980</v>
      </c>
      <c r="AD15" s="280">
        <v>2601</v>
      </c>
      <c r="AE15" s="280">
        <v>1832</v>
      </c>
      <c r="AF15" s="280">
        <v>1700</v>
      </c>
      <c r="AG15" s="280">
        <v>1346</v>
      </c>
      <c r="AH15" s="277">
        <v>9459</v>
      </c>
      <c r="AI15" s="282">
        <v>11473</v>
      </c>
      <c r="AJ15" s="276">
        <v>40</v>
      </c>
      <c r="AK15" s="280">
        <v>258</v>
      </c>
      <c r="AL15" s="277">
        <v>298</v>
      </c>
      <c r="AM15" s="279">
        <v>0</v>
      </c>
      <c r="AN15" s="280">
        <v>167</v>
      </c>
      <c r="AO15" s="280">
        <v>479</v>
      </c>
      <c r="AP15" s="280">
        <v>366</v>
      </c>
      <c r="AQ15" s="280">
        <v>246</v>
      </c>
      <c r="AR15" s="280">
        <v>183</v>
      </c>
      <c r="AS15" s="277">
        <v>1441</v>
      </c>
      <c r="AT15" s="282">
        <v>1739</v>
      </c>
      <c r="AU15" s="276">
        <v>0</v>
      </c>
      <c r="AV15" s="280">
        <v>0</v>
      </c>
      <c r="AW15" s="277">
        <v>0</v>
      </c>
      <c r="AX15" s="279">
        <v>0</v>
      </c>
      <c r="AY15" s="280">
        <v>5543</v>
      </c>
      <c r="AZ15" s="280">
        <v>4306</v>
      </c>
      <c r="BA15" s="280">
        <v>3051</v>
      </c>
      <c r="BB15" s="280">
        <v>2357</v>
      </c>
      <c r="BC15" s="280">
        <v>1001</v>
      </c>
      <c r="BD15" s="281">
        <v>16258</v>
      </c>
      <c r="BE15" s="282">
        <v>16258</v>
      </c>
      <c r="BF15" s="276">
        <v>0</v>
      </c>
      <c r="BG15" s="280">
        <v>0</v>
      </c>
      <c r="BH15" s="277">
        <v>0</v>
      </c>
      <c r="BI15" s="279">
        <v>0</v>
      </c>
      <c r="BJ15" s="280">
        <v>920</v>
      </c>
      <c r="BK15" s="280">
        <v>1293</v>
      </c>
      <c r="BL15" s="280">
        <v>930</v>
      </c>
      <c r="BM15" s="280">
        <v>618</v>
      </c>
      <c r="BN15" s="280">
        <v>206</v>
      </c>
      <c r="BO15" s="277">
        <v>3967</v>
      </c>
      <c r="BP15" s="282">
        <v>3967</v>
      </c>
      <c r="BQ15" s="276">
        <v>38</v>
      </c>
      <c r="BR15" s="280">
        <v>83</v>
      </c>
      <c r="BS15" s="277">
        <v>121</v>
      </c>
      <c r="BT15" s="279">
        <v>0</v>
      </c>
      <c r="BU15" s="280">
        <v>710</v>
      </c>
      <c r="BV15" s="280">
        <v>707</v>
      </c>
      <c r="BW15" s="280">
        <v>1305</v>
      </c>
      <c r="BX15" s="280">
        <v>1103</v>
      </c>
      <c r="BY15" s="280">
        <v>754</v>
      </c>
      <c r="BZ15" s="277">
        <v>4579</v>
      </c>
      <c r="CA15" s="282">
        <v>4700</v>
      </c>
      <c r="CB15" s="276">
        <v>0</v>
      </c>
      <c r="CC15" s="280">
        <v>0</v>
      </c>
      <c r="CD15" s="277">
        <v>0</v>
      </c>
      <c r="CE15" s="279">
        <v>0</v>
      </c>
      <c r="CF15" s="280">
        <v>9</v>
      </c>
      <c r="CG15" s="280">
        <v>49</v>
      </c>
      <c r="CH15" s="280">
        <v>34</v>
      </c>
      <c r="CI15" s="280">
        <v>23</v>
      </c>
      <c r="CJ15" s="280">
        <v>7</v>
      </c>
      <c r="CK15" s="277">
        <v>122</v>
      </c>
      <c r="CL15" s="282">
        <v>122</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76">
        <v>0</v>
      </c>
      <c r="F16" s="279">
        <v>0</v>
      </c>
      <c r="G16" s="280">
        <v>1949</v>
      </c>
      <c r="H16" s="280">
        <v>3125</v>
      </c>
      <c r="I16" s="280">
        <v>3761</v>
      </c>
      <c r="J16" s="280">
        <v>4745</v>
      </c>
      <c r="K16" s="280">
        <v>6488</v>
      </c>
      <c r="L16" s="281">
        <v>20068</v>
      </c>
      <c r="M16" s="282">
        <v>20068</v>
      </c>
      <c r="N16" s="276">
        <v>0</v>
      </c>
      <c r="O16" s="280">
        <v>0</v>
      </c>
      <c r="P16" s="277">
        <v>0</v>
      </c>
      <c r="Q16" s="279">
        <v>0</v>
      </c>
      <c r="R16" s="280">
        <v>2</v>
      </c>
      <c r="S16" s="280">
        <v>4</v>
      </c>
      <c r="T16" s="280">
        <v>26</v>
      </c>
      <c r="U16" s="280">
        <v>80</v>
      </c>
      <c r="V16" s="280">
        <v>200</v>
      </c>
      <c r="W16" s="277">
        <v>312</v>
      </c>
      <c r="X16" s="282">
        <v>312</v>
      </c>
      <c r="Y16" s="276">
        <v>46</v>
      </c>
      <c r="Z16" s="280">
        <v>167</v>
      </c>
      <c r="AA16" s="277">
        <v>213</v>
      </c>
      <c r="AB16" s="279">
        <v>0</v>
      </c>
      <c r="AC16" s="280">
        <v>1051</v>
      </c>
      <c r="AD16" s="280">
        <v>1248</v>
      </c>
      <c r="AE16" s="280">
        <v>936</v>
      </c>
      <c r="AF16" s="280">
        <v>850</v>
      </c>
      <c r="AG16" s="280">
        <v>732</v>
      </c>
      <c r="AH16" s="277">
        <v>4817</v>
      </c>
      <c r="AI16" s="282">
        <v>5030</v>
      </c>
      <c r="AJ16" s="276">
        <v>9</v>
      </c>
      <c r="AK16" s="280">
        <v>78</v>
      </c>
      <c r="AL16" s="277">
        <v>87</v>
      </c>
      <c r="AM16" s="279">
        <v>0</v>
      </c>
      <c r="AN16" s="280">
        <v>197</v>
      </c>
      <c r="AO16" s="280">
        <v>298</v>
      </c>
      <c r="AP16" s="280">
        <v>106</v>
      </c>
      <c r="AQ16" s="280">
        <v>140</v>
      </c>
      <c r="AR16" s="280">
        <v>146</v>
      </c>
      <c r="AS16" s="277">
        <v>887</v>
      </c>
      <c r="AT16" s="282">
        <v>974</v>
      </c>
      <c r="AU16" s="276">
        <v>0</v>
      </c>
      <c r="AV16" s="280">
        <v>0</v>
      </c>
      <c r="AW16" s="277">
        <v>0</v>
      </c>
      <c r="AX16" s="279">
        <v>0</v>
      </c>
      <c r="AY16" s="280">
        <v>1484</v>
      </c>
      <c r="AZ16" s="280">
        <v>1559</v>
      </c>
      <c r="BA16" s="280">
        <v>1051</v>
      </c>
      <c r="BB16" s="280">
        <v>576</v>
      </c>
      <c r="BC16" s="280">
        <v>259</v>
      </c>
      <c r="BD16" s="281">
        <v>4929</v>
      </c>
      <c r="BE16" s="282">
        <v>4929</v>
      </c>
      <c r="BF16" s="276">
        <v>0</v>
      </c>
      <c r="BG16" s="280">
        <v>0</v>
      </c>
      <c r="BH16" s="277">
        <v>0</v>
      </c>
      <c r="BI16" s="279">
        <v>0</v>
      </c>
      <c r="BJ16" s="280">
        <v>118</v>
      </c>
      <c r="BK16" s="280">
        <v>160</v>
      </c>
      <c r="BL16" s="280">
        <v>107</v>
      </c>
      <c r="BM16" s="280">
        <v>189</v>
      </c>
      <c r="BN16" s="280">
        <v>79</v>
      </c>
      <c r="BO16" s="277">
        <v>653</v>
      </c>
      <c r="BP16" s="282">
        <v>653</v>
      </c>
      <c r="BQ16" s="276">
        <v>0</v>
      </c>
      <c r="BR16" s="280">
        <v>8</v>
      </c>
      <c r="BS16" s="277">
        <v>8</v>
      </c>
      <c r="BT16" s="279">
        <v>0</v>
      </c>
      <c r="BU16" s="280">
        <v>166</v>
      </c>
      <c r="BV16" s="280">
        <v>224</v>
      </c>
      <c r="BW16" s="280">
        <v>520</v>
      </c>
      <c r="BX16" s="280">
        <v>478</v>
      </c>
      <c r="BY16" s="280">
        <v>131</v>
      </c>
      <c r="BZ16" s="277">
        <v>1519</v>
      </c>
      <c r="CA16" s="282">
        <v>1527</v>
      </c>
      <c r="CB16" s="276">
        <v>0</v>
      </c>
      <c r="CC16" s="280">
        <v>0</v>
      </c>
      <c r="CD16" s="277">
        <v>0</v>
      </c>
      <c r="CE16" s="279">
        <v>0</v>
      </c>
      <c r="CF16" s="280">
        <v>4</v>
      </c>
      <c r="CG16" s="280">
        <v>23</v>
      </c>
      <c r="CH16" s="280">
        <v>72</v>
      </c>
      <c r="CI16" s="280">
        <v>59</v>
      </c>
      <c r="CJ16" s="280">
        <v>16</v>
      </c>
      <c r="CK16" s="277">
        <v>174</v>
      </c>
      <c r="CL16" s="282">
        <v>174</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76">
        <v>0</v>
      </c>
      <c r="F17" s="279">
        <v>0</v>
      </c>
      <c r="G17" s="280">
        <v>969</v>
      </c>
      <c r="H17" s="280">
        <v>2521</v>
      </c>
      <c r="I17" s="280">
        <v>2008</v>
      </c>
      <c r="J17" s="280">
        <v>1619</v>
      </c>
      <c r="K17" s="280">
        <v>2528</v>
      </c>
      <c r="L17" s="281">
        <v>9645</v>
      </c>
      <c r="M17" s="282">
        <v>9645</v>
      </c>
      <c r="N17" s="276">
        <v>0</v>
      </c>
      <c r="O17" s="280">
        <v>0</v>
      </c>
      <c r="P17" s="277">
        <v>0</v>
      </c>
      <c r="Q17" s="279">
        <v>0</v>
      </c>
      <c r="R17" s="280">
        <v>0</v>
      </c>
      <c r="S17" s="280">
        <v>3</v>
      </c>
      <c r="T17" s="280">
        <v>48</v>
      </c>
      <c r="U17" s="280">
        <v>64</v>
      </c>
      <c r="V17" s="280">
        <v>119</v>
      </c>
      <c r="W17" s="277">
        <v>234</v>
      </c>
      <c r="X17" s="282">
        <v>234</v>
      </c>
      <c r="Y17" s="276">
        <v>2</v>
      </c>
      <c r="Z17" s="280">
        <v>85</v>
      </c>
      <c r="AA17" s="277">
        <v>87</v>
      </c>
      <c r="AB17" s="279">
        <v>0</v>
      </c>
      <c r="AC17" s="280">
        <v>364</v>
      </c>
      <c r="AD17" s="280">
        <v>478</v>
      </c>
      <c r="AE17" s="280">
        <v>333</v>
      </c>
      <c r="AF17" s="280">
        <v>296</v>
      </c>
      <c r="AG17" s="280">
        <v>379</v>
      </c>
      <c r="AH17" s="277">
        <v>1850</v>
      </c>
      <c r="AI17" s="282">
        <v>1937</v>
      </c>
      <c r="AJ17" s="276">
        <v>0</v>
      </c>
      <c r="AK17" s="280">
        <v>0</v>
      </c>
      <c r="AL17" s="277">
        <v>0</v>
      </c>
      <c r="AM17" s="279">
        <v>0</v>
      </c>
      <c r="AN17" s="280">
        <v>91</v>
      </c>
      <c r="AO17" s="280">
        <v>185</v>
      </c>
      <c r="AP17" s="280">
        <v>56</v>
      </c>
      <c r="AQ17" s="280">
        <v>46</v>
      </c>
      <c r="AR17" s="280">
        <v>89</v>
      </c>
      <c r="AS17" s="277">
        <v>467</v>
      </c>
      <c r="AT17" s="282">
        <v>467</v>
      </c>
      <c r="AU17" s="276">
        <v>0</v>
      </c>
      <c r="AV17" s="280">
        <v>0</v>
      </c>
      <c r="AW17" s="277">
        <v>0</v>
      </c>
      <c r="AX17" s="279">
        <v>0</v>
      </c>
      <c r="AY17" s="280">
        <v>900</v>
      </c>
      <c r="AZ17" s="280">
        <v>1173</v>
      </c>
      <c r="BA17" s="280">
        <v>605</v>
      </c>
      <c r="BB17" s="280">
        <v>241</v>
      </c>
      <c r="BC17" s="280">
        <v>120</v>
      </c>
      <c r="BD17" s="281">
        <v>3039</v>
      </c>
      <c r="BE17" s="282">
        <v>3039</v>
      </c>
      <c r="BF17" s="276">
        <v>0</v>
      </c>
      <c r="BG17" s="280">
        <v>0</v>
      </c>
      <c r="BH17" s="277">
        <v>0</v>
      </c>
      <c r="BI17" s="279">
        <v>0</v>
      </c>
      <c r="BJ17" s="280">
        <v>180</v>
      </c>
      <c r="BK17" s="280">
        <v>246</v>
      </c>
      <c r="BL17" s="280">
        <v>182</v>
      </c>
      <c r="BM17" s="280">
        <v>94</v>
      </c>
      <c r="BN17" s="280">
        <v>59</v>
      </c>
      <c r="BO17" s="277">
        <v>761</v>
      </c>
      <c r="BP17" s="282">
        <v>761</v>
      </c>
      <c r="BQ17" s="276">
        <v>0</v>
      </c>
      <c r="BR17" s="280">
        <v>3</v>
      </c>
      <c r="BS17" s="277">
        <v>3</v>
      </c>
      <c r="BT17" s="279">
        <v>0</v>
      </c>
      <c r="BU17" s="280">
        <v>95</v>
      </c>
      <c r="BV17" s="280">
        <v>408</v>
      </c>
      <c r="BW17" s="280">
        <v>766</v>
      </c>
      <c r="BX17" s="280">
        <v>738</v>
      </c>
      <c r="BY17" s="280">
        <v>301</v>
      </c>
      <c r="BZ17" s="277">
        <v>2308</v>
      </c>
      <c r="CA17" s="282">
        <v>2311</v>
      </c>
      <c r="CB17" s="276">
        <v>0</v>
      </c>
      <c r="CC17" s="280">
        <v>0</v>
      </c>
      <c r="CD17" s="277">
        <v>0</v>
      </c>
      <c r="CE17" s="279">
        <v>0</v>
      </c>
      <c r="CF17" s="280">
        <v>37</v>
      </c>
      <c r="CG17" s="280">
        <v>6</v>
      </c>
      <c r="CH17" s="280">
        <v>8</v>
      </c>
      <c r="CI17" s="280">
        <v>24</v>
      </c>
      <c r="CJ17" s="280">
        <v>11</v>
      </c>
      <c r="CK17" s="277">
        <v>86</v>
      </c>
      <c r="CL17" s="282">
        <v>86</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76">
        <v>0</v>
      </c>
      <c r="F18" s="279">
        <v>0</v>
      </c>
      <c r="G18" s="280">
        <v>2057</v>
      </c>
      <c r="H18" s="280">
        <v>3553</v>
      </c>
      <c r="I18" s="280">
        <v>4283</v>
      </c>
      <c r="J18" s="280">
        <v>4983</v>
      </c>
      <c r="K18" s="280">
        <v>4628</v>
      </c>
      <c r="L18" s="281">
        <v>19504</v>
      </c>
      <c r="M18" s="282">
        <v>19504</v>
      </c>
      <c r="N18" s="276">
        <v>0</v>
      </c>
      <c r="O18" s="280">
        <v>0</v>
      </c>
      <c r="P18" s="277">
        <v>0</v>
      </c>
      <c r="Q18" s="279">
        <v>0</v>
      </c>
      <c r="R18" s="280">
        <v>4</v>
      </c>
      <c r="S18" s="280">
        <v>39</v>
      </c>
      <c r="T18" s="280">
        <v>55</v>
      </c>
      <c r="U18" s="280">
        <v>89</v>
      </c>
      <c r="V18" s="280">
        <v>205</v>
      </c>
      <c r="W18" s="277">
        <v>392</v>
      </c>
      <c r="X18" s="282">
        <v>392</v>
      </c>
      <c r="Y18" s="276">
        <v>110</v>
      </c>
      <c r="Z18" s="280">
        <v>240</v>
      </c>
      <c r="AA18" s="277">
        <v>350</v>
      </c>
      <c r="AB18" s="279">
        <v>0</v>
      </c>
      <c r="AC18" s="280">
        <v>1257</v>
      </c>
      <c r="AD18" s="280">
        <v>2279</v>
      </c>
      <c r="AE18" s="280">
        <v>1575</v>
      </c>
      <c r="AF18" s="280">
        <v>1332</v>
      </c>
      <c r="AG18" s="280">
        <v>820</v>
      </c>
      <c r="AH18" s="277">
        <v>7263</v>
      </c>
      <c r="AI18" s="282">
        <v>7613</v>
      </c>
      <c r="AJ18" s="276">
        <v>18</v>
      </c>
      <c r="AK18" s="280">
        <v>36</v>
      </c>
      <c r="AL18" s="277">
        <v>54</v>
      </c>
      <c r="AM18" s="279">
        <v>0</v>
      </c>
      <c r="AN18" s="280">
        <v>50</v>
      </c>
      <c r="AO18" s="280">
        <v>514</v>
      </c>
      <c r="AP18" s="280">
        <v>162</v>
      </c>
      <c r="AQ18" s="280">
        <v>85</v>
      </c>
      <c r="AR18" s="280">
        <v>180</v>
      </c>
      <c r="AS18" s="277">
        <v>991</v>
      </c>
      <c r="AT18" s="282">
        <v>1045</v>
      </c>
      <c r="AU18" s="276">
        <v>0</v>
      </c>
      <c r="AV18" s="280">
        <v>0</v>
      </c>
      <c r="AW18" s="277">
        <v>0</v>
      </c>
      <c r="AX18" s="279">
        <v>0</v>
      </c>
      <c r="AY18" s="280">
        <v>3015</v>
      </c>
      <c r="AZ18" s="280">
        <v>4615</v>
      </c>
      <c r="BA18" s="280">
        <v>2720</v>
      </c>
      <c r="BB18" s="280">
        <v>1934</v>
      </c>
      <c r="BC18" s="280">
        <v>1268</v>
      </c>
      <c r="BD18" s="281">
        <v>13552</v>
      </c>
      <c r="BE18" s="282">
        <v>13552</v>
      </c>
      <c r="BF18" s="276">
        <v>0</v>
      </c>
      <c r="BG18" s="280">
        <v>0</v>
      </c>
      <c r="BH18" s="277">
        <v>0</v>
      </c>
      <c r="BI18" s="279">
        <v>0</v>
      </c>
      <c r="BJ18" s="280">
        <v>1466</v>
      </c>
      <c r="BK18" s="280">
        <v>2026</v>
      </c>
      <c r="BL18" s="280">
        <v>988</v>
      </c>
      <c r="BM18" s="280">
        <v>530</v>
      </c>
      <c r="BN18" s="280">
        <v>164</v>
      </c>
      <c r="BO18" s="277">
        <v>5174</v>
      </c>
      <c r="BP18" s="282">
        <v>5174</v>
      </c>
      <c r="BQ18" s="276">
        <v>0</v>
      </c>
      <c r="BR18" s="280">
        <v>0</v>
      </c>
      <c r="BS18" s="277">
        <v>0</v>
      </c>
      <c r="BT18" s="279">
        <v>0</v>
      </c>
      <c r="BU18" s="280">
        <v>281</v>
      </c>
      <c r="BV18" s="280">
        <v>695</v>
      </c>
      <c r="BW18" s="280">
        <v>813</v>
      </c>
      <c r="BX18" s="280">
        <v>641</v>
      </c>
      <c r="BY18" s="280">
        <v>174</v>
      </c>
      <c r="BZ18" s="277">
        <v>2604</v>
      </c>
      <c r="CA18" s="282">
        <v>2604</v>
      </c>
      <c r="CB18" s="276">
        <v>0</v>
      </c>
      <c r="CC18" s="280">
        <v>0</v>
      </c>
      <c r="CD18" s="277">
        <v>0</v>
      </c>
      <c r="CE18" s="279">
        <v>0</v>
      </c>
      <c r="CF18" s="280">
        <v>7</v>
      </c>
      <c r="CG18" s="280">
        <v>41</v>
      </c>
      <c r="CH18" s="280">
        <v>40</v>
      </c>
      <c r="CI18" s="280">
        <v>29</v>
      </c>
      <c r="CJ18" s="280">
        <v>25</v>
      </c>
      <c r="CK18" s="277">
        <v>142</v>
      </c>
      <c r="CL18" s="282">
        <v>142</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76">
        <v>0</v>
      </c>
      <c r="F19" s="279">
        <v>0</v>
      </c>
      <c r="G19" s="280">
        <v>2584</v>
      </c>
      <c r="H19" s="280">
        <v>6507</v>
      </c>
      <c r="I19" s="280">
        <v>8804</v>
      </c>
      <c r="J19" s="280">
        <v>10695</v>
      </c>
      <c r="K19" s="280">
        <v>10689</v>
      </c>
      <c r="L19" s="281">
        <v>39279</v>
      </c>
      <c r="M19" s="282">
        <v>39279</v>
      </c>
      <c r="N19" s="276">
        <v>0</v>
      </c>
      <c r="O19" s="280">
        <v>3</v>
      </c>
      <c r="P19" s="277">
        <v>3</v>
      </c>
      <c r="Q19" s="279">
        <v>0</v>
      </c>
      <c r="R19" s="280">
        <v>0</v>
      </c>
      <c r="S19" s="280">
        <v>27</v>
      </c>
      <c r="T19" s="280">
        <v>94</v>
      </c>
      <c r="U19" s="280">
        <v>179</v>
      </c>
      <c r="V19" s="280">
        <v>367</v>
      </c>
      <c r="W19" s="277">
        <v>667</v>
      </c>
      <c r="X19" s="282">
        <v>670</v>
      </c>
      <c r="Y19" s="276">
        <v>139</v>
      </c>
      <c r="Z19" s="280">
        <v>516</v>
      </c>
      <c r="AA19" s="277">
        <v>655</v>
      </c>
      <c r="AB19" s="279">
        <v>0</v>
      </c>
      <c r="AC19" s="280">
        <v>1138</v>
      </c>
      <c r="AD19" s="280">
        <v>2688</v>
      </c>
      <c r="AE19" s="280">
        <v>2121</v>
      </c>
      <c r="AF19" s="280">
        <v>1801</v>
      </c>
      <c r="AG19" s="280">
        <v>1604</v>
      </c>
      <c r="AH19" s="277">
        <v>9352</v>
      </c>
      <c r="AI19" s="282">
        <v>10007</v>
      </c>
      <c r="AJ19" s="276">
        <v>23</v>
      </c>
      <c r="AK19" s="280">
        <v>145</v>
      </c>
      <c r="AL19" s="277">
        <v>168</v>
      </c>
      <c r="AM19" s="279">
        <v>0</v>
      </c>
      <c r="AN19" s="280">
        <v>114</v>
      </c>
      <c r="AO19" s="280">
        <v>328</v>
      </c>
      <c r="AP19" s="280">
        <v>364</v>
      </c>
      <c r="AQ19" s="280">
        <v>206</v>
      </c>
      <c r="AR19" s="280">
        <v>214</v>
      </c>
      <c r="AS19" s="277">
        <v>1226</v>
      </c>
      <c r="AT19" s="282">
        <v>1394</v>
      </c>
      <c r="AU19" s="276">
        <v>0</v>
      </c>
      <c r="AV19" s="280">
        <v>0</v>
      </c>
      <c r="AW19" s="277">
        <v>0</v>
      </c>
      <c r="AX19" s="279">
        <v>0</v>
      </c>
      <c r="AY19" s="280">
        <v>2976</v>
      </c>
      <c r="AZ19" s="280">
        <v>5229</v>
      </c>
      <c r="BA19" s="280">
        <v>3453</v>
      </c>
      <c r="BB19" s="280">
        <v>2131</v>
      </c>
      <c r="BC19" s="280">
        <v>1041</v>
      </c>
      <c r="BD19" s="281">
        <v>14830</v>
      </c>
      <c r="BE19" s="282">
        <v>14830</v>
      </c>
      <c r="BF19" s="276">
        <v>0</v>
      </c>
      <c r="BG19" s="280">
        <v>0</v>
      </c>
      <c r="BH19" s="277">
        <v>0</v>
      </c>
      <c r="BI19" s="279">
        <v>0</v>
      </c>
      <c r="BJ19" s="280">
        <v>487</v>
      </c>
      <c r="BK19" s="280">
        <v>1385</v>
      </c>
      <c r="BL19" s="280">
        <v>757</v>
      </c>
      <c r="BM19" s="280">
        <v>319</v>
      </c>
      <c r="BN19" s="280">
        <v>147</v>
      </c>
      <c r="BO19" s="277">
        <v>3095</v>
      </c>
      <c r="BP19" s="282">
        <v>3095</v>
      </c>
      <c r="BQ19" s="276">
        <v>2</v>
      </c>
      <c r="BR19" s="280">
        <v>21</v>
      </c>
      <c r="BS19" s="277">
        <v>23</v>
      </c>
      <c r="BT19" s="279">
        <v>0</v>
      </c>
      <c r="BU19" s="280">
        <v>380</v>
      </c>
      <c r="BV19" s="280">
        <v>650</v>
      </c>
      <c r="BW19" s="280">
        <v>1337</v>
      </c>
      <c r="BX19" s="280">
        <v>1137</v>
      </c>
      <c r="BY19" s="280">
        <v>460</v>
      </c>
      <c r="BZ19" s="277">
        <v>3964</v>
      </c>
      <c r="CA19" s="282">
        <v>3987</v>
      </c>
      <c r="CB19" s="276">
        <v>0</v>
      </c>
      <c r="CC19" s="280">
        <v>3</v>
      </c>
      <c r="CD19" s="277">
        <v>3</v>
      </c>
      <c r="CE19" s="279">
        <v>0</v>
      </c>
      <c r="CF19" s="280">
        <v>40</v>
      </c>
      <c r="CG19" s="280">
        <v>171</v>
      </c>
      <c r="CH19" s="280">
        <v>69</v>
      </c>
      <c r="CI19" s="280">
        <v>95</v>
      </c>
      <c r="CJ19" s="280">
        <v>63</v>
      </c>
      <c r="CK19" s="277">
        <v>438</v>
      </c>
      <c r="CL19" s="282">
        <v>441</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76">
        <v>0</v>
      </c>
      <c r="F20" s="279">
        <v>0</v>
      </c>
      <c r="G20" s="280">
        <v>5534</v>
      </c>
      <c r="H20" s="280">
        <v>7465</v>
      </c>
      <c r="I20" s="280">
        <v>10533</v>
      </c>
      <c r="J20" s="280">
        <v>12916</v>
      </c>
      <c r="K20" s="280">
        <v>10827</v>
      </c>
      <c r="L20" s="281">
        <v>47275</v>
      </c>
      <c r="M20" s="282">
        <v>47275</v>
      </c>
      <c r="N20" s="276">
        <v>0</v>
      </c>
      <c r="O20" s="280">
        <v>0</v>
      </c>
      <c r="P20" s="277">
        <v>0</v>
      </c>
      <c r="Q20" s="279">
        <v>0</v>
      </c>
      <c r="R20" s="280">
        <v>5</v>
      </c>
      <c r="S20" s="280">
        <v>38</v>
      </c>
      <c r="T20" s="280">
        <v>74</v>
      </c>
      <c r="U20" s="280">
        <v>228</v>
      </c>
      <c r="V20" s="280">
        <v>455</v>
      </c>
      <c r="W20" s="277">
        <v>800</v>
      </c>
      <c r="X20" s="282">
        <v>800</v>
      </c>
      <c r="Y20" s="276">
        <v>280</v>
      </c>
      <c r="Z20" s="280">
        <v>736</v>
      </c>
      <c r="AA20" s="277">
        <v>1016</v>
      </c>
      <c r="AB20" s="279">
        <v>0</v>
      </c>
      <c r="AC20" s="280">
        <v>2635</v>
      </c>
      <c r="AD20" s="280">
        <v>3130</v>
      </c>
      <c r="AE20" s="280">
        <v>2134</v>
      </c>
      <c r="AF20" s="280">
        <v>1885</v>
      </c>
      <c r="AG20" s="280">
        <v>1522</v>
      </c>
      <c r="AH20" s="277">
        <v>11306</v>
      </c>
      <c r="AI20" s="282">
        <v>12322</v>
      </c>
      <c r="AJ20" s="276">
        <v>52</v>
      </c>
      <c r="AK20" s="280">
        <v>124</v>
      </c>
      <c r="AL20" s="277">
        <v>176</v>
      </c>
      <c r="AM20" s="279">
        <v>0</v>
      </c>
      <c r="AN20" s="280">
        <v>500</v>
      </c>
      <c r="AO20" s="280">
        <v>819</v>
      </c>
      <c r="AP20" s="280">
        <v>478</v>
      </c>
      <c r="AQ20" s="280">
        <v>281</v>
      </c>
      <c r="AR20" s="280">
        <v>202</v>
      </c>
      <c r="AS20" s="277">
        <v>2280</v>
      </c>
      <c r="AT20" s="282">
        <v>2456</v>
      </c>
      <c r="AU20" s="276">
        <v>0</v>
      </c>
      <c r="AV20" s="280">
        <v>0</v>
      </c>
      <c r="AW20" s="277">
        <v>0</v>
      </c>
      <c r="AX20" s="279">
        <v>0</v>
      </c>
      <c r="AY20" s="280">
        <v>5771</v>
      </c>
      <c r="AZ20" s="280">
        <v>5883</v>
      </c>
      <c r="BA20" s="280">
        <v>4455</v>
      </c>
      <c r="BB20" s="280">
        <v>2465</v>
      </c>
      <c r="BC20" s="280">
        <v>1029</v>
      </c>
      <c r="BD20" s="281">
        <v>19603</v>
      </c>
      <c r="BE20" s="282">
        <v>19603</v>
      </c>
      <c r="BF20" s="276">
        <v>0</v>
      </c>
      <c r="BG20" s="280">
        <v>0</v>
      </c>
      <c r="BH20" s="277">
        <v>0</v>
      </c>
      <c r="BI20" s="279">
        <v>0</v>
      </c>
      <c r="BJ20" s="280">
        <v>1235</v>
      </c>
      <c r="BK20" s="280">
        <v>1462</v>
      </c>
      <c r="BL20" s="280">
        <v>784</v>
      </c>
      <c r="BM20" s="280">
        <v>467</v>
      </c>
      <c r="BN20" s="280">
        <v>206</v>
      </c>
      <c r="BO20" s="277">
        <v>4154</v>
      </c>
      <c r="BP20" s="282">
        <v>4154</v>
      </c>
      <c r="BQ20" s="276">
        <v>2</v>
      </c>
      <c r="BR20" s="280">
        <v>21</v>
      </c>
      <c r="BS20" s="277">
        <v>23</v>
      </c>
      <c r="BT20" s="279">
        <v>0</v>
      </c>
      <c r="BU20" s="280">
        <v>364</v>
      </c>
      <c r="BV20" s="280">
        <v>1010</v>
      </c>
      <c r="BW20" s="280">
        <v>1688</v>
      </c>
      <c r="BX20" s="280">
        <v>1255</v>
      </c>
      <c r="BY20" s="280">
        <v>831</v>
      </c>
      <c r="BZ20" s="277">
        <v>5148</v>
      </c>
      <c r="CA20" s="282">
        <v>5171</v>
      </c>
      <c r="CB20" s="276">
        <v>0</v>
      </c>
      <c r="CC20" s="280">
        <v>0</v>
      </c>
      <c r="CD20" s="277">
        <v>0</v>
      </c>
      <c r="CE20" s="279">
        <v>0</v>
      </c>
      <c r="CF20" s="280">
        <v>4</v>
      </c>
      <c r="CG20" s="280">
        <v>5</v>
      </c>
      <c r="CH20" s="280">
        <v>21</v>
      </c>
      <c r="CI20" s="280">
        <v>30</v>
      </c>
      <c r="CJ20" s="280">
        <v>3</v>
      </c>
      <c r="CK20" s="277">
        <v>63</v>
      </c>
      <c r="CL20" s="282">
        <v>63</v>
      </c>
      <c r="CM20" s="276">
        <v>0</v>
      </c>
      <c r="CN20" s="280">
        <v>0</v>
      </c>
      <c r="CO20" s="277">
        <v>0</v>
      </c>
      <c r="CP20" s="279">
        <v>0</v>
      </c>
      <c r="CQ20" s="280">
        <v>0</v>
      </c>
      <c r="CR20" s="280">
        <v>7</v>
      </c>
      <c r="CS20" s="280">
        <v>0</v>
      </c>
      <c r="CT20" s="280">
        <v>0</v>
      </c>
      <c r="CU20" s="280">
        <v>0</v>
      </c>
      <c r="CV20" s="277">
        <v>7</v>
      </c>
      <c r="CW20" s="282">
        <v>7</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76">
        <v>0</v>
      </c>
      <c r="F21" s="279">
        <v>0</v>
      </c>
      <c r="G21" s="280">
        <v>1726</v>
      </c>
      <c r="H21" s="280">
        <v>2373</v>
      </c>
      <c r="I21" s="280">
        <v>3160</v>
      </c>
      <c r="J21" s="280">
        <v>3894</v>
      </c>
      <c r="K21" s="280">
        <v>3073</v>
      </c>
      <c r="L21" s="281">
        <v>14226</v>
      </c>
      <c r="M21" s="282">
        <v>14226</v>
      </c>
      <c r="N21" s="276">
        <v>0</v>
      </c>
      <c r="O21" s="280">
        <v>0</v>
      </c>
      <c r="P21" s="277">
        <v>0</v>
      </c>
      <c r="Q21" s="279">
        <v>0</v>
      </c>
      <c r="R21" s="280">
        <v>15</v>
      </c>
      <c r="S21" s="280">
        <v>23</v>
      </c>
      <c r="T21" s="280">
        <v>69</v>
      </c>
      <c r="U21" s="280">
        <v>74</v>
      </c>
      <c r="V21" s="280">
        <v>169</v>
      </c>
      <c r="W21" s="277">
        <v>350</v>
      </c>
      <c r="X21" s="282">
        <v>350</v>
      </c>
      <c r="Y21" s="276">
        <v>168</v>
      </c>
      <c r="Z21" s="280">
        <v>251</v>
      </c>
      <c r="AA21" s="277">
        <v>419</v>
      </c>
      <c r="AB21" s="279">
        <v>0</v>
      </c>
      <c r="AC21" s="280">
        <v>1257</v>
      </c>
      <c r="AD21" s="280">
        <v>1178</v>
      </c>
      <c r="AE21" s="280">
        <v>990</v>
      </c>
      <c r="AF21" s="280">
        <v>733</v>
      </c>
      <c r="AG21" s="280">
        <v>721</v>
      </c>
      <c r="AH21" s="277">
        <v>4879</v>
      </c>
      <c r="AI21" s="282">
        <v>5298</v>
      </c>
      <c r="AJ21" s="276">
        <v>18</v>
      </c>
      <c r="AK21" s="280">
        <v>40</v>
      </c>
      <c r="AL21" s="277">
        <v>58</v>
      </c>
      <c r="AM21" s="279">
        <v>0</v>
      </c>
      <c r="AN21" s="280">
        <v>216</v>
      </c>
      <c r="AO21" s="280">
        <v>152</v>
      </c>
      <c r="AP21" s="280">
        <v>128</v>
      </c>
      <c r="AQ21" s="280">
        <v>140</v>
      </c>
      <c r="AR21" s="280">
        <v>54</v>
      </c>
      <c r="AS21" s="277">
        <v>690</v>
      </c>
      <c r="AT21" s="282">
        <v>748</v>
      </c>
      <c r="AU21" s="276">
        <v>0</v>
      </c>
      <c r="AV21" s="280">
        <v>0</v>
      </c>
      <c r="AW21" s="277">
        <v>0</v>
      </c>
      <c r="AX21" s="279">
        <v>0</v>
      </c>
      <c r="AY21" s="280">
        <v>2063</v>
      </c>
      <c r="AZ21" s="280">
        <v>2373</v>
      </c>
      <c r="BA21" s="280">
        <v>1290</v>
      </c>
      <c r="BB21" s="280">
        <v>541</v>
      </c>
      <c r="BC21" s="280">
        <v>444</v>
      </c>
      <c r="BD21" s="281">
        <v>6711</v>
      </c>
      <c r="BE21" s="282">
        <v>6711</v>
      </c>
      <c r="BF21" s="276">
        <v>0</v>
      </c>
      <c r="BG21" s="280">
        <v>0</v>
      </c>
      <c r="BH21" s="277">
        <v>0</v>
      </c>
      <c r="BI21" s="279">
        <v>0</v>
      </c>
      <c r="BJ21" s="280">
        <v>707</v>
      </c>
      <c r="BK21" s="280">
        <v>743</v>
      </c>
      <c r="BL21" s="280">
        <v>507</v>
      </c>
      <c r="BM21" s="280">
        <v>244</v>
      </c>
      <c r="BN21" s="280">
        <v>108</v>
      </c>
      <c r="BO21" s="277">
        <v>2309</v>
      </c>
      <c r="BP21" s="282">
        <v>2309</v>
      </c>
      <c r="BQ21" s="276">
        <v>0</v>
      </c>
      <c r="BR21" s="280">
        <v>6</v>
      </c>
      <c r="BS21" s="277">
        <v>6</v>
      </c>
      <c r="BT21" s="279">
        <v>0</v>
      </c>
      <c r="BU21" s="280">
        <v>123</v>
      </c>
      <c r="BV21" s="280">
        <v>252</v>
      </c>
      <c r="BW21" s="280">
        <v>501</v>
      </c>
      <c r="BX21" s="280">
        <v>227</v>
      </c>
      <c r="BY21" s="280">
        <v>166</v>
      </c>
      <c r="BZ21" s="277">
        <v>1269</v>
      </c>
      <c r="CA21" s="282">
        <v>1275</v>
      </c>
      <c r="CB21" s="276">
        <v>0</v>
      </c>
      <c r="CC21" s="280">
        <v>2</v>
      </c>
      <c r="CD21" s="277">
        <v>2</v>
      </c>
      <c r="CE21" s="279">
        <v>0</v>
      </c>
      <c r="CF21" s="280">
        <v>8</v>
      </c>
      <c r="CG21" s="280">
        <v>53</v>
      </c>
      <c r="CH21" s="280">
        <v>43</v>
      </c>
      <c r="CI21" s="280">
        <v>112</v>
      </c>
      <c r="CJ21" s="280">
        <v>75</v>
      </c>
      <c r="CK21" s="277">
        <v>291</v>
      </c>
      <c r="CL21" s="282">
        <v>293</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76">
        <v>0</v>
      </c>
      <c r="F22" s="279">
        <v>0</v>
      </c>
      <c r="G22" s="280">
        <v>3106</v>
      </c>
      <c r="H22" s="280">
        <v>2697</v>
      </c>
      <c r="I22" s="280">
        <v>5617</v>
      </c>
      <c r="J22" s="280">
        <v>4904</v>
      </c>
      <c r="K22" s="280">
        <v>3797</v>
      </c>
      <c r="L22" s="281">
        <v>20121</v>
      </c>
      <c r="M22" s="282">
        <v>20121</v>
      </c>
      <c r="N22" s="276">
        <v>0</v>
      </c>
      <c r="O22" s="280">
        <v>0</v>
      </c>
      <c r="P22" s="277">
        <v>0</v>
      </c>
      <c r="Q22" s="279">
        <v>0</v>
      </c>
      <c r="R22" s="280">
        <v>9</v>
      </c>
      <c r="S22" s="280">
        <v>18</v>
      </c>
      <c r="T22" s="280">
        <v>76</v>
      </c>
      <c r="U22" s="280">
        <v>140</v>
      </c>
      <c r="V22" s="280">
        <v>217</v>
      </c>
      <c r="W22" s="277">
        <v>460</v>
      </c>
      <c r="X22" s="282">
        <v>460</v>
      </c>
      <c r="Y22" s="276">
        <v>305</v>
      </c>
      <c r="Z22" s="280">
        <v>623</v>
      </c>
      <c r="AA22" s="277">
        <v>928</v>
      </c>
      <c r="AB22" s="279">
        <v>0</v>
      </c>
      <c r="AC22" s="280">
        <v>2136</v>
      </c>
      <c r="AD22" s="280">
        <v>1860</v>
      </c>
      <c r="AE22" s="280">
        <v>1238</v>
      </c>
      <c r="AF22" s="280">
        <v>1092</v>
      </c>
      <c r="AG22" s="280">
        <v>673</v>
      </c>
      <c r="AH22" s="277">
        <v>6999</v>
      </c>
      <c r="AI22" s="282">
        <v>7927</v>
      </c>
      <c r="AJ22" s="276">
        <v>108</v>
      </c>
      <c r="AK22" s="280">
        <v>402</v>
      </c>
      <c r="AL22" s="277">
        <v>510</v>
      </c>
      <c r="AM22" s="279">
        <v>0</v>
      </c>
      <c r="AN22" s="280">
        <v>709</v>
      </c>
      <c r="AO22" s="280">
        <v>642</v>
      </c>
      <c r="AP22" s="280">
        <v>435</v>
      </c>
      <c r="AQ22" s="280">
        <v>355</v>
      </c>
      <c r="AR22" s="280">
        <v>151</v>
      </c>
      <c r="AS22" s="277">
        <v>2292</v>
      </c>
      <c r="AT22" s="282">
        <v>2802</v>
      </c>
      <c r="AU22" s="276">
        <v>0</v>
      </c>
      <c r="AV22" s="280">
        <v>0</v>
      </c>
      <c r="AW22" s="277">
        <v>0</v>
      </c>
      <c r="AX22" s="279">
        <v>0</v>
      </c>
      <c r="AY22" s="280">
        <v>2784</v>
      </c>
      <c r="AZ22" s="280">
        <v>2238</v>
      </c>
      <c r="BA22" s="280">
        <v>1692</v>
      </c>
      <c r="BB22" s="280">
        <v>882</v>
      </c>
      <c r="BC22" s="280">
        <v>333</v>
      </c>
      <c r="BD22" s="281">
        <v>7929</v>
      </c>
      <c r="BE22" s="282">
        <v>7929</v>
      </c>
      <c r="BF22" s="276">
        <v>0</v>
      </c>
      <c r="BG22" s="280">
        <v>0</v>
      </c>
      <c r="BH22" s="277">
        <v>0</v>
      </c>
      <c r="BI22" s="279">
        <v>0</v>
      </c>
      <c r="BJ22" s="280">
        <v>629</v>
      </c>
      <c r="BK22" s="280">
        <v>637</v>
      </c>
      <c r="BL22" s="280">
        <v>281</v>
      </c>
      <c r="BM22" s="280">
        <v>257</v>
      </c>
      <c r="BN22" s="280">
        <v>67</v>
      </c>
      <c r="BO22" s="277">
        <v>1871</v>
      </c>
      <c r="BP22" s="282">
        <v>1871</v>
      </c>
      <c r="BQ22" s="276">
        <v>13</v>
      </c>
      <c r="BR22" s="280">
        <v>23</v>
      </c>
      <c r="BS22" s="277">
        <v>36</v>
      </c>
      <c r="BT22" s="279">
        <v>0</v>
      </c>
      <c r="BU22" s="280">
        <v>357</v>
      </c>
      <c r="BV22" s="280">
        <v>712</v>
      </c>
      <c r="BW22" s="280">
        <v>1173</v>
      </c>
      <c r="BX22" s="280">
        <v>1048</v>
      </c>
      <c r="BY22" s="280">
        <v>236</v>
      </c>
      <c r="BZ22" s="277">
        <v>3526</v>
      </c>
      <c r="CA22" s="282">
        <v>3562</v>
      </c>
      <c r="CB22" s="276">
        <v>0</v>
      </c>
      <c r="CC22" s="280">
        <v>0</v>
      </c>
      <c r="CD22" s="277">
        <v>0</v>
      </c>
      <c r="CE22" s="279">
        <v>0</v>
      </c>
      <c r="CF22" s="280">
        <v>27</v>
      </c>
      <c r="CG22" s="280">
        <v>9</v>
      </c>
      <c r="CH22" s="280">
        <v>54</v>
      </c>
      <c r="CI22" s="280">
        <v>66</v>
      </c>
      <c r="CJ22" s="280">
        <v>28</v>
      </c>
      <c r="CK22" s="277">
        <v>184</v>
      </c>
      <c r="CL22" s="282">
        <v>184</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76">
        <v>0</v>
      </c>
      <c r="F23" s="279">
        <v>0</v>
      </c>
      <c r="G23" s="280">
        <v>2685</v>
      </c>
      <c r="H23" s="280">
        <v>6294</v>
      </c>
      <c r="I23" s="280">
        <v>6391</v>
      </c>
      <c r="J23" s="280">
        <v>7403</v>
      </c>
      <c r="K23" s="280">
        <v>5229</v>
      </c>
      <c r="L23" s="281">
        <v>28002</v>
      </c>
      <c r="M23" s="282">
        <v>28002</v>
      </c>
      <c r="N23" s="276">
        <v>0</v>
      </c>
      <c r="O23" s="280">
        <v>0</v>
      </c>
      <c r="P23" s="277">
        <v>0</v>
      </c>
      <c r="Q23" s="279">
        <v>0</v>
      </c>
      <c r="R23" s="280">
        <v>4</v>
      </c>
      <c r="S23" s="280">
        <v>27</v>
      </c>
      <c r="T23" s="280">
        <v>40</v>
      </c>
      <c r="U23" s="280">
        <v>154</v>
      </c>
      <c r="V23" s="280">
        <v>198</v>
      </c>
      <c r="W23" s="277">
        <v>423</v>
      </c>
      <c r="X23" s="282">
        <v>423</v>
      </c>
      <c r="Y23" s="276">
        <v>269</v>
      </c>
      <c r="Z23" s="280">
        <v>659</v>
      </c>
      <c r="AA23" s="277">
        <v>928</v>
      </c>
      <c r="AB23" s="279">
        <v>0</v>
      </c>
      <c r="AC23" s="280">
        <v>1793</v>
      </c>
      <c r="AD23" s="280">
        <v>2625</v>
      </c>
      <c r="AE23" s="280">
        <v>1409</v>
      </c>
      <c r="AF23" s="280">
        <v>1452</v>
      </c>
      <c r="AG23" s="280">
        <v>864</v>
      </c>
      <c r="AH23" s="277">
        <v>8143</v>
      </c>
      <c r="AI23" s="282">
        <v>9071</v>
      </c>
      <c r="AJ23" s="276">
        <v>134</v>
      </c>
      <c r="AK23" s="280">
        <v>314</v>
      </c>
      <c r="AL23" s="277">
        <v>448</v>
      </c>
      <c r="AM23" s="279">
        <v>0</v>
      </c>
      <c r="AN23" s="280">
        <v>204</v>
      </c>
      <c r="AO23" s="280">
        <v>448</v>
      </c>
      <c r="AP23" s="280">
        <v>195</v>
      </c>
      <c r="AQ23" s="280">
        <v>112</v>
      </c>
      <c r="AR23" s="280">
        <v>113</v>
      </c>
      <c r="AS23" s="277">
        <v>1072</v>
      </c>
      <c r="AT23" s="282">
        <v>1520</v>
      </c>
      <c r="AU23" s="276">
        <v>0</v>
      </c>
      <c r="AV23" s="280">
        <v>0</v>
      </c>
      <c r="AW23" s="277">
        <v>0</v>
      </c>
      <c r="AX23" s="279">
        <v>0</v>
      </c>
      <c r="AY23" s="280">
        <v>2618</v>
      </c>
      <c r="AZ23" s="280">
        <v>3098</v>
      </c>
      <c r="BA23" s="280">
        <v>2043</v>
      </c>
      <c r="BB23" s="280">
        <v>1011</v>
      </c>
      <c r="BC23" s="280">
        <v>280</v>
      </c>
      <c r="BD23" s="281">
        <v>9050</v>
      </c>
      <c r="BE23" s="282">
        <v>9050</v>
      </c>
      <c r="BF23" s="276">
        <v>0</v>
      </c>
      <c r="BG23" s="280">
        <v>0</v>
      </c>
      <c r="BH23" s="277">
        <v>0</v>
      </c>
      <c r="BI23" s="279">
        <v>0</v>
      </c>
      <c r="BJ23" s="280">
        <v>403</v>
      </c>
      <c r="BK23" s="280">
        <v>506</v>
      </c>
      <c r="BL23" s="280">
        <v>247</v>
      </c>
      <c r="BM23" s="280">
        <v>112</v>
      </c>
      <c r="BN23" s="280">
        <v>62</v>
      </c>
      <c r="BO23" s="277">
        <v>1330</v>
      </c>
      <c r="BP23" s="282">
        <v>1330</v>
      </c>
      <c r="BQ23" s="276">
        <v>3</v>
      </c>
      <c r="BR23" s="280">
        <v>7</v>
      </c>
      <c r="BS23" s="277">
        <v>10</v>
      </c>
      <c r="BT23" s="279">
        <v>0</v>
      </c>
      <c r="BU23" s="280">
        <v>190</v>
      </c>
      <c r="BV23" s="280">
        <v>429</v>
      </c>
      <c r="BW23" s="280">
        <v>937</v>
      </c>
      <c r="BX23" s="280">
        <v>945</v>
      </c>
      <c r="BY23" s="280">
        <v>483</v>
      </c>
      <c r="BZ23" s="277">
        <v>2984</v>
      </c>
      <c r="CA23" s="282">
        <v>2994</v>
      </c>
      <c r="CB23" s="276">
        <v>0</v>
      </c>
      <c r="CC23" s="280">
        <v>0</v>
      </c>
      <c r="CD23" s="277">
        <v>0</v>
      </c>
      <c r="CE23" s="279">
        <v>0</v>
      </c>
      <c r="CF23" s="280">
        <v>8</v>
      </c>
      <c r="CG23" s="280">
        <v>8</v>
      </c>
      <c r="CH23" s="280">
        <v>23</v>
      </c>
      <c r="CI23" s="280">
        <v>53</v>
      </c>
      <c r="CJ23" s="280">
        <v>20</v>
      </c>
      <c r="CK23" s="277">
        <v>112</v>
      </c>
      <c r="CL23" s="282">
        <v>112</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76">
        <v>0</v>
      </c>
      <c r="F24" s="279">
        <v>0</v>
      </c>
      <c r="G24" s="280">
        <v>585</v>
      </c>
      <c r="H24" s="280">
        <v>849</v>
      </c>
      <c r="I24" s="280">
        <v>486</v>
      </c>
      <c r="J24" s="280">
        <v>1268</v>
      </c>
      <c r="K24" s="280">
        <v>1534</v>
      </c>
      <c r="L24" s="281">
        <v>4722</v>
      </c>
      <c r="M24" s="282">
        <v>4722</v>
      </c>
      <c r="N24" s="276">
        <v>0</v>
      </c>
      <c r="O24" s="280">
        <v>0</v>
      </c>
      <c r="P24" s="277">
        <v>0</v>
      </c>
      <c r="Q24" s="279">
        <v>0</v>
      </c>
      <c r="R24" s="280">
        <v>5</v>
      </c>
      <c r="S24" s="280">
        <v>11</v>
      </c>
      <c r="T24" s="280">
        <v>27</v>
      </c>
      <c r="U24" s="280">
        <v>53</v>
      </c>
      <c r="V24" s="280">
        <v>117</v>
      </c>
      <c r="W24" s="277">
        <v>213</v>
      </c>
      <c r="X24" s="282">
        <v>213</v>
      </c>
      <c r="Y24" s="276">
        <v>19</v>
      </c>
      <c r="Z24" s="280">
        <v>49</v>
      </c>
      <c r="AA24" s="277">
        <v>68</v>
      </c>
      <c r="AB24" s="279">
        <v>0</v>
      </c>
      <c r="AC24" s="280">
        <v>380</v>
      </c>
      <c r="AD24" s="280">
        <v>461</v>
      </c>
      <c r="AE24" s="280">
        <v>338</v>
      </c>
      <c r="AF24" s="280">
        <v>297</v>
      </c>
      <c r="AG24" s="280">
        <v>371</v>
      </c>
      <c r="AH24" s="277">
        <v>1847</v>
      </c>
      <c r="AI24" s="282">
        <v>1915</v>
      </c>
      <c r="AJ24" s="276">
        <v>0</v>
      </c>
      <c r="AK24" s="280">
        <v>0</v>
      </c>
      <c r="AL24" s="277">
        <v>0</v>
      </c>
      <c r="AM24" s="279">
        <v>0</v>
      </c>
      <c r="AN24" s="280">
        <v>90</v>
      </c>
      <c r="AO24" s="280">
        <v>162</v>
      </c>
      <c r="AP24" s="280">
        <v>78</v>
      </c>
      <c r="AQ24" s="280">
        <v>30</v>
      </c>
      <c r="AR24" s="280">
        <v>44</v>
      </c>
      <c r="AS24" s="277">
        <v>404</v>
      </c>
      <c r="AT24" s="282">
        <v>404</v>
      </c>
      <c r="AU24" s="276">
        <v>0</v>
      </c>
      <c r="AV24" s="280">
        <v>0</v>
      </c>
      <c r="AW24" s="277">
        <v>0</v>
      </c>
      <c r="AX24" s="279">
        <v>0</v>
      </c>
      <c r="AY24" s="280">
        <v>1039</v>
      </c>
      <c r="AZ24" s="280">
        <v>1083</v>
      </c>
      <c r="BA24" s="280">
        <v>574</v>
      </c>
      <c r="BB24" s="280">
        <v>368</v>
      </c>
      <c r="BC24" s="280">
        <v>159</v>
      </c>
      <c r="BD24" s="281">
        <v>3223</v>
      </c>
      <c r="BE24" s="282">
        <v>3223</v>
      </c>
      <c r="BF24" s="276">
        <v>0</v>
      </c>
      <c r="BG24" s="280">
        <v>0</v>
      </c>
      <c r="BH24" s="277">
        <v>0</v>
      </c>
      <c r="BI24" s="279">
        <v>0</v>
      </c>
      <c r="BJ24" s="280">
        <v>120</v>
      </c>
      <c r="BK24" s="280">
        <v>233</v>
      </c>
      <c r="BL24" s="280">
        <v>123</v>
      </c>
      <c r="BM24" s="280">
        <v>102</v>
      </c>
      <c r="BN24" s="280">
        <v>40</v>
      </c>
      <c r="BO24" s="277">
        <v>618</v>
      </c>
      <c r="BP24" s="282">
        <v>618</v>
      </c>
      <c r="BQ24" s="276">
        <v>0</v>
      </c>
      <c r="BR24" s="280">
        <v>8</v>
      </c>
      <c r="BS24" s="277">
        <v>8</v>
      </c>
      <c r="BT24" s="279">
        <v>0</v>
      </c>
      <c r="BU24" s="280">
        <v>114</v>
      </c>
      <c r="BV24" s="280">
        <v>160</v>
      </c>
      <c r="BW24" s="280">
        <v>360</v>
      </c>
      <c r="BX24" s="280">
        <v>145</v>
      </c>
      <c r="BY24" s="280">
        <v>156</v>
      </c>
      <c r="BZ24" s="277">
        <v>935</v>
      </c>
      <c r="CA24" s="282">
        <v>943</v>
      </c>
      <c r="CB24" s="276">
        <v>0</v>
      </c>
      <c r="CC24" s="280">
        <v>0</v>
      </c>
      <c r="CD24" s="277">
        <v>0</v>
      </c>
      <c r="CE24" s="279">
        <v>0</v>
      </c>
      <c r="CF24" s="280">
        <v>0</v>
      </c>
      <c r="CG24" s="280">
        <v>5</v>
      </c>
      <c r="CH24" s="280">
        <v>36</v>
      </c>
      <c r="CI24" s="280">
        <v>50</v>
      </c>
      <c r="CJ24" s="280">
        <v>13</v>
      </c>
      <c r="CK24" s="277">
        <v>104</v>
      </c>
      <c r="CL24" s="282">
        <v>104</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76">
        <v>0</v>
      </c>
      <c r="F25" s="279">
        <v>0</v>
      </c>
      <c r="G25" s="280">
        <v>1630</v>
      </c>
      <c r="H25" s="280">
        <v>2357</v>
      </c>
      <c r="I25" s="280">
        <v>2674</v>
      </c>
      <c r="J25" s="280">
        <v>3426</v>
      </c>
      <c r="K25" s="280">
        <v>2274</v>
      </c>
      <c r="L25" s="281">
        <v>12361</v>
      </c>
      <c r="M25" s="282">
        <v>12361</v>
      </c>
      <c r="N25" s="276">
        <v>0</v>
      </c>
      <c r="O25" s="280">
        <v>0</v>
      </c>
      <c r="P25" s="277">
        <v>0</v>
      </c>
      <c r="Q25" s="279">
        <v>0</v>
      </c>
      <c r="R25" s="280">
        <v>4</v>
      </c>
      <c r="S25" s="280">
        <v>14</v>
      </c>
      <c r="T25" s="280">
        <v>29</v>
      </c>
      <c r="U25" s="280">
        <v>60</v>
      </c>
      <c r="V25" s="280">
        <v>93</v>
      </c>
      <c r="W25" s="277">
        <v>200</v>
      </c>
      <c r="X25" s="282">
        <v>200</v>
      </c>
      <c r="Y25" s="276">
        <v>204</v>
      </c>
      <c r="Z25" s="280">
        <v>455</v>
      </c>
      <c r="AA25" s="277">
        <v>659</v>
      </c>
      <c r="AB25" s="279">
        <v>0</v>
      </c>
      <c r="AC25" s="280">
        <v>935</v>
      </c>
      <c r="AD25" s="280">
        <v>1570</v>
      </c>
      <c r="AE25" s="280">
        <v>718</v>
      </c>
      <c r="AF25" s="280">
        <v>866</v>
      </c>
      <c r="AG25" s="280">
        <v>531</v>
      </c>
      <c r="AH25" s="277">
        <v>4620</v>
      </c>
      <c r="AI25" s="282">
        <v>5279</v>
      </c>
      <c r="AJ25" s="276">
        <v>54</v>
      </c>
      <c r="AK25" s="280">
        <v>96</v>
      </c>
      <c r="AL25" s="277">
        <v>150</v>
      </c>
      <c r="AM25" s="279">
        <v>0</v>
      </c>
      <c r="AN25" s="280">
        <v>138</v>
      </c>
      <c r="AO25" s="280">
        <v>287</v>
      </c>
      <c r="AP25" s="280">
        <v>116</v>
      </c>
      <c r="AQ25" s="280">
        <v>140</v>
      </c>
      <c r="AR25" s="280">
        <v>146</v>
      </c>
      <c r="AS25" s="277">
        <v>827</v>
      </c>
      <c r="AT25" s="282">
        <v>977</v>
      </c>
      <c r="AU25" s="276">
        <v>0</v>
      </c>
      <c r="AV25" s="280">
        <v>0</v>
      </c>
      <c r="AW25" s="277">
        <v>0</v>
      </c>
      <c r="AX25" s="279">
        <v>0</v>
      </c>
      <c r="AY25" s="280">
        <v>2577</v>
      </c>
      <c r="AZ25" s="280">
        <v>2363</v>
      </c>
      <c r="BA25" s="280">
        <v>1421</v>
      </c>
      <c r="BB25" s="280">
        <v>1042</v>
      </c>
      <c r="BC25" s="280">
        <v>451</v>
      </c>
      <c r="BD25" s="281">
        <v>7854</v>
      </c>
      <c r="BE25" s="282">
        <v>7854</v>
      </c>
      <c r="BF25" s="276">
        <v>0</v>
      </c>
      <c r="BG25" s="280">
        <v>0</v>
      </c>
      <c r="BH25" s="277">
        <v>0</v>
      </c>
      <c r="BI25" s="279">
        <v>0</v>
      </c>
      <c r="BJ25" s="280">
        <v>288</v>
      </c>
      <c r="BK25" s="280">
        <v>327</v>
      </c>
      <c r="BL25" s="280">
        <v>319</v>
      </c>
      <c r="BM25" s="280">
        <v>206</v>
      </c>
      <c r="BN25" s="280">
        <v>24</v>
      </c>
      <c r="BO25" s="277">
        <v>1164</v>
      </c>
      <c r="BP25" s="282">
        <v>1164</v>
      </c>
      <c r="BQ25" s="276">
        <v>6</v>
      </c>
      <c r="BR25" s="280">
        <v>22</v>
      </c>
      <c r="BS25" s="277">
        <v>28</v>
      </c>
      <c r="BT25" s="279">
        <v>0</v>
      </c>
      <c r="BU25" s="280">
        <v>136</v>
      </c>
      <c r="BV25" s="280">
        <v>392</v>
      </c>
      <c r="BW25" s="280">
        <v>463</v>
      </c>
      <c r="BX25" s="280">
        <v>432</v>
      </c>
      <c r="BY25" s="280">
        <v>126</v>
      </c>
      <c r="BZ25" s="277">
        <v>1549</v>
      </c>
      <c r="CA25" s="282">
        <v>1577</v>
      </c>
      <c r="CB25" s="276">
        <v>3</v>
      </c>
      <c r="CC25" s="280">
        <v>0</v>
      </c>
      <c r="CD25" s="277">
        <v>3</v>
      </c>
      <c r="CE25" s="279">
        <v>0</v>
      </c>
      <c r="CF25" s="280">
        <v>7</v>
      </c>
      <c r="CG25" s="280">
        <v>19</v>
      </c>
      <c r="CH25" s="280">
        <v>17</v>
      </c>
      <c r="CI25" s="280">
        <v>30</v>
      </c>
      <c r="CJ25" s="280">
        <v>34</v>
      </c>
      <c r="CK25" s="277">
        <v>107</v>
      </c>
      <c r="CL25" s="282">
        <v>11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76">
        <v>0</v>
      </c>
      <c r="F26" s="279">
        <v>0</v>
      </c>
      <c r="G26" s="280">
        <v>829</v>
      </c>
      <c r="H26" s="280">
        <v>970</v>
      </c>
      <c r="I26" s="280">
        <v>1356</v>
      </c>
      <c r="J26" s="280">
        <v>1752</v>
      </c>
      <c r="K26" s="280">
        <v>1558</v>
      </c>
      <c r="L26" s="281">
        <v>6465</v>
      </c>
      <c r="M26" s="282">
        <v>6465</v>
      </c>
      <c r="N26" s="276">
        <v>0</v>
      </c>
      <c r="O26" s="280">
        <v>0</v>
      </c>
      <c r="P26" s="277">
        <v>0</v>
      </c>
      <c r="Q26" s="279">
        <v>0</v>
      </c>
      <c r="R26" s="280">
        <v>0</v>
      </c>
      <c r="S26" s="280">
        <v>9</v>
      </c>
      <c r="T26" s="280">
        <v>30</v>
      </c>
      <c r="U26" s="280">
        <v>31</v>
      </c>
      <c r="V26" s="280">
        <v>101</v>
      </c>
      <c r="W26" s="277">
        <v>171</v>
      </c>
      <c r="X26" s="282">
        <v>171</v>
      </c>
      <c r="Y26" s="276">
        <v>96</v>
      </c>
      <c r="Z26" s="280">
        <v>213</v>
      </c>
      <c r="AA26" s="277">
        <v>309</v>
      </c>
      <c r="AB26" s="279">
        <v>0</v>
      </c>
      <c r="AC26" s="280">
        <v>300</v>
      </c>
      <c r="AD26" s="280">
        <v>511</v>
      </c>
      <c r="AE26" s="280">
        <v>351</v>
      </c>
      <c r="AF26" s="280">
        <v>303</v>
      </c>
      <c r="AG26" s="280">
        <v>314</v>
      </c>
      <c r="AH26" s="277">
        <v>1779</v>
      </c>
      <c r="AI26" s="282">
        <v>2088</v>
      </c>
      <c r="AJ26" s="276">
        <v>0</v>
      </c>
      <c r="AK26" s="280">
        <v>10</v>
      </c>
      <c r="AL26" s="277">
        <v>10</v>
      </c>
      <c r="AM26" s="279">
        <v>0</v>
      </c>
      <c r="AN26" s="280">
        <v>38</v>
      </c>
      <c r="AO26" s="280">
        <v>80</v>
      </c>
      <c r="AP26" s="280">
        <v>22</v>
      </c>
      <c r="AQ26" s="280">
        <v>32</v>
      </c>
      <c r="AR26" s="280">
        <v>18</v>
      </c>
      <c r="AS26" s="277">
        <v>190</v>
      </c>
      <c r="AT26" s="282">
        <v>200</v>
      </c>
      <c r="AU26" s="276">
        <v>0</v>
      </c>
      <c r="AV26" s="280">
        <v>0</v>
      </c>
      <c r="AW26" s="277">
        <v>0</v>
      </c>
      <c r="AX26" s="279">
        <v>0</v>
      </c>
      <c r="AY26" s="280">
        <v>991</v>
      </c>
      <c r="AZ26" s="280">
        <v>822</v>
      </c>
      <c r="BA26" s="280">
        <v>439</v>
      </c>
      <c r="BB26" s="280">
        <v>253</v>
      </c>
      <c r="BC26" s="280">
        <v>70</v>
      </c>
      <c r="BD26" s="281">
        <v>2575</v>
      </c>
      <c r="BE26" s="282">
        <v>2575</v>
      </c>
      <c r="BF26" s="276">
        <v>0</v>
      </c>
      <c r="BG26" s="280">
        <v>0</v>
      </c>
      <c r="BH26" s="277">
        <v>0</v>
      </c>
      <c r="BI26" s="279">
        <v>0</v>
      </c>
      <c r="BJ26" s="280">
        <v>303</v>
      </c>
      <c r="BK26" s="280">
        <v>266</v>
      </c>
      <c r="BL26" s="280">
        <v>164</v>
      </c>
      <c r="BM26" s="280">
        <v>71</v>
      </c>
      <c r="BN26" s="280">
        <v>122</v>
      </c>
      <c r="BO26" s="277">
        <v>926</v>
      </c>
      <c r="BP26" s="282">
        <v>926</v>
      </c>
      <c r="BQ26" s="276">
        <v>6</v>
      </c>
      <c r="BR26" s="280">
        <v>5</v>
      </c>
      <c r="BS26" s="277">
        <v>11</v>
      </c>
      <c r="BT26" s="279">
        <v>0</v>
      </c>
      <c r="BU26" s="280">
        <v>129</v>
      </c>
      <c r="BV26" s="280">
        <v>122</v>
      </c>
      <c r="BW26" s="280">
        <v>234</v>
      </c>
      <c r="BX26" s="280">
        <v>183</v>
      </c>
      <c r="BY26" s="280">
        <v>53</v>
      </c>
      <c r="BZ26" s="277">
        <v>721</v>
      </c>
      <c r="CA26" s="282">
        <v>732</v>
      </c>
      <c r="CB26" s="276">
        <v>0</v>
      </c>
      <c r="CC26" s="280">
        <v>0</v>
      </c>
      <c r="CD26" s="277">
        <v>0</v>
      </c>
      <c r="CE26" s="279">
        <v>0</v>
      </c>
      <c r="CF26" s="280">
        <v>10</v>
      </c>
      <c r="CG26" s="280">
        <v>26</v>
      </c>
      <c r="CH26" s="280">
        <v>9</v>
      </c>
      <c r="CI26" s="280">
        <v>16</v>
      </c>
      <c r="CJ26" s="280">
        <v>15</v>
      </c>
      <c r="CK26" s="277">
        <v>76</v>
      </c>
      <c r="CL26" s="282">
        <v>76</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76">
        <v>0</v>
      </c>
      <c r="F27" s="279">
        <v>0</v>
      </c>
      <c r="G27" s="280">
        <v>1295</v>
      </c>
      <c r="H27" s="280">
        <v>1584</v>
      </c>
      <c r="I27" s="280">
        <v>1683</v>
      </c>
      <c r="J27" s="280">
        <v>2214</v>
      </c>
      <c r="K27" s="280">
        <v>2423</v>
      </c>
      <c r="L27" s="281">
        <v>9199</v>
      </c>
      <c r="M27" s="282">
        <v>9199</v>
      </c>
      <c r="N27" s="276">
        <v>0</v>
      </c>
      <c r="O27" s="280">
        <v>0</v>
      </c>
      <c r="P27" s="277">
        <v>0</v>
      </c>
      <c r="Q27" s="279">
        <v>0</v>
      </c>
      <c r="R27" s="280">
        <v>13</v>
      </c>
      <c r="S27" s="280">
        <v>37</v>
      </c>
      <c r="T27" s="280">
        <v>49</v>
      </c>
      <c r="U27" s="280">
        <v>101</v>
      </c>
      <c r="V27" s="280">
        <v>116</v>
      </c>
      <c r="W27" s="277">
        <v>316</v>
      </c>
      <c r="X27" s="282">
        <v>316</v>
      </c>
      <c r="Y27" s="276">
        <v>105</v>
      </c>
      <c r="Z27" s="280">
        <v>252</v>
      </c>
      <c r="AA27" s="277">
        <v>357</v>
      </c>
      <c r="AB27" s="279">
        <v>0</v>
      </c>
      <c r="AC27" s="280">
        <v>574</v>
      </c>
      <c r="AD27" s="280">
        <v>736</v>
      </c>
      <c r="AE27" s="280">
        <v>361</v>
      </c>
      <c r="AF27" s="280">
        <v>260</v>
      </c>
      <c r="AG27" s="280">
        <v>286</v>
      </c>
      <c r="AH27" s="277">
        <v>2217</v>
      </c>
      <c r="AI27" s="282">
        <v>2574</v>
      </c>
      <c r="AJ27" s="276">
        <v>4</v>
      </c>
      <c r="AK27" s="280">
        <v>68</v>
      </c>
      <c r="AL27" s="277">
        <v>72</v>
      </c>
      <c r="AM27" s="279">
        <v>0</v>
      </c>
      <c r="AN27" s="280">
        <v>16</v>
      </c>
      <c r="AO27" s="280">
        <v>151</v>
      </c>
      <c r="AP27" s="280">
        <v>124</v>
      </c>
      <c r="AQ27" s="280">
        <v>34</v>
      </c>
      <c r="AR27" s="280">
        <v>55</v>
      </c>
      <c r="AS27" s="277">
        <v>380</v>
      </c>
      <c r="AT27" s="282">
        <v>452</v>
      </c>
      <c r="AU27" s="276">
        <v>0</v>
      </c>
      <c r="AV27" s="280">
        <v>0</v>
      </c>
      <c r="AW27" s="277">
        <v>0</v>
      </c>
      <c r="AX27" s="279">
        <v>0</v>
      </c>
      <c r="AY27" s="280">
        <v>1171</v>
      </c>
      <c r="AZ27" s="280">
        <v>852</v>
      </c>
      <c r="BA27" s="280">
        <v>641</v>
      </c>
      <c r="BB27" s="280">
        <v>541</v>
      </c>
      <c r="BC27" s="280">
        <v>49</v>
      </c>
      <c r="BD27" s="281">
        <v>3254</v>
      </c>
      <c r="BE27" s="282">
        <v>3254</v>
      </c>
      <c r="BF27" s="276">
        <v>0</v>
      </c>
      <c r="BG27" s="280">
        <v>0</v>
      </c>
      <c r="BH27" s="277">
        <v>0</v>
      </c>
      <c r="BI27" s="279">
        <v>0</v>
      </c>
      <c r="BJ27" s="280">
        <v>284</v>
      </c>
      <c r="BK27" s="280">
        <v>433</v>
      </c>
      <c r="BL27" s="280">
        <v>165</v>
      </c>
      <c r="BM27" s="280">
        <v>109</v>
      </c>
      <c r="BN27" s="280">
        <v>29</v>
      </c>
      <c r="BO27" s="277">
        <v>1020</v>
      </c>
      <c r="BP27" s="282">
        <v>1020</v>
      </c>
      <c r="BQ27" s="276">
        <v>0</v>
      </c>
      <c r="BR27" s="280">
        <v>10</v>
      </c>
      <c r="BS27" s="277">
        <v>10</v>
      </c>
      <c r="BT27" s="279">
        <v>0</v>
      </c>
      <c r="BU27" s="280">
        <v>95</v>
      </c>
      <c r="BV27" s="280">
        <v>152</v>
      </c>
      <c r="BW27" s="280">
        <v>254</v>
      </c>
      <c r="BX27" s="280">
        <v>145</v>
      </c>
      <c r="BY27" s="280">
        <v>29</v>
      </c>
      <c r="BZ27" s="277">
        <v>675</v>
      </c>
      <c r="CA27" s="282">
        <v>685</v>
      </c>
      <c r="CB27" s="276">
        <v>0</v>
      </c>
      <c r="CC27" s="280">
        <v>0</v>
      </c>
      <c r="CD27" s="277">
        <v>0</v>
      </c>
      <c r="CE27" s="279">
        <v>0</v>
      </c>
      <c r="CF27" s="280">
        <v>36</v>
      </c>
      <c r="CG27" s="280">
        <v>50</v>
      </c>
      <c r="CH27" s="280">
        <v>10</v>
      </c>
      <c r="CI27" s="280">
        <v>96</v>
      </c>
      <c r="CJ27" s="280">
        <v>17</v>
      </c>
      <c r="CK27" s="277">
        <v>209</v>
      </c>
      <c r="CL27" s="282">
        <v>209</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76">
        <v>0</v>
      </c>
      <c r="F28" s="279">
        <v>0</v>
      </c>
      <c r="G28" s="280">
        <v>883</v>
      </c>
      <c r="H28" s="280">
        <v>1282</v>
      </c>
      <c r="I28" s="280">
        <v>1398</v>
      </c>
      <c r="J28" s="280">
        <v>1400</v>
      </c>
      <c r="K28" s="280">
        <v>1723</v>
      </c>
      <c r="L28" s="281">
        <v>6686</v>
      </c>
      <c r="M28" s="282">
        <v>6686</v>
      </c>
      <c r="N28" s="276">
        <v>0</v>
      </c>
      <c r="O28" s="280">
        <v>0</v>
      </c>
      <c r="P28" s="277">
        <v>0</v>
      </c>
      <c r="Q28" s="279">
        <v>0</v>
      </c>
      <c r="R28" s="280">
        <v>0</v>
      </c>
      <c r="S28" s="280">
        <v>2</v>
      </c>
      <c r="T28" s="280">
        <v>8</v>
      </c>
      <c r="U28" s="280">
        <v>47</v>
      </c>
      <c r="V28" s="280">
        <v>66</v>
      </c>
      <c r="W28" s="277">
        <v>123</v>
      </c>
      <c r="X28" s="282">
        <v>123</v>
      </c>
      <c r="Y28" s="276">
        <v>67</v>
      </c>
      <c r="Z28" s="280">
        <v>72</v>
      </c>
      <c r="AA28" s="277">
        <v>139</v>
      </c>
      <c r="AB28" s="279">
        <v>0</v>
      </c>
      <c r="AC28" s="280">
        <v>328</v>
      </c>
      <c r="AD28" s="280">
        <v>479</v>
      </c>
      <c r="AE28" s="280">
        <v>303</v>
      </c>
      <c r="AF28" s="280">
        <v>342</v>
      </c>
      <c r="AG28" s="280">
        <v>274</v>
      </c>
      <c r="AH28" s="277">
        <v>1726</v>
      </c>
      <c r="AI28" s="282">
        <v>1865</v>
      </c>
      <c r="AJ28" s="276">
        <v>0</v>
      </c>
      <c r="AK28" s="280">
        <v>0</v>
      </c>
      <c r="AL28" s="277">
        <v>0</v>
      </c>
      <c r="AM28" s="279">
        <v>0</v>
      </c>
      <c r="AN28" s="280">
        <v>9</v>
      </c>
      <c r="AO28" s="280">
        <v>64</v>
      </c>
      <c r="AP28" s="280">
        <v>92</v>
      </c>
      <c r="AQ28" s="280">
        <v>37</v>
      </c>
      <c r="AR28" s="280">
        <v>36</v>
      </c>
      <c r="AS28" s="277">
        <v>238</v>
      </c>
      <c r="AT28" s="282">
        <v>238</v>
      </c>
      <c r="AU28" s="276">
        <v>0</v>
      </c>
      <c r="AV28" s="280">
        <v>0</v>
      </c>
      <c r="AW28" s="277">
        <v>0</v>
      </c>
      <c r="AX28" s="279">
        <v>0</v>
      </c>
      <c r="AY28" s="280">
        <v>966</v>
      </c>
      <c r="AZ28" s="280">
        <v>764</v>
      </c>
      <c r="BA28" s="280">
        <v>437</v>
      </c>
      <c r="BB28" s="280">
        <v>235</v>
      </c>
      <c r="BC28" s="280">
        <v>144</v>
      </c>
      <c r="BD28" s="281">
        <v>2546</v>
      </c>
      <c r="BE28" s="282">
        <v>2546</v>
      </c>
      <c r="BF28" s="276">
        <v>0</v>
      </c>
      <c r="BG28" s="280">
        <v>0</v>
      </c>
      <c r="BH28" s="277">
        <v>0</v>
      </c>
      <c r="BI28" s="279">
        <v>0</v>
      </c>
      <c r="BJ28" s="280">
        <v>122</v>
      </c>
      <c r="BK28" s="280">
        <v>218</v>
      </c>
      <c r="BL28" s="280">
        <v>108</v>
      </c>
      <c r="BM28" s="280">
        <v>56</v>
      </c>
      <c r="BN28" s="280">
        <v>34</v>
      </c>
      <c r="BO28" s="277">
        <v>538</v>
      </c>
      <c r="BP28" s="282">
        <v>538</v>
      </c>
      <c r="BQ28" s="276">
        <v>4</v>
      </c>
      <c r="BR28" s="280">
        <v>16</v>
      </c>
      <c r="BS28" s="277">
        <v>20</v>
      </c>
      <c r="BT28" s="279">
        <v>0</v>
      </c>
      <c r="BU28" s="280">
        <v>131</v>
      </c>
      <c r="BV28" s="280">
        <v>137</v>
      </c>
      <c r="BW28" s="280">
        <v>144</v>
      </c>
      <c r="BX28" s="280">
        <v>256</v>
      </c>
      <c r="BY28" s="280">
        <v>82</v>
      </c>
      <c r="BZ28" s="277">
        <v>750</v>
      </c>
      <c r="CA28" s="282">
        <v>770</v>
      </c>
      <c r="CB28" s="276">
        <v>0</v>
      </c>
      <c r="CC28" s="280">
        <v>0</v>
      </c>
      <c r="CD28" s="277">
        <v>0</v>
      </c>
      <c r="CE28" s="279">
        <v>0</v>
      </c>
      <c r="CF28" s="280">
        <v>8</v>
      </c>
      <c r="CG28" s="280">
        <v>11</v>
      </c>
      <c r="CH28" s="280">
        <v>16</v>
      </c>
      <c r="CI28" s="280">
        <v>17</v>
      </c>
      <c r="CJ28" s="280">
        <v>0</v>
      </c>
      <c r="CK28" s="277">
        <v>52</v>
      </c>
      <c r="CL28" s="282">
        <v>52</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76">
        <v>0</v>
      </c>
      <c r="F29" s="279">
        <v>0</v>
      </c>
      <c r="G29" s="280">
        <v>668</v>
      </c>
      <c r="H29" s="280">
        <v>790</v>
      </c>
      <c r="I29" s="280">
        <v>928</v>
      </c>
      <c r="J29" s="280">
        <v>986</v>
      </c>
      <c r="K29" s="280">
        <v>1350</v>
      </c>
      <c r="L29" s="281">
        <v>4722</v>
      </c>
      <c r="M29" s="282">
        <v>4722</v>
      </c>
      <c r="N29" s="276">
        <v>0</v>
      </c>
      <c r="O29" s="280">
        <v>0</v>
      </c>
      <c r="P29" s="277">
        <v>0</v>
      </c>
      <c r="Q29" s="279">
        <v>0</v>
      </c>
      <c r="R29" s="280">
        <v>4</v>
      </c>
      <c r="S29" s="280">
        <v>28</v>
      </c>
      <c r="T29" s="280">
        <v>17</v>
      </c>
      <c r="U29" s="280">
        <v>44</v>
      </c>
      <c r="V29" s="280">
        <v>79</v>
      </c>
      <c r="W29" s="277">
        <v>172</v>
      </c>
      <c r="X29" s="282">
        <v>172</v>
      </c>
      <c r="Y29" s="276">
        <v>151</v>
      </c>
      <c r="Z29" s="280">
        <v>245</v>
      </c>
      <c r="AA29" s="277">
        <v>396</v>
      </c>
      <c r="AB29" s="279">
        <v>0</v>
      </c>
      <c r="AC29" s="280">
        <v>256</v>
      </c>
      <c r="AD29" s="280">
        <v>306</v>
      </c>
      <c r="AE29" s="280">
        <v>338</v>
      </c>
      <c r="AF29" s="280">
        <v>241</v>
      </c>
      <c r="AG29" s="280">
        <v>250</v>
      </c>
      <c r="AH29" s="277">
        <v>1391</v>
      </c>
      <c r="AI29" s="282">
        <v>1787</v>
      </c>
      <c r="AJ29" s="276">
        <v>0</v>
      </c>
      <c r="AK29" s="280">
        <v>8</v>
      </c>
      <c r="AL29" s="277">
        <v>8</v>
      </c>
      <c r="AM29" s="279">
        <v>0</v>
      </c>
      <c r="AN29" s="280">
        <v>0</v>
      </c>
      <c r="AO29" s="280">
        <v>12</v>
      </c>
      <c r="AP29" s="280">
        <v>0</v>
      </c>
      <c r="AQ29" s="280">
        <v>0</v>
      </c>
      <c r="AR29" s="280">
        <v>9</v>
      </c>
      <c r="AS29" s="277">
        <v>21</v>
      </c>
      <c r="AT29" s="282">
        <v>29</v>
      </c>
      <c r="AU29" s="276">
        <v>0</v>
      </c>
      <c r="AV29" s="280">
        <v>0</v>
      </c>
      <c r="AW29" s="277">
        <v>0</v>
      </c>
      <c r="AX29" s="279">
        <v>0</v>
      </c>
      <c r="AY29" s="280">
        <v>990</v>
      </c>
      <c r="AZ29" s="280">
        <v>672</v>
      </c>
      <c r="BA29" s="280">
        <v>473</v>
      </c>
      <c r="BB29" s="280">
        <v>329</v>
      </c>
      <c r="BC29" s="280">
        <v>122</v>
      </c>
      <c r="BD29" s="281">
        <v>2586</v>
      </c>
      <c r="BE29" s="282">
        <v>2586</v>
      </c>
      <c r="BF29" s="276">
        <v>0</v>
      </c>
      <c r="BG29" s="280">
        <v>0</v>
      </c>
      <c r="BH29" s="277">
        <v>0</v>
      </c>
      <c r="BI29" s="279">
        <v>0</v>
      </c>
      <c r="BJ29" s="280">
        <v>128</v>
      </c>
      <c r="BK29" s="280">
        <v>211</v>
      </c>
      <c r="BL29" s="280">
        <v>81</v>
      </c>
      <c r="BM29" s="280">
        <v>45</v>
      </c>
      <c r="BN29" s="280">
        <v>27</v>
      </c>
      <c r="BO29" s="277">
        <v>492</v>
      </c>
      <c r="BP29" s="282">
        <v>492</v>
      </c>
      <c r="BQ29" s="276">
        <v>6</v>
      </c>
      <c r="BR29" s="280">
        <v>6</v>
      </c>
      <c r="BS29" s="277">
        <v>12</v>
      </c>
      <c r="BT29" s="279">
        <v>0</v>
      </c>
      <c r="BU29" s="280">
        <v>74</v>
      </c>
      <c r="BV29" s="280">
        <v>111</v>
      </c>
      <c r="BW29" s="280">
        <v>159</v>
      </c>
      <c r="BX29" s="280">
        <v>116</v>
      </c>
      <c r="BY29" s="280">
        <v>57</v>
      </c>
      <c r="BZ29" s="277">
        <v>517</v>
      </c>
      <c r="CA29" s="282">
        <v>529</v>
      </c>
      <c r="CB29" s="276">
        <v>0</v>
      </c>
      <c r="CC29" s="280">
        <v>0</v>
      </c>
      <c r="CD29" s="277">
        <v>0</v>
      </c>
      <c r="CE29" s="279">
        <v>0</v>
      </c>
      <c r="CF29" s="280">
        <v>14</v>
      </c>
      <c r="CG29" s="280">
        <v>2</v>
      </c>
      <c r="CH29" s="280">
        <v>7</v>
      </c>
      <c r="CI29" s="280">
        <v>4</v>
      </c>
      <c r="CJ29" s="280">
        <v>0</v>
      </c>
      <c r="CK29" s="277">
        <v>27</v>
      </c>
      <c r="CL29" s="282">
        <v>27</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76">
        <v>0</v>
      </c>
      <c r="F30" s="279">
        <v>0</v>
      </c>
      <c r="G30" s="280">
        <v>84</v>
      </c>
      <c r="H30" s="280">
        <v>242</v>
      </c>
      <c r="I30" s="280">
        <v>178</v>
      </c>
      <c r="J30" s="280">
        <v>216</v>
      </c>
      <c r="K30" s="280">
        <v>134</v>
      </c>
      <c r="L30" s="281">
        <v>854</v>
      </c>
      <c r="M30" s="282">
        <v>854</v>
      </c>
      <c r="N30" s="276">
        <v>0</v>
      </c>
      <c r="O30" s="280">
        <v>0</v>
      </c>
      <c r="P30" s="277">
        <v>0</v>
      </c>
      <c r="Q30" s="279">
        <v>0</v>
      </c>
      <c r="R30" s="280">
        <v>0</v>
      </c>
      <c r="S30" s="280">
        <v>4</v>
      </c>
      <c r="T30" s="280">
        <v>3</v>
      </c>
      <c r="U30" s="280">
        <v>3</v>
      </c>
      <c r="V30" s="280">
        <v>20</v>
      </c>
      <c r="W30" s="277">
        <v>30</v>
      </c>
      <c r="X30" s="282">
        <v>30</v>
      </c>
      <c r="Y30" s="276">
        <v>6</v>
      </c>
      <c r="Z30" s="280">
        <v>12</v>
      </c>
      <c r="AA30" s="277">
        <v>18</v>
      </c>
      <c r="AB30" s="279">
        <v>0</v>
      </c>
      <c r="AC30" s="280">
        <v>28</v>
      </c>
      <c r="AD30" s="280">
        <v>124</v>
      </c>
      <c r="AE30" s="280">
        <v>69</v>
      </c>
      <c r="AF30" s="280">
        <v>68</v>
      </c>
      <c r="AG30" s="280">
        <v>39</v>
      </c>
      <c r="AH30" s="277">
        <v>328</v>
      </c>
      <c r="AI30" s="282">
        <v>346</v>
      </c>
      <c r="AJ30" s="276">
        <v>0</v>
      </c>
      <c r="AK30" s="280">
        <v>0</v>
      </c>
      <c r="AL30" s="277">
        <v>0</v>
      </c>
      <c r="AM30" s="279">
        <v>0</v>
      </c>
      <c r="AN30" s="280">
        <v>8</v>
      </c>
      <c r="AO30" s="280">
        <v>0</v>
      </c>
      <c r="AP30" s="280">
        <v>0</v>
      </c>
      <c r="AQ30" s="280">
        <v>0</v>
      </c>
      <c r="AR30" s="280">
        <v>14</v>
      </c>
      <c r="AS30" s="277">
        <v>22</v>
      </c>
      <c r="AT30" s="282">
        <v>22</v>
      </c>
      <c r="AU30" s="276">
        <v>0</v>
      </c>
      <c r="AV30" s="280">
        <v>0</v>
      </c>
      <c r="AW30" s="277">
        <v>0</v>
      </c>
      <c r="AX30" s="279">
        <v>0</v>
      </c>
      <c r="AY30" s="280">
        <v>269</v>
      </c>
      <c r="AZ30" s="280">
        <v>215</v>
      </c>
      <c r="BA30" s="280">
        <v>211</v>
      </c>
      <c r="BB30" s="280">
        <v>132</v>
      </c>
      <c r="BC30" s="280">
        <v>59</v>
      </c>
      <c r="BD30" s="281">
        <v>886</v>
      </c>
      <c r="BE30" s="282">
        <v>886</v>
      </c>
      <c r="BF30" s="276">
        <v>0</v>
      </c>
      <c r="BG30" s="280">
        <v>0</v>
      </c>
      <c r="BH30" s="277">
        <v>0</v>
      </c>
      <c r="BI30" s="279">
        <v>0</v>
      </c>
      <c r="BJ30" s="280">
        <v>33</v>
      </c>
      <c r="BK30" s="280">
        <v>96</v>
      </c>
      <c r="BL30" s="280">
        <v>53</v>
      </c>
      <c r="BM30" s="280">
        <v>74</v>
      </c>
      <c r="BN30" s="280">
        <v>20</v>
      </c>
      <c r="BO30" s="277">
        <v>276</v>
      </c>
      <c r="BP30" s="282">
        <v>276</v>
      </c>
      <c r="BQ30" s="276">
        <v>0</v>
      </c>
      <c r="BR30" s="280">
        <v>4</v>
      </c>
      <c r="BS30" s="277">
        <v>4</v>
      </c>
      <c r="BT30" s="279">
        <v>0</v>
      </c>
      <c r="BU30" s="280">
        <v>20</v>
      </c>
      <c r="BV30" s="280">
        <v>31</v>
      </c>
      <c r="BW30" s="280">
        <v>80</v>
      </c>
      <c r="BX30" s="280">
        <v>36</v>
      </c>
      <c r="BY30" s="280">
        <v>21</v>
      </c>
      <c r="BZ30" s="277">
        <v>188</v>
      </c>
      <c r="CA30" s="282">
        <v>192</v>
      </c>
      <c r="CB30" s="276">
        <v>0</v>
      </c>
      <c r="CC30" s="280">
        <v>0</v>
      </c>
      <c r="CD30" s="277">
        <v>0</v>
      </c>
      <c r="CE30" s="279">
        <v>0</v>
      </c>
      <c r="CF30" s="280">
        <v>0</v>
      </c>
      <c r="CG30" s="280">
        <v>19</v>
      </c>
      <c r="CH30" s="280">
        <v>38</v>
      </c>
      <c r="CI30" s="280">
        <v>16</v>
      </c>
      <c r="CJ30" s="280">
        <v>0</v>
      </c>
      <c r="CK30" s="277">
        <v>73</v>
      </c>
      <c r="CL30" s="282">
        <v>73</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76">
        <v>0</v>
      </c>
      <c r="F31" s="279">
        <v>0</v>
      </c>
      <c r="G31" s="280">
        <v>259</v>
      </c>
      <c r="H31" s="280">
        <v>337</v>
      </c>
      <c r="I31" s="280">
        <v>89</v>
      </c>
      <c r="J31" s="280">
        <v>621</v>
      </c>
      <c r="K31" s="280">
        <v>387</v>
      </c>
      <c r="L31" s="281">
        <v>1693</v>
      </c>
      <c r="M31" s="282">
        <v>1693</v>
      </c>
      <c r="N31" s="276">
        <v>0</v>
      </c>
      <c r="O31" s="280">
        <v>0</v>
      </c>
      <c r="P31" s="277">
        <v>0</v>
      </c>
      <c r="Q31" s="279">
        <v>0</v>
      </c>
      <c r="R31" s="280">
        <v>0</v>
      </c>
      <c r="S31" s="280">
        <v>0</v>
      </c>
      <c r="T31" s="280">
        <v>0</v>
      </c>
      <c r="U31" s="280">
        <v>12</v>
      </c>
      <c r="V31" s="280">
        <v>29</v>
      </c>
      <c r="W31" s="277">
        <v>41</v>
      </c>
      <c r="X31" s="282">
        <v>41</v>
      </c>
      <c r="Y31" s="276">
        <v>8</v>
      </c>
      <c r="Z31" s="280">
        <v>46</v>
      </c>
      <c r="AA31" s="277">
        <v>54</v>
      </c>
      <c r="AB31" s="279">
        <v>0</v>
      </c>
      <c r="AC31" s="280">
        <v>172</v>
      </c>
      <c r="AD31" s="280">
        <v>134</v>
      </c>
      <c r="AE31" s="280">
        <v>166</v>
      </c>
      <c r="AF31" s="280">
        <v>68</v>
      </c>
      <c r="AG31" s="280">
        <v>61</v>
      </c>
      <c r="AH31" s="277">
        <v>601</v>
      </c>
      <c r="AI31" s="282">
        <v>655</v>
      </c>
      <c r="AJ31" s="276">
        <v>0</v>
      </c>
      <c r="AK31" s="280">
        <v>0</v>
      </c>
      <c r="AL31" s="277">
        <v>0</v>
      </c>
      <c r="AM31" s="279">
        <v>0</v>
      </c>
      <c r="AN31" s="280">
        <v>-18</v>
      </c>
      <c r="AO31" s="280">
        <v>24</v>
      </c>
      <c r="AP31" s="280">
        <v>0</v>
      </c>
      <c r="AQ31" s="280">
        <v>-31</v>
      </c>
      <c r="AR31" s="280">
        <v>0</v>
      </c>
      <c r="AS31" s="277">
        <v>-25</v>
      </c>
      <c r="AT31" s="282">
        <v>-25</v>
      </c>
      <c r="AU31" s="276">
        <v>0</v>
      </c>
      <c r="AV31" s="280">
        <v>0</v>
      </c>
      <c r="AW31" s="277">
        <v>0</v>
      </c>
      <c r="AX31" s="279">
        <v>0</v>
      </c>
      <c r="AY31" s="280">
        <v>336</v>
      </c>
      <c r="AZ31" s="280">
        <v>425</v>
      </c>
      <c r="BA31" s="280">
        <v>274</v>
      </c>
      <c r="BB31" s="280">
        <v>198</v>
      </c>
      <c r="BC31" s="280">
        <v>29</v>
      </c>
      <c r="BD31" s="281">
        <v>1262</v>
      </c>
      <c r="BE31" s="282">
        <v>1262</v>
      </c>
      <c r="BF31" s="276">
        <v>0</v>
      </c>
      <c r="BG31" s="280">
        <v>0</v>
      </c>
      <c r="BH31" s="277">
        <v>0</v>
      </c>
      <c r="BI31" s="279">
        <v>0</v>
      </c>
      <c r="BJ31" s="280">
        <v>118</v>
      </c>
      <c r="BK31" s="280">
        <v>95</v>
      </c>
      <c r="BL31" s="280">
        <v>87</v>
      </c>
      <c r="BM31" s="280">
        <v>28</v>
      </c>
      <c r="BN31" s="280">
        <v>0</v>
      </c>
      <c r="BO31" s="277">
        <v>328</v>
      </c>
      <c r="BP31" s="282">
        <v>328</v>
      </c>
      <c r="BQ31" s="276">
        <v>0</v>
      </c>
      <c r="BR31" s="280">
        <v>0</v>
      </c>
      <c r="BS31" s="277">
        <v>0</v>
      </c>
      <c r="BT31" s="279">
        <v>0</v>
      </c>
      <c r="BU31" s="280">
        <v>19</v>
      </c>
      <c r="BV31" s="280">
        <v>67</v>
      </c>
      <c r="BW31" s="280">
        <v>158</v>
      </c>
      <c r="BX31" s="280">
        <v>38</v>
      </c>
      <c r="BY31" s="280">
        <v>91</v>
      </c>
      <c r="BZ31" s="277">
        <v>373</v>
      </c>
      <c r="CA31" s="282">
        <v>373</v>
      </c>
      <c r="CB31" s="276">
        <v>0</v>
      </c>
      <c r="CC31" s="280">
        <v>0</v>
      </c>
      <c r="CD31" s="277">
        <v>0</v>
      </c>
      <c r="CE31" s="279">
        <v>0</v>
      </c>
      <c r="CF31" s="280">
        <v>8</v>
      </c>
      <c r="CG31" s="280">
        <v>30</v>
      </c>
      <c r="CH31" s="280">
        <v>6</v>
      </c>
      <c r="CI31" s="280">
        <v>0</v>
      </c>
      <c r="CJ31" s="280">
        <v>4</v>
      </c>
      <c r="CK31" s="277">
        <v>48</v>
      </c>
      <c r="CL31" s="282">
        <v>48</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76">
        <v>0</v>
      </c>
      <c r="F32" s="279">
        <v>0</v>
      </c>
      <c r="G32" s="280">
        <v>344</v>
      </c>
      <c r="H32" s="280">
        <v>222</v>
      </c>
      <c r="I32" s="280">
        <v>450</v>
      </c>
      <c r="J32" s="280">
        <v>449</v>
      </c>
      <c r="K32" s="280">
        <v>770</v>
      </c>
      <c r="L32" s="281">
        <v>2235</v>
      </c>
      <c r="M32" s="282">
        <v>2235</v>
      </c>
      <c r="N32" s="276">
        <v>0</v>
      </c>
      <c r="O32" s="280">
        <v>0</v>
      </c>
      <c r="P32" s="277">
        <v>0</v>
      </c>
      <c r="Q32" s="279">
        <v>0</v>
      </c>
      <c r="R32" s="280">
        <v>4</v>
      </c>
      <c r="S32" s="280">
        <v>0</v>
      </c>
      <c r="T32" s="280">
        <v>4</v>
      </c>
      <c r="U32" s="280">
        <v>44</v>
      </c>
      <c r="V32" s="280">
        <v>24</v>
      </c>
      <c r="W32" s="277">
        <v>76</v>
      </c>
      <c r="X32" s="282">
        <v>76</v>
      </c>
      <c r="Y32" s="276">
        <v>16</v>
      </c>
      <c r="Z32" s="280">
        <v>33</v>
      </c>
      <c r="AA32" s="277">
        <v>49</v>
      </c>
      <c r="AB32" s="279">
        <v>0</v>
      </c>
      <c r="AC32" s="280">
        <v>216</v>
      </c>
      <c r="AD32" s="280">
        <v>85</v>
      </c>
      <c r="AE32" s="280">
        <v>181</v>
      </c>
      <c r="AF32" s="280">
        <v>243</v>
      </c>
      <c r="AG32" s="280">
        <v>29</v>
      </c>
      <c r="AH32" s="277">
        <v>754</v>
      </c>
      <c r="AI32" s="282">
        <v>803</v>
      </c>
      <c r="AJ32" s="276">
        <v>0</v>
      </c>
      <c r="AK32" s="280">
        <v>0</v>
      </c>
      <c r="AL32" s="277">
        <v>0</v>
      </c>
      <c r="AM32" s="279">
        <v>0</v>
      </c>
      <c r="AN32" s="280">
        <v>12</v>
      </c>
      <c r="AO32" s="280">
        <v>0</v>
      </c>
      <c r="AP32" s="280">
        <v>55</v>
      </c>
      <c r="AQ32" s="280">
        <v>15</v>
      </c>
      <c r="AR32" s="280">
        <v>0</v>
      </c>
      <c r="AS32" s="277">
        <v>82</v>
      </c>
      <c r="AT32" s="282">
        <v>82</v>
      </c>
      <c r="AU32" s="276">
        <v>0</v>
      </c>
      <c r="AV32" s="280">
        <v>0</v>
      </c>
      <c r="AW32" s="277">
        <v>0</v>
      </c>
      <c r="AX32" s="279">
        <v>0</v>
      </c>
      <c r="AY32" s="280">
        <v>280</v>
      </c>
      <c r="AZ32" s="280">
        <v>247</v>
      </c>
      <c r="BA32" s="280">
        <v>143</v>
      </c>
      <c r="BB32" s="280">
        <v>119</v>
      </c>
      <c r="BC32" s="280">
        <v>9</v>
      </c>
      <c r="BD32" s="281">
        <v>798</v>
      </c>
      <c r="BE32" s="282">
        <v>798</v>
      </c>
      <c r="BF32" s="276">
        <v>0</v>
      </c>
      <c r="BG32" s="280">
        <v>0</v>
      </c>
      <c r="BH32" s="277">
        <v>0</v>
      </c>
      <c r="BI32" s="279">
        <v>0</v>
      </c>
      <c r="BJ32" s="280">
        <v>46</v>
      </c>
      <c r="BK32" s="280">
        <v>69</v>
      </c>
      <c r="BL32" s="280">
        <v>50</v>
      </c>
      <c r="BM32" s="280">
        <v>25</v>
      </c>
      <c r="BN32" s="280">
        <v>0</v>
      </c>
      <c r="BO32" s="277">
        <v>190</v>
      </c>
      <c r="BP32" s="282">
        <v>190</v>
      </c>
      <c r="BQ32" s="276">
        <v>0</v>
      </c>
      <c r="BR32" s="280">
        <v>2</v>
      </c>
      <c r="BS32" s="277">
        <v>2</v>
      </c>
      <c r="BT32" s="279">
        <v>0</v>
      </c>
      <c r="BU32" s="280">
        <v>30</v>
      </c>
      <c r="BV32" s="280">
        <v>38</v>
      </c>
      <c r="BW32" s="280">
        <v>82</v>
      </c>
      <c r="BX32" s="280">
        <v>63</v>
      </c>
      <c r="BY32" s="280">
        <v>4</v>
      </c>
      <c r="BZ32" s="277">
        <v>217</v>
      </c>
      <c r="CA32" s="282">
        <v>219</v>
      </c>
      <c r="CB32" s="276">
        <v>0</v>
      </c>
      <c r="CC32" s="280">
        <v>0</v>
      </c>
      <c r="CD32" s="277">
        <v>0</v>
      </c>
      <c r="CE32" s="279">
        <v>0</v>
      </c>
      <c r="CF32" s="280">
        <v>0</v>
      </c>
      <c r="CG32" s="280">
        <v>10</v>
      </c>
      <c r="CH32" s="280">
        <v>0</v>
      </c>
      <c r="CI32" s="280">
        <v>10</v>
      </c>
      <c r="CJ32" s="280">
        <v>4</v>
      </c>
      <c r="CK32" s="277">
        <v>24</v>
      </c>
      <c r="CL32" s="282">
        <v>24</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76">
        <v>0</v>
      </c>
      <c r="F33" s="279">
        <v>0</v>
      </c>
      <c r="G33" s="280">
        <v>110</v>
      </c>
      <c r="H33" s="280">
        <v>108</v>
      </c>
      <c r="I33" s="280">
        <v>299</v>
      </c>
      <c r="J33" s="280">
        <v>181</v>
      </c>
      <c r="K33" s="280">
        <v>320</v>
      </c>
      <c r="L33" s="281">
        <v>1018</v>
      </c>
      <c r="M33" s="282">
        <v>1018</v>
      </c>
      <c r="N33" s="276">
        <v>0</v>
      </c>
      <c r="O33" s="280">
        <v>0</v>
      </c>
      <c r="P33" s="277">
        <v>0</v>
      </c>
      <c r="Q33" s="279">
        <v>0</v>
      </c>
      <c r="R33" s="280">
        <v>0</v>
      </c>
      <c r="S33" s="280">
        <v>4</v>
      </c>
      <c r="T33" s="280">
        <v>27</v>
      </c>
      <c r="U33" s="280">
        <v>35</v>
      </c>
      <c r="V33" s="280">
        <v>28</v>
      </c>
      <c r="W33" s="277">
        <v>94</v>
      </c>
      <c r="X33" s="282">
        <v>94</v>
      </c>
      <c r="Y33" s="276">
        <v>14</v>
      </c>
      <c r="Z33" s="280">
        <v>40</v>
      </c>
      <c r="AA33" s="277">
        <v>54</v>
      </c>
      <c r="AB33" s="279">
        <v>0</v>
      </c>
      <c r="AC33" s="280">
        <v>79</v>
      </c>
      <c r="AD33" s="280">
        <v>121</v>
      </c>
      <c r="AE33" s="280">
        <v>89</v>
      </c>
      <c r="AF33" s="280">
        <v>168</v>
      </c>
      <c r="AG33" s="280">
        <v>86</v>
      </c>
      <c r="AH33" s="277">
        <v>543</v>
      </c>
      <c r="AI33" s="282">
        <v>597</v>
      </c>
      <c r="AJ33" s="276">
        <v>0</v>
      </c>
      <c r="AK33" s="280">
        <v>0</v>
      </c>
      <c r="AL33" s="277">
        <v>0</v>
      </c>
      <c r="AM33" s="279">
        <v>0</v>
      </c>
      <c r="AN33" s="280">
        <v>6</v>
      </c>
      <c r="AO33" s="280">
        <v>24</v>
      </c>
      <c r="AP33" s="280">
        <v>33</v>
      </c>
      <c r="AQ33" s="280">
        <v>48</v>
      </c>
      <c r="AR33" s="280">
        <v>14</v>
      </c>
      <c r="AS33" s="277">
        <v>125</v>
      </c>
      <c r="AT33" s="282">
        <v>125</v>
      </c>
      <c r="AU33" s="276">
        <v>0</v>
      </c>
      <c r="AV33" s="280">
        <v>0</v>
      </c>
      <c r="AW33" s="277">
        <v>0</v>
      </c>
      <c r="AX33" s="279">
        <v>0</v>
      </c>
      <c r="AY33" s="280">
        <v>255</v>
      </c>
      <c r="AZ33" s="280">
        <v>331</v>
      </c>
      <c r="BA33" s="280">
        <v>233</v>
      </c>
      <c r="BB33" s="280">
        <v>104</v>
      </c>
      <c r="BC33" s="280">
        <v>30</v>
      </c>
      <c r="BD33" s="281">
        <v>953</v>
      </c>
      <c r="BE33" s="282">
        <v>953</v>
      </c>
      <c r="BF33" s="276">
        <v>0</v>
      </c>
      <c r="BG33" s="280">
        <v>0</v>
      </c>
      <c r="BH33" s="277">
        <v>0</v>
      </c>
      <c r="BI33" s="279">
        <v>0</v>
      </c>
      <c r="BJ33" s="280">
        <v>23</v>
      </c>
      <c r="BK33" s="280">
        <v>48</v>
      </c>
      <c r="BL33" s="280">
        <v>21</v>
      </c>
      <c r="BM33" s="280">
        <v>33</v>
      </c>
      <c r="BN33" s="280">
        <v>15</v>
      </c>
      <c r="BO33" s="277">
        <v>140</v>
      </c>
      <c r="BP33" s="282">
        <v>140</v>
      </c>
      <c r="BQ33" s="276">
        <v>0</v>
      </c>
      <c r="BR33" s="280">
        <v>0</v>
      </c>
      <c r="BS33" s="277">
        <v>0</v>
      </c>
      <c r="BT33" s="279">
        <v>0</v>
      </c>
      <c r="BU33" s="280">
        <v>31</v>
      </c>
      <c r="BV33" s="280">
        <v>60</v>
      </c>
      <c r="BW33" s="280">
        <v>67</v>
      </c>
      <c r="BX33" s="280">
        <v>89</v>
      </c>
      <c r="BY33" s="280">
        <v>16</v>
      </c>
      <c r="BZ33" s="277">
        <v>263</v>
      </c>
      <c r="CA33" s="282">
        <v>263</v>
      </c>
      <c r="CB33" s="276">
        <v>0</v>
      </c>
      <c r="CC33" s="280">
        <v>0</v>
      </c>
      <c r="CD33" s="277">
        <v>0</v>
      </c>
      <c r="CE33" s="279">
        <v>0</v>
      </c>
      <c r="CF33" s="280">
        <v>2</v>
      </c>
      <c r="CG33" s="280">
        <v>12</v>
      </c>
      <c r="CH33" s="280">
        <v>0</v>
      </c>
      <c r="CI33" s="280">
        <v>0</v>
      </c>
      <c r="CJ33" s="280">
        <v>10</v>
      </c>
      <c r="CK33" s="277">
        <v>24</v>
      </c>
      <c r="CL33" s="282">
        <v>24</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76">
        <v>0</v>
      </c>
      <c r="F34" s="279">
        <v>0</v>
      </c>
      <c r="G34" s="280">
        <v>300</v>
      </c>
      <c r="H34" s="280">
        <v>244</v>
      </c>
      <c r="I34" s="280">
        <v>422</v>
      </c>
      <c r="J34" s="280">
        <v>252</v>
      </c>
      <c r="K34" s="280">
        <v>703</v>
      </c>
      <c r="L34" s="281">
        <v>1921</v>
      </c>
      <c r="M34" s="282">
        <v>1921</v>
      </c>
      <c r="N34" s="276">
        <v>0</v>
      </c>
      <c r="O34" s="280">
        <v>0</v>
      </c>
      <c r="P34" s="277">
        <v>0</v>
      </c>
      <c r="Q34" s="279">
        <v>0</v>
      </c>
      <c r="R34" s="280">
        <v>0</v>
      </c>
      <c r="S34" s="280">
        <v>8</v>
      </c>
      <c r="T34" s="280">
        <v>13</v>
      </c>
      <c r="U34" s="280">
        <v>6</v>
      </c>
      <c r="V34" s="280">
        <v>41</v>
      </c>
      <c r="W34" s="277">
        <v>68</v>
      </c>
      <c r="X34" s="282">
        <v>68</v>
      </c>
      <c r="Y34" s="276">
        <v>22</v>
      </c>
      <c r="Z34" s="280">
        <v>46</v>
      </c>
      <c r="AA34" s="277">
        <v>68</v>
      </c>
      <c r="AB34" s="279">
        <v>0</v>
      </c>
      <c r="AC34" s="280">
        <v>166</v>
      </c>
      <c r="AD34" s="280">
        <v>248</v>
      </c>
      <c r="AE34" s="280">
        <v>145</v>
      </c>
      <c r="AF34" s="280">
        <v>92</v>
      </c>
      <c r="AG34" s="280">
        <v>131</v>
      </c>
      <c r="AH34" s="277">
        <v>782</v>
      </c>
      <c r="AI34" s="282">
        <v>850</v>
      </c>
      <c r="AJ34" s="276">
        <v>0</v>
      </c>
      <c r="AK34" s="280">
        <v>0</v>
      </c>
      <c r="AL34" s="277">
        <v>0</v>
      </c>
      <c r="AM34" s="279">
        <v>0</v>
      </c>
      <c r="AN34" s="280">
        <v>42</v>
      </c>
      <c r="AO34" s="280">
        <v>21</v>
      </c>
      <c r="AP34" s="280">
        <v>15</v>
      </c>
      <c r="AQ34" s="280">
        <v>45</v>
      </c>
      <c r="AR34" s="280">
        <v>24</v>
      </c>
      <c r="AS34" s="277">
        <v>147</v>
      </c>
      <c r="AT34" s="282">
        <v>147</v>
      </c>
      <c r="AU34" s="276">
        <v>0</v>
      </c>
      <c r="AV34" s="280">
        <v>0</v>
      </c>
      <c r="AW34" s="277">
        <v>0</v>
      </c>
      <c r="AX34" s="279">
        <v>0</v>
      </c>
      <c r="AY34" s="280">
        <v>514</v>
      </c>
      <c r="AZ34" s="280">
        <v>477</v>
      </c>
      <c r="BA34" s="280">
        <v>326</v>
      </c>
      <c r="BB34" s="280">
        <v>227</v>
      </c>
      <c r="BC34" s="280">
        <v>43</v>
      </c>
      <c r="BD34" s="281">
        <v>1587</v>
      </c>
      <c r="BE34" s="282">
        <v>1587</v>
      </c>
      <c r="BF34" s="276">
        <v>0</v>
      </c>
      <c r="BG34" s="280">
        <v>0</v>
      </c>
      <c r="BH34" s="277">
        <v>0</v>
      </c>
      <c r="BI34" s="279">
        <v>0</v>
      </c>
      <c r="BJ34" s="280">
        <v>58</v>
      </c>
      <c r="BK34" s="280">
        <v>81</v>
      </c>
      <c r="BL34" s="280">
        <v>42</v>
      </c>
      <c r="BM34" s="280">
        <v>30</v>
      </c>
      <c r="BN34" s="280">
        <v>26</v>
      </c>
      <c r="BO34" s="277">
        <v>237</v>
      </c>
      <c r="BP34" s="282">
        <v>237</v>
      </c>
      <c r="BQ34" s="276">
        <v>0</v>
      </c>
      <c r="BR34" s="280">
        <v>3</v>
      </c>
      <c r="BS34" s="277">
        <v>3</v>
      </c>
      <c r="BT34" s="279">
        <v>0</v>
      </c>
      <c r="BU34" s="280">
        <v>6</v>
      </c>
      <c r="BV34" s="280">
        <v>140</v>
      </c>
      <c r="BW34" s="280">
        <v>116</v>
      </c>
      <c r="BX34" s="280">
        <v>94</v>
      </c>
      <c r="BY34" s="280">
        <v>50</v>
      </c>
      <c r="BZ34" s="277">
        <v>406</v>
      </c>
      <c r="CA34" s="282">
        <v>409</v>
      </c>
      <c r="CB34" s="276">
        <v>0</v>
      </c>
      <c r="CC34" s="280">
        <v>7</v>
      </c>
      <c r="CD34" s="277">
        <v>7</v>
      </c>
      <c r="CE34" s="279">
        <v>0</v>
      </c>
      <c r="CF34" s="280">
        <v>2</v>
      </c>
      <c r="CG34" s="280">
        <v>8</v>
      </c>
      <c r="CH34" s="280">
        <v>3</v>
      </c>
      <c r="CI34" s="280">
        <v>17</v>
      </c>
      <c r="CJ34" s="280">
        <v>0</v>
      </c>
      <c r="CK34" s="277">
        <v>30</v>
      </c>
      <c r="CL34" s="282">
        <v>37</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76">
        <v>0</v>
      </c>
      <c r="F35" s="279">
        <v>0</v>
      </c>
      <c r="G35" s="280">
        <v>141</v>
      </c>
      <c r="H35" s="280">
        <v>273</v>
      </c>
      <c r="I35" s="280">
        <v>322</v>
      </c>
      <c r="J35" s="280">
        <v>250</v>
      </c>
      <c r="K35" s="280">
        <v>683</v>
      </c>
      <c r="L35" s="281">
        <v>1669</v>
      </c>
      <c r="M35" s="282">
        <v>1669</v>
      </c>
      <c r="N35" s="276">
        <v>0</v>
      </c>
      <c r="O35" s="280">
        <v>0</v>
      </c>
      <c r="P35" s="277">
        <v>0</v>
      </c>
      <c r="Q35" s="279">
        <v>0</v>
      </c>
      <c r="R35" s="280">
        <v>0</v>
      </c>
      <c r="S35" s="280">
        <v>0</v>
      </c>
      <c r="T35" s="280">
        <v>8</v>
      </c>
      <c r="U35" s="280">
        <v>8</v>
      </c>
      <c r="V35" s="280">
        <v>20</v>
      </c>
      <c r="W35" s="277">
        <v>36</v>
      </c>
      <c r="X35" s="282">
        <v>36</v>
      </c>
      <c r="Y35" s="276">
        <v>4</v>
      </c>
      <c r="Z35" s="280">
        <v>11</v>
      </c>
      <c r="AA35" s="277">
        <v>15</v>
      </c>
      <c r="AB35" s="279">
        <v>0</v>
      </c>
      <c r="AC35" s="280">
        <v>130</v>
      </c>
      <c r="AD35" s="280">
        <v>86</v>
      </c>
      <c r="AE35" s="280">
        <v>35</v>
      </c>
      <c r="AF35" s="280">
        <v>31</v>
      </c>
      <c r="AG35" s="280">
        <v>37</v>
      </c>
      <c r="AH35" s="277">
        <v>319</v>
      </c>
      <c r="AI35" s="282">
        <v>334</v>
      </c>
      <c r="AJ35" s="276">
        <v>134</v>
      </c>
      <c r="AK35" s="280">
        <v>223</v>
      </c>
      <c r="AL35" s="277">
        <v>357</v>
      </c>
      <c r="AM35" s="279">
        <v>0</v>
      </c>
      <c r="AN35" s="280">
        <v>441</v>
      </c>
      <c r="AO35" s="280">
        <v>278</v>
      </c>
      <c r="AP35" s="280">
        <v>132</v>
      </c>
      <c r="AQ35" s="280">
        <v>40</v>
      </c>
      <c r="AR35" s="280">
        <v>61</v>
      </c>
      <c r="AS35" s="277">
        <v>952</v>
      </c>
      <c r="AT35" s="282">
        <v>1309</v>
      </c>
      <c r="AU35" s="276">
        <v>0</v>
      </c>
      <c r="AV35" s="280">
        <v>0</v>
      </c>
      <c r="AW35" s="277">
        <v>0</v>
      </c>
      <c r="AX35" s="279">
        <v>0</v>
      </c>
      <c r="AY35" s="280">
        <v>82</v>
      </c>
      <c r="AZ35" s="280">
        <v>94</v>
      </c>
      <c r="BA35" s="280">
        <v>67</v>
      </c>
      <c r="BB35" s="280">
        <v>27</v>
      </c>
      <c r="BC35" s="280">
        <v>43</v>
      </c>
      <c r="BD35" s="281">
        <v>313</v>
      </c>
      <c r="BE35" s="282">
        <v>313</v>
      </c>
      <c r="BF35" s="276">
        <v>0</v>
      </c>
      <c r="BG35" s="280">
        <v>0</v>
      </c>
      <c r="BH35" s="277">
        <v>0</v>
      </c>
      <c r="BI35" s="279">
        <v>0</v>
      </c>
      <c r="BJ35" s="280">
        <v>169</v>
      </c>
      <c r="BK35" s="280">
        <v>92</v>
      </c>
      <c r="BL35" s="280">
        <v>73</v>
      </c>
      <c r="BM35" s="280">
        <v>7</v>
      </c>
      <c r="BN35" s="280">
        <v>12</v>
      </c>
      <c r="BO35" s="277">
        <v>353</v>
      </c>
      <c r="BP35" s="282">
        <v>353</v>
      </c>
      <c r="BQ35" s="276">
        <v>0</v>
      </c>
      <c r="BR35" s="280">
        <v>0</v>
      </c>
      <c r="BS35" s="277">
        <v>0</v>
      </c>
      <c r="BT35" s="279">
        <v>0</v>
      </c>
      <c r="BU35" s="280">
        <v>61</v>
      </c>
      <c r="BV35" s="280">
        <v>93</v>
      </c>
      <c r="BW35" s="280">
        <v>65</v>
      </c>
      <c r="BX35" s="280">
        <v>108</v>
      </c>
      <c r="BY35" s="280">
        <v>0</v>
      </c>
      <c r="BZ35" s="277">
        <v>327</v>
      </c>
      <c r="CA35" s="282">
        <v>327</v>
      </c>
      <c r="CB35" s="276">
        <v>0</v>
      </c>
      <c r="CC35" s="280">
        <v>0</v>
      </c>
      <c r="CD35" s="277">
        <v>0</v>
      </c>
      <c r="CE35" s="279">
        <v>0</v>
      </c>
      <c r="CF35" s="280">
        <v>7</v>
      </c>
      <c r="CG35" s="280">
        <v>6</v>
      </c>
      <c r="CH35" s="280">
        <v>17</v>
      </c>
      <c r="CI35" s="280">
        <v>0</v>
      </c>
      <c r="CJ35" s="280">
        <v>4</v>
      </c>
      <c r="CK35" s="277">
        <v>34</v>
      </c>
      <c r="CL35" s="282">
        <v>34</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76">
        <v>0</v>
      </c>
      <c r="F36" s="279">
        <v>0</v>
      </c>
      <c r="G36" s="280">
        <v>134</v>
      </c>
      <c r="H36" s="280">
        <v>122</v>
      </c>
      <c r="I36" s="280">
        <v>279</v>
      </c>
      <c r="J36" s="280">
        <v>267</v>
      </c>
      <c r="K36" s="280">
        <v>23</v>
      </c>
      <c r="L36" s="281">
        <v>825</v>
      </c>
      <c r="M36" s="282">
        <v>825</v>
      </c>
      <c r="N36" s="276">
        <v>0</v>
      </c>
      <c r="O36" s="280">
        <v>0</v>
      </c>
      <c r="P36" s="277">
        <v>0</v>
      </c>
      <c r="Q36" s="279">
        <v>0</v>
      </c>
      <c r="R36" s="280">
        <v>0</v>
      </c>
      <c r="S36" s="280">
        <v>4</v>
      </c>
      <c r="T36" s="280">
        <v>0</v>
      </c>
      <c r="U36" s="280">
        <v>8</v>
      </c>
      <c r="V36" s="280">
        <v>30</v>
      </c>
      <c r="W36" s="277">
        <v>42</v>
      </c>
      <c r="X36" s="282">
        <v>42</v>
      </c>
      <c r="Y36" s="276">
        <v>3</v>
      </c>
      <c r="Z36" s="280">
        <v>85</v>
      </c>
      <c r="AA36" s="277">
        <v>88</v>
      </c>
      <c r="AB36" s="279">
        <v>0</v>
      </c>
      <c r="AC36" s="280">
        <v>112</v>
      </c>
      <c r="AD36" s="280">
        <v>74</v>
      </c>
      <c r="AE36" s="280">
        <v>85</v>
      </c>
      <c r="AF36" s="280">
        <v>49</v>
      </c>
      <c r="AG36" s="280">
        <v>48</v>
      </c>
      <c r="AH36" s="277">
        <v>368</v>
      </c>
      <c r="AI36" s="282">
        <v>456</v>
      </c>
      <c r="AJ36" s="276">
        <v>0</v>
      </c>
      <c r="AK36" s="280">
        <v>0</v>
      </c>
      <c r="AL36" s="277">
        <v>0</v>
      </c>
      <c r="AM36" s="279">
        <v>0</v>
      </c>
      <c r="AN36" s="280">
        <v>65</v>
      </c>
      <c r="AO36" s="280">
        <v>51</v>
      </c>
      <c r="AP36" s="280">
        <v>41</v>
      </c>
      <c r="AQ36" s="280">
        <v>12</v>
      </c>
      <c r="AR36" s="280">
        <v>19</v>
      </c>
      <c r="AS36" s="277">
        <v>188</v>
      </c>
      <c r="AT36" s="282">
        <v>188</v>
      </c>
      <c r="AU36" s="276">
        <v>0</v>
      </c>
      <c r="AV36" s="280">
        <v>0</v>
      </c>
      <c r="AW36" s="277">
        <v>0</v>
      </c>
      <c r="AX36" s="279">
        <v>0</v>
      </c>
      <c r="AY36" s="280">
        <v>252</v>
      </c>
      <c r="AZ36" s="280">
        <v>268</v>
      </c>
      <c r="BA36" s="280">
        <v>178</v>
      </c>
      <c r="BB36" s="280">
        <v>148</v>
      </c>
      <c r="BC36" s="280">
        <v>26</v>
      </c>
      <c r="BD36" s="281">
        <v>872</v>
      </c>
      <c r="BE36" s="282">
        <v>872</v>
      </c>
      <c r="BF36" s="276">
        <v>0</v>
      </c>
      <c r="BG36" s="280">
        <v>0</v>
      </c>
      <c r="BH36" s="277">
        <v>0</v>
      </c>
      <c r="BI36" s="279">
        <v>0</v>
      </c>
      <c r="BJ36" s="280">
        <v>65</v>
      </c>
      <c r="BK36" s="280">
        <v>10</v>
      </c>
      <c r="BL36" s="280">
        <v>7</v>
      </c>
      <c r="BM36" s="280">
        <v>39</v>
      </c>
      <c r="BN36" s="280">
        <v>0</v>
      </c>
      <c r="BO36" s="277">
        <v>121</v>
      </c>
      <c r="BP36" s="282">
        <v>121</v>
      </c>
      <c r="BQ36" s="276">
        <v>0</v>
      </c>
      <c r="BR36" s="280">
        <v>0</v>
      </c>
      <c r="BS36" s="277">
        <v>0</v>
      </c>
      <c r="BT36" s="279">
        <v>0</v>
      </c>
      <c r="BU36" s="280">
        <v>21</v>
      </c>
      <c r="BV36" s="280">
        <v>2</v>
      </c>
      <c r="BW36" s="280">
        <v>7</v>
      </c>
      <c r="BX36" s="280">
        <v>19</v>
      </c>
      <c r="BY36" s="280">
        <v>19</v>
      </c>
      <c r="BZ36" s="277">
        <v>68</v>
      </c>
      <c r="CA36" s="282">
        <v>68</v>
      </c>
      <c r="CB36" s="276">
        <v>0</v>
      </c>
      <c r="CC36" s="280">
        <v>0</v>
      </c>
      <c r="CD36" s="277">
        <v>0</v>
      </c>
      <c r="CE36" s="279">
        <v>0</v>
      </c>
      <c r="CF36" s="280">
        <v>2</v>
      </c>
      <c r="CG36" s="280">
        <v>0</v>
      </c>
      <c r="CH36" s="280">
        <v>0</v>
      </c>
      <c r="CI36" s="280">
        <v>13</v>
      </c>
      <c r="CJ36" s="280">
        <v>0</v>
      </c>
      <c r="CK36" s="277">
        <v>15</v>
      </c>
      <c r="CL36" s="282">
        <v>15</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76">
        <v>0</v>
      </c>
      <c r="F37" s="279">
        <v>0</v>
      </c>
      <c r="G37" s="280">
        <v>1091</v>
      </c>
      <c r="H37" s="280">
        <v>955</v>
      </c>
      <c r="I37" s="280">
        <v>1388</v>
      </c>
      <c r="J37" s="280">
        <v>1649</v>
      </c>
      <c r="K37" s="280">
        <v>928</v>
      </c>
      <c r="L37" s="281">
        <v>6011</v>
      </c>
      <c r="M37" s="282">
        <v>6011</v>
      </c>
      <c r="N37" s="276">
        <v>0</v>
      </c>
      <c r="O37" s="280">
        <v>0</v>
      </c>
      <c r="P37" s="277">
        <v>0</v>
      </c>
      <c r="Q37" s="279">
        <v>0</v>
      </c>
      <c r="R37" s="280">
        <v>1</v>
      </c>
      <c r="S37" s="280">
        <v>35</v>
      </c>
      <c r="T37" s="280">
        <v>20</v>
      </c>
      <c r="U37" s="280">
        <v>45</v>
      </c>
      <c r="V37" s="280">
        <v>62</v>
      </c>
      <c r="W37" s="277">
        <v>163</v>
      </c>
      <c r="X37" s="282">
        <v>163</v>
      </c>
      <c r="Y37" s="276">
        <v>13</v>
      </c>
      <c r="Z37" s="280">
        <v>42</v>
      </c>
      <c r="AA37" s="277">
        <v>55</v>
      </c>
      <c r="AB37" s="279">
        <v>0</v>
      </c>
      <c r="AC37" s="280">
        <v>390</v>
      </c>
      <c r="AD37" s="280">
        <v>249</v>
      </c>
      <c r="AE37" s="280">
        <v>173</v>
      </c>
      <c r="AF37" s="280">
        <v>246</v>
      </c>
      <c r="AG37" s="280">
        <v>132</v>
      </c>
      <c r="AH37" s="277">
        <v>1190</v>
      </c>
      <c r="AI37" s="282">
        <v>1245</v>
      </c>
      <c r="AJ37" s="276">
        <v>14</v>
      </c>
      <c r="AK37" s="280">
        <v>66</v>
      </c>
      <c r="AL37" s="277">
        <v>80</v>
      </c>
      <c r="AM37" s="279">
        <v>0</v>
      </c>
      <c r="AN37" s="280">
        <v>259</v>
      </c>
      <c r="AO37" s="280">
        <v>141</v>
      </c>
      <c r="AP37" s="280">
        <v>61</v>
      </c>
      <c r="AQ37" s="280">
        <v>157</v>
      </c>
      <c r="AR37" s="280">
        <v>42</v>
      </c>
      <c r="AS37" s="277">
        <v>660</v>
      </c>
      <c r="AT37" s="282">
        <v>740</v>
      </c>
      <c r="AU37" s="276">
        <v>0</v>
      </c>
      <c r="AV37" s="280">
        <v>0</v>
      </c>
      <c r="AW37" s="277">
        <v>0</v>
      </c>
      <c r="AX37" s="279">
        <v>0</v>
      </c>
      <c r="AY37" s="280">
        <v>1346</v>
      </c>
      <c r="AZ37" s="280">
        <v>842</v>
      </c>
      <c r="BA37" s="280">
        <v>426</v>
      </c>
      <c r="BB37" s="280">
        <v>419</v>
      </c>
      <c r="BC37" s="280">
        <v>204</v>
      </c>
      <c r="BD37" s="281">
        <v>3237</v>
      </c>
      <c r="BE37" s="282">
        <v>3237</v>
      </c>
      <c r="BF37" s="276">
        <v>0</v>
      </c>
      <c r="BG37" s="280">
        <v>0</v>
      </c>
      <c r="BH37" s="277">
        <v>0</v>
      </c>
      <c r="BI37" s="279">
        <v>0</v>
      </c>
      <c r="BJ37" s="280">
        <v>484</v>
      </c>
      <c r="BK37" s="280">
        <v>189</v>
      </c>
      <c r="BL37" s="280">
        <v>57</v>
      </c>
      <c r="BM37" s="280">
        <v>97</v>
      </c>
      <c r="BN37" s="280">
        <v>2</v>
      </c>
      <c r="BO37" s="277">
        <v>829</v>
      </c>
      <c r="BP37" s="282">
        <v>829</v>
      </c>
      <c r="BQ37" s="276">
        <v>0</v>
      </c>
      <c r="BR37" s="280">
        <v>0</v>
      </c>
      <c r="BS37" s="277">
        <v>0</v>
      </c>
      <c r="BT37" s="279">
        <v>0</v>
      </c>
      <c r="BU37" s="280">
        <v>104</v>
      </c>
      <c r="BV37" s="280">
        <v>103</v>
      </c>
      <c r="BW37" s="280">
        <v>57</v>
      </c>
      <c r="BX37" s="280">
        <v>222</v>
      </c>
      <c r="BY37" s="280">
        <v>12</v>
      </c>
      <c r="BZ37" s="277">
        <v>498</v>
      </c>
      <c r="CA37" s="282">
        <v>498</v>
      </c>
      <c r="CB37" s="276">
        <v>0</v>
      </c>
      <c r="CC37" s="280">
        <v>0</v>
      </c>
      <c r="CD37" s="277">
        <v>0</v>
      </c>
      <c r="CE37" s="279">
        <v>0</v>
      </c>
      <c r="CF37" s="280">
        <v>33</v>
      </c>
      <c r="CG37" s="280">
        <v>7</v>
      </c>
      <c r="CH37" s="280">
        <v>7</v>
      </c>
      <c r="CI37" s="280">
        <v>13</v>
      </c>
      <c r="CJ37" s="280">
        <v>0</v>
      </c>
      <c r="CK37" s="277">
        <v>60</v>
      </c>
      <c r="CL37" s="282">
        <v>6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76">
        <v>0</v>
      </c>
      <c r="F38" s="279">
        <v>0</v>
      </c>
      <c r="G38" s="280">
        <v>516</v>
      </c>
      <c r="H38" s="280">
        <v>1224</v>
      </c>
      <c r="I38" s="280">
        <v>1437</v>
      </c>
      <c r="J38" s="280">
        <v>2833</v>
      </c>
      <c r="K38" s="280">
        <v>1969</v>
      </c>
      <c r="L38" s="281">
        <v>7979</v>
      </c>
      <c r="M38" s="282">
        <v>7979</v>
      </c>
      <c r="N38" s="276">
        <v>0</v>
      </c>
      <c r="O38" s="280">
        <v>0</v>
      </c>
      <c r="P38" s="277">
        <v>0</v>
      </c>
      <c r="Q38" s="279">
        <v>0</v>
      </c>
      <c r="R38" s="280">
        <v>33</v>
      </c>
      <c r="S38" s="280">
        <v>33</v>
      </c>
      <c r="T38" s="280">
        <v>28</v>
      </c>
      <c r="U38" s="280">
        <v>27</v>
      </c>
      <c r="V38" s="280">
        <v>53</v>
      </c>
      <c r="W38" s="277">
        <v>174</v>
      </c>
      <c r="X38" s="282">
        <v>174</v>
      </c>
      <c r="Y38" s="276">
        <v>77</v>
      </c>
      <c r="Z38" s="280">
        <v>152</v>
      </c>
      <c r="AA38" s="277">
        <v>229</v>
      </c>
      <c r="AB38" s="279">
        <v>0</v>
      </c>
      <c r="AC38" s="280">
        <v>626</v>
      </c>
      <c r="AD38" s="280">
        <v>540</v>
      </c>
      <c r="AE38" s="280">
        <v>268</v>
      </c>
      <c r="AF38" s="280">
        <v>322</v>
      </c>
      <c r="AG38" s="280">
        <v>337</v>
      </c>
      <c r="AH38" s="277">
        <v>2093</v>
      </c>
      <c r="AI38" s="282">
        <v>2322</v>
      </c>
      <c r="AJ38" s="276">
        <v>32</v>
      </c>
      <c r="AK38" s="280">
        <v>102</v>
      </c>
      <c r="AL38" s="277">
        <v>134</v>
      </c>
      <c r="AM38" s="279">
        <v>0</v>
      </c>
      <c r="AN38" s="280">
        <v>164</v>
      </c>
      <c r="AO38" s="280">
        <v>136</v>
      </c>
      <c r="AP38" s="280">
        <v>50</v>
      </c>
      <c r="AQ38" s="280">
        <v>80</v>
      </c>
      <c r="AR38" s="280">
        <v>60</v>
      </c>
      <c r="AS38" s="277">
        <v>490</v>
      </c>
      <c r="AT38" s="282">
        <v>624</v>
      </c>
      <c r="AU38" s="276">
        <v>0</v>
      </c>
      <c r="AV38" s="280">
        <v>0</v>
      </c>
      <c r="AW38" s="277">
        <v>0</v>
      </c>
      <c r="AX38" s="279">
        <v>0</v>
      </c>
      <c r="AY38" s="280">
        <v>736</v>
      </c>
      <c r="AZ38" s="280">
        <v>960</v>
      </c>
      <c r="BA38" s="280">
        <v>457</v>
      </c>
      <c r="BB38" s="280">
        <v>329</v>
      </c>
      <c r="BC38" s="280">
        <v>171</v>
      </c>
      <c r="BD38" s="281">
        <v>2653</v>
      </c>
      <c r="BE38" s="282">
        <v>2653</v>
      </c>
      <c r="BF38" s="276">
        <v>0</v>
      </c>
      <c r="BG38" s="280">
        <v>0</v>
      </c>
      <c r="BH38" s="277">
        <v>0</v>
      </c>
      <c r="BI38" s="279">
        <v>0</v>
      </c>
      <c r="BJ38" s="280">
        <v>199</v>
      </c>
      <c r="BK38" s="280">
        <v>180</v>
      </c>
      <c r="BL38" s="280">
        <v>132</v>
      </c>
      <c r="BM38" s="280">
        <v>28</v>
      </c>
      <c r="BN38" s="280">
        <v>25</v>
      </c>
      <c r="BO38" s="277">
        <v>564</v>
      </c>
      <c r="BP38" s="282">
        <v>564</v>
      </c>
      <c r="BQ38" s="276">
        <v>0</v>
      </c>
      <c r="BR38" s="280">
        <v>0</v>
      </c>
      <c r="BS38" s="277">
        <v>0</v>
      </c>
      <c r="BT38" s="279">
        <v>0</v>
      </c>
      <c r="BU38" s="280">
        <v>141</v>
      </c>
      <c r="BV38" s="280">
        <v>166</v>
      </c>
      <c r="BW38" s="280">
        <v>198</v>
      </c>
      <c r="BX38" s="280">
        <v>324</v>
      </c>
      <c r="BY38" s="280">
        <v>126</v>
      </c>
      <c r="BZ38" s="277">
        <v>955</v>
      </c>
      <c r="CA38" s="282">
        <v>955</v>
      </c>
      <c r="CB38" s="276">
        <v>0</v>
      </c>
      <c r="CC38" s="280">
        <v>0</v>
      </c>
      <c r="CD38" s="277">
        <v>0</v>
      </c>
      <c r="CE38" s="279">
        <v>0</v>
      </c>
      <c r="CF38" s="280">
        <v>7</v>
      </c>
      <c r="CG38" s="280">
        <v>0</v>
      </c>
      <c r="CH38" s="280">
        <v>0</v>
      </c>
      <c r="CI38" s="280">
        <v>0</v>
      </c>
      <c r="CJ38" s="280">
        <v>0</v>
      </c>
      <c r="CK38" s="277">
        <v>7</v>
      </c>
      <c r="CL38" s="282">
        <v>7</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77">
        <v>0</v>
      </c>
      <c r="F39" s="286">
        <v>0</v>
      </c>
      <c r="G39" s="287">
        <v>11</v>
      </c>
      <c r="H39" s="287">
        <v>49</v>
      </c>
      <c r="I39" s="287">
        <v>96</v>
      </c>
      <c r="J39" s="287">
        <v>30</v>
      </c>
      <c r="K39" s="287">
        <v>132</v>
      </c>
      <c r="L39" s="288">
        <v>318</v>
      </c>
      <c r="M39" s="289">
        <v>318</v>
      </c>
      <c r="N39" s="283">
        <v>0</v>
      </c>
      <c r="O39" s="287">
        <v>0</v>
      </c>
      <c r="P39" s="284">
        <v>0</v>
      </c>
      <c r="Q39" s="286">
        <v>0</v>
      </c>
      <c r="R39" s="287">
        <v>0</v>
      </c>
      <c r="S39" s="287">
        <v>0</v>
      </c>
      <c r="T39" s="287">
        <v>0</v>
      </c>
      <c r="U39" s="287">
        <v>0</v>
      </c>
      <c r="V39" s="287">
        <v>0</v>
      </c>
      <c r="W39" s="284">
        <v>0</v>
      </c>
      <c r="X39" s="289">
        <v>0</v>
      </c>
      <c r="Y39" s="283">
        <v>4</v>
      </c>
      <c r="Z39" s="287">
        <v>5</v>
      </c>
      <c r="AA39" s="284">
        <v>9</v>
      </c>
      <c r="AB39" s="286">
        <v>0</v>
      </c>
      <c r="AC39" s="287">
        <v>11</v>
      </c>
      <c r="AD39" s="287">
        <v>20</v>
      </c>
      <c r="AE39" s="287">
        <v>6</v>
      </c>
      <c r="AF39" s="287">
        <v>32</v>
      </c>
      <c r="AG39" s="287">
        <v>9</v>
      </c>
      <c r="AH39" s="284">
        <v>78</v>
      </c>
      <c r="AI39" s="289">
        <v>87</v>
      </c>
      <c r="AJ39" s="283">
        <v>0</v>
      </c>
      <c r="AK39" s="287">
        <v>0</v>
      </c>
      <c r="AL39" s="284">
        <v>0</v>
      </c>
      <c r="AM39" s="286">
        <v>0</v>
      </c>
      <c r="AN39" s="287">
        <v>0</v>
      </c>
      <c r="AO39" s="287">
        <v>6</v>
      </c>
      <c r="AP39" s="287">
        <v>0</v>
      </c>
      <c r="AQ39" s="287">
        <v>20</v>
      </c>
      <c r="AR39" s="287">
        <v>0</v>
      </c>
      <c r="AS39" s="284">
        <v>26</v>
      </c>
      <c r="AT39" s="289">
        <v>26</v>
      </c>
      <c r="AU39" s="283">
        <v>0</v>
      </c>
      <c r="AV39" s="287">
        <v>0</v>
      </c>
      <c r="AW39" s="284">
        <v>0</v>
      </c>
      <c r="AX39" s="286">
        <v>0</v>
      </c>
      <c r="AY39" s="287">
        <v>59</v>
      </c>
      <c r="AZ39" s="287">
        <v>38</v>
      </c>
      <c r="BA39" s="287">
        <v>72</v>
      </c>
      <c r="BB39" s="287">
        <v>20</v>
      </c>
      <c r="BC39" s="287">
        <v>13</v>
      </c>
      <c r="BD39" s="288">
        <v>202</v>
      </c>
      <c r="BE39" s="289">
        <v>202</v>
      </c>
      <c r="BF39" s="283">
        <v>0</v>
      </c>
      <c r="BG39" s="287">
        <v>0</v>
      </c>
      <c r="BH39" s="284">
        <v>0</v>
      </c>
      <c r="BI39" s="286">
        <v>0</v>
      </c>
      <c r="BJ39" s="287">
        <v>64</v>
      </c>
      <c r="BK39" s="287">
        <v>8</v>
      </c>
      <c r="BL39" s="287">
        <v>27</v>
      </c>
      <c r="BM39" s="287">
        <v>25</v>
      </c>
      <c r="BN39" s="287">
        <v>0</v>
      </c>
      <c r="BO39" s="284">
        <v>124</v>
      </c>
      <c r="BP39" s="289">
        <v>124</v>
      </c>
      <c r="BQ39" s="283">
        <v>0</v>
      </c>
      <c r="BR39" s="287">
        <v>0</v>
      </c>
      <c r="BS39" s="284">
        <v>0</v>
      </c>
      <c r="BT39" s="286">
        <v>0</v>
      </c>
      <c r="BU39" s="287">
        <v>0</v>
      </c>
      <c r="BV39" s="287">
        <v>12</v>
      </c>
      <c r="BW39" s="287">
        <v>54</v>
      </c>
      <c r="BX39" s="287">
        <v>10</v>
      </c>
      <c r="BY39" s="287">
        <v>0</v>
      </c>
      <c r="BZ39" s="284">
        <v>76</v>
      </c>
      <c r="CA39" s="289">
        <v>76</v>
      </c>
      <c r="CB39" s="283">
        <v>0</v>
      </c>
      <c r="CC39" s="287">
        <v>0</v>
      </c>
      <c r="CD39" s="284">
        <v>0</v>
      </c>
      <c r="CE39" s="286">
        <v>0</v>
      </c>
      <c r="CF39" s="287">
        <v>0</v>
      </c>
      <c r="CG39" s="287">
        <v>0</v>
      </c>
      <c r="CH39" s="287">
        <v>5</v>
      </c>
      <c r="CI39" s="287">
        <v>2</v>
      </c>
      <c r="CJ39" s="287">
        <v>4</v>
      </c>
      <c r="CK39" s="284">
        <v>11</v>
      </c>
      <c r="CL39" s="289">
        <v>11</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08-30T04:12:27Z</cp:lastPrinted>
  <dcterms:created xsi:type="dcterms:W3CDTF">2008-02-08T04:23:07Z</dcterms:created>
  <dcterms:modified xsi:type="dcterms:W3CDTF">2023-09-13T03:00:15Z</dcterms:modified>
</cp:coreProperties>
</file>